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43064D" w:rsidRDefault="008B3C4B">
      <w:pPr>
        <w:spacing w:after="146" w:line="259" w:lineRule="auto"/>
        <w:ind w:left="-29" w:right="-22" w:firstLine="0"/>
        <w:jc w:val="left"/>
      </w:pPr>
      <w:r>
        <w:rPr>
          <w:rFonts w:ascii="Calibri" w:eastAsia="Calibri" w:hAnsi="Calibri" w:cs="Calibri"/>
          <w:noProof/>
          <w:sz w:val="22"/>
        </w:rPr>
        <mc:AlternateContent>
          <mc:Choice Requires="wpg">
            <w:drawing>
              <wp:inline distT="0" distB="0" distL="0" distR="0">
                <wp:extent cx="5979541" cy="12192"/>
                <wp:effectExtent l="0" t="0" r="0" b="0"/>
                <wp:docPr id="57801" name="Group 57801"/>
                <wp:cNvGraphicFramePr/>
                <a:graphic xmlns:a="http://schemas.openxmlformats.org/drawingml/2006/main">
                  <a:graphicData uri="http://schemas.microsoft.com/office/word/2010/wordprocessingGroup">
                    <wpg:wgp>
                      <wpg:cNvGrpSpPr/>
                      <wpg:grpSpPr>
                        <a:xfrm>
                          <a:off x="0" y="0"/>
                          <a:ext cx="5979541" cy="12192"/>
                          <a:chOff x="0" y="0"/>
                          <a:chExt cx="5979541" cy="12192"/>
                        </a:xfrm>
                      </wpg:grpSpPr>
                      <wps:wsp>
                        <wps:cNvPr id="68861" name="Shape 68861"/>
                        <wps:cNvSpPr/>
                        <wps:spPr>
                          <a:xfrm>
                            <a:off x="0" y="0"/>
                            <a:ext cx="5979541" cy="12192"/>
                          </a:xfrm>
                          <a:custGeom>
                            <a:avLst/>
                            <a:gdLst/>
                            <a:ahLst/>
                            <a:cxnLst/>
                            <a:rect l="0" t="0" r="0" b="0"/>
                            <a:pathLst>
                              <a:path w="5979541" h="12192">
                                <a:moveTo>
                                  <a:pt x="0" y="0"/>
                                </a:moveTo>
                                <a:lnTo>
                                  <a:pt x="5979541" y="0"/>
                                </a:lnTo>
                                <a:lnTo>
                                  <a:pt x="5979541" y="12192"/>
                                </a:lnTo>
                                <a:lnTo>
                                  <a:pt x="0" y="12192"/>
                                </a:lnTo>
                                <a:lnTo>
                                  <a:pt x="0" y="0"/>
                                </a:lnTo>
                              </a:path>
                            </a:pathLst>
                          </a:custGeom>
                          <a:ln w="0" cap="flat">
                            <a:miter lim="127000"/>
                          </a:ln>
                        </wps:spPr>
                        <wps:style>
                          <a:lnRef idx="0">
                            <a:srgbClr val="000000">
                              <a:alpha val="0"/>
                            </a:srgbClr>
                          </a:lnRef>
                          <a:fillRef idx="1">
                            <a:srgbClr val="000000"/>
                          </a:fillRef>
                          <a:effectRef idx="0">
                            <a:scrgbClr r="0" g="0" b="0"/>
                          </a:effectRef>
                          <a:fontRef idx="none"/>
                        </wps:style>
                        <wps:bodyPr/>
                      </wps:wsp>
                    </wpg:wgp>
                  </a:graphicData>
                </a:graphic>
              </wp:inline>
            </w:drawing>
          </mc:Choice>
          <mc:Fallback xmlns:a="http://schemas.openxmlformats.org/drawingml/2006/main">
            <w:pict>
              <v:group id="Group 57801" style="width:470.83pt;height:0.960022pt;mso-position-horizontal-relative:char;mso-position-vertical-relative:line" coordsize="59795,121">
                <v:shape id="Shape 68862" style="position:absolute;width:59795;height:121;left:0;top:0;" coordsize="5979541,12192" path="m0,0l5979541,0l5979541,12192l0,12192l0,0">
                  <v:stroke weight="0pt" endcap="flat" joinstyle="miter" miterlimit="10" on="false" color="#000000" opacity="0"/>
                  <v:fill on="true" color="#000000"/>
                </v:shape>
              </v:group>
            </w:pict>
          </mc:Fallback>
        </mc:AlternateContent>
      </w:r>
    </w:p>
    <w:p w:rsidR="0043064D" w:rsidRDefault="008B3C4B">
      <w:pPr>
        <w:spacing w:after="0" w:line="245" w:lineRule="auto"/>
        <w:ind w:left="0" w:firstLine="0"/>
        <w:jc w:val="left"/>
      </w:pPr>
      <w:r>
        <w:rPr>
          <w:rFonts w:ascii="Tahoma" w:eastAsia="Tahoma" w:hAnsi="Tahoma" w:cs="Tahoma"/>
          <w:b/>
          <w:sz w:val="52"/>
        </w:rPr>
        <w:t xml:space="preserve">Управление </w:t>
      </w:r>
      <w:r>
        <w:rPr>
          <w:rFonts w:ascii="Tahoma" w:eastAsia="Tahoma" w:hAnsi="Tahoma" w:cs="Tahoma"/>
          <w:b/>
          <w:sz w:val="52"/>
        </w:rPr>
        <w:tab/>
        <w:t xml:space="preserve">вводом-выводом, файловой </w:t>
      </w:r>
      <w:r>
        <w:rPr>
          <w:rFonts w:ascii="Tahoma" w:eastAsia="Tahoma" w:hAnsi="Tahoma" w:cs="Tahoma"/>
          <w:b/>
          <w:sz w:val="52"/>
        </w:rPr>
        <w:tab/>
        <w:t xml:space="preserve">системой </w:t>
      </w:r>
      <w:r>
        <w:rPr>
          <w:rFonts w:ascii="Tahoma" w:eastAsia="Tahoma" w:hAnsi="Tahoma" w:cs="Tahoma"/>
          <w:b/>
          <w:sz w:val="52"/>
        </w:rPr>
        <w:tab/>
        <w:t xml:space="preserve">и безопасностью в ОС </w:t>
      </w:r>
      <w:proofErr w:type="spellStart"/>
      <w:r>
        <w:rPr>
          <w:rFonts w:ascii="Tahoma" w:eastAsia="Tahoma" w:hAnsi="Tahoma" w:cs="Tahoma"/>
          <w:b/>
          <w:sz w:val="52"/>
        </w:rPr>
        <w:t>Windows</w:t>
      </w:r>
      <w:proofErr w:type="spellEnd"/>
      <w:r>
        <w:rPr>
          <w:rFonts w:ascii="Tahoma" w:eastAsia="Tahoma" w:hAnsi="Tahoma" w:cs="Tahoma"/>
          <w:b/>
          <w:sz w:val="52"/>
        </w:rPr>
        <w:t xml:space="preserve">. Часть 2. Ввод-вывод и внешняя память </w:t>
      </w:r>
    </w:p>
    <w:p w:rsidR="0043064D" w:rsidRDefault="008B3C4B">
      <w:pPr>
        <w:spacing w:after="469" w:line="259" w:lineRule="auto"/>
        <w:ind w:left="-29" w:right="-22" w:firstLine="0"/>
        <w:jc w:val="left"/>
      </w:pPr>
      <w:r>
        <w:rPr>
          <w:rFonts w:ascii="Calibri" w:eastAsia="Calibri" w:hAnsi="Calibri" w:cs="Calibri"/>
          <w:noProof/>
          <w:sz w:val="22"/>
        </w:rPr>
        <mc:AlternateContent>
          <mc:Choice Requires="wpg">
            <w:drawing>
              <wp:inline distT="0" distB="0" distL="0" distR="0">
                <wp:extent cx="5979541" cy="12192"/>
                <wp:effectExtent l="0" t="0" r="0" b="0"/>
                <wp:docPr id="57802" name="Group 57802"/>
                <wp:cNvGraphicFramePr/>
                <a:graphic xmlns:a="http://schemas.openxmlformats.org/drawingml/2006/main">
                  <a:graphicData uri="http://schemas.microsoft.com/office/word/2010/wordprocessingGroup">
                    <wpg:wgp>
                      <wpg:cNvGrpSpPr/>
                      <wpg:grpSpPr>
                        <a:xfrm>
                          <a:off x="0" y="0"/>
                          <a:ext cx="5979541" cy="12192"/>
                          <a:chOff x="0" y="0"/>
                          <a:chExt cx="5979541" cy="12192"/>
                        </a:xfrm>
                      </wpg:grpSpPr>
                      <wps:wsp>
                        <wps:cNvPr id="68863" name="Shape 68863"/>
                        <wps:cNvSpPr/>
                        <wps:spPr>
                          <a:xfrm>
                            <a:off x="0" y="0"/>
                            <a:ext cx="5979541" cy="12192"/>
                          </a:xfrm>
                          <a:custGeom>
                            <a:avLst/>
                            <a:gdLst/>
                            <a:ahLst/>
                            <a:cxnLst/>
                            <a:rect l="0" t="0" r="0" b="0"/>
                            <a:pathLst>
                              <a:path w="5979541" h="12192">
                                <a:moveTo>
                                  <a:pt x="0" y="0"/>
                                </a:moveTo>
                                <a:lnTo>
                                  <a:pt x="5979541" y="0"/>
                                </a:lnTo>
                                <a:lnTo>
                                  <a:pt x="5979541" y="12192"/>
                                </a:lnTo>
                                <a:lnTo>
                                  <a:pt x="0" y="12192"/>
                                </a:lnTo>
                                <a:lnTo>
                                  <a:pt x="0" y="0"/>
                                </a:lnTo>
                              </a:path>
                            </a:pathLst>
                          </a:custGeom>
                          <a:ln w="0" cap="flat">
                            <a:miter lim="127000"/>
                          </a:ln>
                        </wps:spPr>
                        <wps:style>
                          <a:lnRef idx="0">
                            <a:srgbClr val="000000">
                              <a:alpha val="0"/>
                            </a:srgbClr>
                          </a:lnRef>
                          <a:fillRef idx="1">
                            <a:srgbClr val="000000"/>
                          </a:fillRef>
                          <a:effectRef idx="0">
                            <a:scrgbClr r="0" g="0" b="0"/>
                          </a:effectRef>
                          <a:fontRef idx="none"/>
                        </wps:style>
                        <wps:bodyPr/>
                      </wps:wsp>
                    </wpg:wgp>
                  </a:graphicData>
                </a:graphic>
              </wp:inline>
            </w:drawing>
          </mc:Choice>
          <mc:Fallback xmlns:a="http://schemas.openxmlformats.org/drawingml/2006/main">
            <w:pict>
              <v:group id="Group 57802" style="width:470.83pt;height:0.959991pt;mso-position-horizontal-relative:char;mso-position-vertical-relative:line" coordsize="59795,121">
                <v:shape id="Shape 68864" style="position:absolute;width:59795;height:121;left:0;top:0;" coordsize="5979541,12192" path="m0,0l5979541,0l5979541,12192l0,12192l0,0">
                  <v:stroke weight="0pt" endcap="flat" joinstyle="miter" miterlimit="10" on="false" color="#000000" opacity="0"/>
                  <v:fill on="true" color="#000000"/>
                </v:shape>
              </v:group>
            </w:pict>
          </mc:Fallback>
        </mc:AlternateContent>
      </w:r>
    </w:p>
    <w:p w:rsidR="0043064D" w:rsidRDefault="008B3C4B">
      <w:pPr>
        <w:spacing w:after="187" w:line="259" w:lineRule="auto"/>
        <w:ind w:left="0" w:firstLine="0"/>
        <w:jc w:val="left"/>
      </w:pPr>
      <w:r>
        <w:rPr>
          <w:rFonts w:ascii="Tahoma" w:eastAsia="Tahoma" w:hAnsi="Tahoma" w:cs="Tahoma"/>
          <w:b/>
          <w:sz w:val="32"/>
        </w:rPr>
        <w:t xml:space="preserve">Лекция </w:t>
      </w:r>
    </w:p>
    <w:p w:rsidR="0043064D" w:rsidRDefault="008B3C4B" w:rsidP="008B3C4B">
      <w:pPr>
        <w:spacing w:after="0" w:line="259" w:lineRule="auto"/>
        <w:ind w:right="-22"/>
        <w:jc w:val="left"/>
      </w:pPr>
      <w:r>
        <w:br w:type="page"/>
      </w:r>
    </w:p>
    <w:p w:rsidR="0043064D" w:rsidRDefault="008B3C4B">
      <w:pPr>
        <w:pStyle w:val="1"/>
        <w:ind w:left="-5"/>
      </w:pPr>
      <w:bookmarkStart w:id="0" w:name="_Toc68648"/>
      <w:r>
        <w:lastRenderedPageBreak/>
        <w:t xml:space="preserve">Содержание </w:t>
      </w:r>
      <w:bookmarkEnd w:id="0"/>
    </w:p>
    <w:sdt>
      <w:sdtPr>
        <w:rPr>
          <w:rFonts w:ascii="Verdana" w:eastAsia="Verdana" w:hAnsi="Verdana" w:cs="Verdana"/>
          <w:sz w:val="20"/>
        </w:rPr>
        <w:id w:val="-686831087"/>
        <w:docPartObj>
          <w:docPartGallery w:val="Table of Contents"/>
        </w:docPartObj>
      </w:sdtPr>
      <w:sdtEndPr/>
      <w:sdtContent>
        <w:p w:rsidR="0043064D" w:rsidRDefault="008B3C4B">
          <w:pPr>
            <w:pStyle w:val="11"/>
            <w:tabs>
              <w:tab w:val="right" w:pos="9365"/>
            </w:tabs>
          </w:pPr>
          <w:r>
            <w:fldChar w:fldCharType="begin"/>
          </w:r>
          <w:r>
            <w:instrText xml:space="preserve"> TOC \o "1-3" \h \z \u </w:instrText>
          </w:r>
          <w:r>
            <w:fldChar w:fldCharType="separate"/>
          </w:r>
          <w:hyperlink w:anchor="_Toc68647">
            <w:r>
              <w:rPr>
                <w:rFonts w:ascii="Verdana" w:eastAsia="Verdana" w:hAnsi="Verdana" w:cs="Verdana"/>
                <w:sz w:val="20"/>
              </w:rPr>
              <w:t>История изменений</w:t>
            </w:r>
            <w:r>
              <w:tab/>
            </w:r>
            <w:r>
              <w:fldChar w:fldCharType="begin"/>
            </w:r>
            <w:r>
              <w:instrText>PAGEREF _Toc68647 \h</w:instrText>
            </w:r>
            <w:r>
              <w:fldChar w:fldCharType="separate"/>
            </w:r>
            <w:r>
              <w:rPr>
                <w:rFonts w:ascii="Verdana" w:eastAsia="Verdana" w:hAnsi="Verdana" w:cs="Verdana"/>
                <w:sz w:val="20"/>
              </w:rPr>
              <w:t xml:space="preserve">2 </w:t>
            </w:r>
            <w:r>
              <w:fldChar w:fldCharType="end"/>
            </w:r>
          </w:hyperlink>
        </w:p>
        <w:p w:rsidR="0043064D" w:rsidRDefault="008B3C4B">
          <w:pPr>
            <w:pStyle w:val="11"/>
            <w:tabs>
              <w:tab w:val="right" w:pos="9365"/>
            </w:tabs>
          </w:pPr>
          <w:hyperlink w:anchor="_Toc68648">
            <w:r>
              <w:rPr>
                <w:rFonts w:ascii="Verdana" w:eastAsia="Verdana" w:hAnsi="Verdana" w:cs="Verdana"/>
                <w:sz w:val="20"/>
              </w:rPr>
              <w:t>Содержание</w:t>
            </w:r>
            <w:r>
              <w:tab/>
            </w:r>
            <w:r>
              <w:fldChar w:fldCharType="begin"/>
            </w:r>
            <w:r>
              <w:instrText>PAGEREF _Toc68648 \h</w:instrText>
            </w:r>
            <w:r>
              <w:fldChar w:fldCharType="separate"/>
            </w:r>
            <w:r>
              <w:rPr>
                <w:rFonts w:ascii="Verdana" w:eastAsia="Verdana" w:hAnsi="Verdana" w:cs="Verdana"/>
                <w:sz w:val="20"/>
              </w:rPr>
              <w:t xml:space="preserve">3 </w:t>
            </w:r>
            <w:r>
              <w:fldChar w:fldCharType="end"/>
            </w:r>
          </w:hyperlink>
        </w:p>
        <w:p w:rsidR="0043064D" w:rsidRDefault="008B3C4B">
          <w:pPr>
            <w:pStyle w:val="11"/>
            <w:tabs>
              <w:tab w:val="right" w:pos="9365"/>
            </w:tabs>
          </w:pPr>
          <w:hyperlink w:anchor="_Toc68649">
            <w:r>
              <w:rPr>
                <w:rFonts w:ascii="Verdana" w:eastAsia="Verdana" w:hAnsi="Verdana" w:cs="Verdana"/>
                <w:sz w:val="20"/>
              </w:rPr>
              <w:t>Лекция 12. Управление вводом-выводом, файлово</w:t>
            </w:r>
            <w:r>
              <w:rPr>
                <w:rFonts w:ascii="Verdana" w:eastAsia="Verdana" w:hAnsi="Verdana" w:cs="Verdana"/>
                <w:sz w:val="20"/>
              </w:rPr>
              <w:t>й системой и безопасность в ОС Windows. Часть 2</w:t>
            </w:r>
            <w:r>
              <w:tab/>
            </w:r>
            <w:r>
              <w:fldChar w:fldCharType="begin"/>
            </w:r>
            <w:r>
              <w:instrText>PAGEREF _Toc68649 \h</w:instrText>
            </w:r>
            <w:r>
              <w:fldChar w:fldCharType="separate"/>
            </w:r>
            <w:r>
              <w:rPr>
                <w:rFonts w:ascii="Verdana" w:eastAsia="Verdana" w:hAnsi="Verdana" w:cs="Verdana"/>
                <w:sz w:val="20"/>
              </w:rPr>
              <w:t xml:space="preserve">4 </w:t>
            </w:r>
            <w:r>
              <w:fldChar w:fldCharType="end"/>
            </w:r>
          </w:hyperlink>
        </w:p>
        <w:p w:rsidR="0043064D" w:rsidRDefault="008B3C4B">
          <w:pPr>
            <w:pStyle w:val="21"/>
            <w:tabs>
              <w:tab w:val="right" w:pos="9365"/>
            </w:tabs>
          </w:pPr>
          <w:hyperlink w:anchor="_Toc68650">
            <w:r>
              <w:rPr>
                <w:rFonts w:ascii="Verdana" w:eastAsia="Verdana" w:hAnsi="Verdana" w:cs="Verdana"/>
                <w:sz w:val="20"/>
              </w:rPr>
              <w:t>Вопросы</w:t>
            </w:r>
            <w:r>
              <w:tab/>
            </w:r>
            <w:r>
              <w:fldChar w:fldCharType="begin"/>
            </w:r>
            <w:r>
              <w:instrText>PAGEREF _Toc68650 \h</w:instrText>
            </w:r>
            <w:r>
              <w:fldChar w:fldCharType="separate"/>
            </w:r>
            <w:r>
              <w:rPr>
                <w:rFonts w:ascii="Verdana" w:eastAsia="Verdana" w:hAnsi="Verdana" w:cs="Verdana"/>
                <w:sz w:val="20"/>
              </w:rPr>
              <w:t xml:space="preserve">4 </w:t>
            </w:r>
            <w:r>
              <w:fldChar w:fldCharType="end"/>
            </w:r>
          </w:hyperlink>
        </w:p>
        <w:p w:rsidR="0043064D" w:rsidRDefault="008B3C4B">
          <w:pPr>
            <w:pStyle w:val="21"/>
            <w:tabs>
              <w:tab w:val="right" w:pos="9365"/>
            </w:tabs>
          </w:pPr>
          <w:hyperlink w:anchor="_Toc68651">
            <w:r>
              <w:rPr>
                <w:rFonts w:ascii="Verdana" w:eastAsia="Verdana" w:hAnsi="Verdana" w:cs="Verdana"/>
                <w:sz w:val="20"/>
              </w:rPr>
              <w:t>Компоненты подсистемы ввода-вывода</w:t>
            </w:r>
            <w:r>
              <w:tab/>
            </w:r>
            <w:r>
              <w:fldChar w:fldCharType="begin"/>
            </w:r>
            <w:r>
              <w:instrText>PAGEREF _Toc68651 \h</w:instrText>
            </w:r>
            <w:r>
              <w:fldChar w:fldCharType="separate"/>
            </w:r>
            <w:r>
              <w:rPr>
                <w:rFonts w:ascii="Verdana" w:eastAsia="Verdana" w:hAnsi="Verdana" w:cs="Verdana"/>
                <w:sz w:val="20"/>
              </w:rPr>
              <w:t xml:space="preserve">4 </w:t>
            </w:r>
            <w:r>
              <w:fldChar w:fldCharType="end"/>
            </w:r>
          </w:hyperlink>
        </w:p>
        <w:p w:rsidR="0043064D" w:rsidRDefault="008B3C4B">
          <w:pPr>
            <w:pStyle w:val="31"/>
            <w:tabs>
              <w:tab w:val="right" w:pos="9365"/>
            </w:tabs>
          </w:pPr>
          <w:hyperlink w:anchor="_Toc68652">
            <w:r>
              <w:rPr>
                <w:rFonts w:ascii="Verdana" w:eastAsia="Verdana" w:hAnsi="Verdana" w:cs="Verdana"/>
                <w:sz w:val="20"/>
              </w:rPr>
              <w:t>Диспетчер</w:t>
            </w:r>
            <w:r>
              <w:rPr>
                <w:rFonts w:ascii="Verdana" w:eastAsia="Verdana" w:hAnsi="Verdana" w:cs="Verdana"/>
                <w:sz w:val="20"/>
              </w:rPr>
              <w:t xml:space="preserve"> ввода-вывода</w:t>
            </w:r>
            <w:r>
              <w:tab/>
            </w:r>
            <w:r>
              <w:fldChar w:fldCharType="begin"/>
            </w:r>
            <w:r>
              <w:instrText>PAGEREF _Toc68652 \h</w:instrText>
            </w:r>
            <w:r>
              <w:fldChar w:fldCharType="separate"/>
            </w:r>
            <w:r>
              <w:rPr>
                <w:rFonts w:ascii="Verdana" w:eastAsia="Verdana" w:hAnsi="Verdana" w:cs="Verdana"/>
                <w:sz w:val="20"/>
              </w:rPr>
              <w:t xml:space="preserve">5 </w:t>
            </w:r>
            <w:r>
              <w:fldChar w:fldCharType="end"/>
            </w:r>
          </w:hyperlink>
        </w:p>
        <w:p w:rsidR="0043064D" w:rsidRDefault="008B3C4B">
          <w:pPr>
            <w:pStyle w:val="31"/>
            <w:tabs>
              <w:tab w:val="right" w:pos="9365"/>
            </w:tabs>
          </w:pPr>
          <w:hyperlink w:anchor="_Toc68653">
            <w:r>
              <w:rPr>
                <w:rFonts w:ascii="Verdana" w:eastAsia="Verdana" w:hAnsi="Verdana" w:cs="Verdana"/>
                <w:sz w:val="20"/>
              </w:rPr>
              <w:t>Типичная обработка ввода-вывода</w:t>
            </w:r>
            <w:r>
              <w:tab/>
            </w:r>
            <w:r>
              <w:fldChar w:fldCharType="begin"/>
            </w:r>
            <w:r>
              <w:instrText>PAGEREF _Toc68653 \h</w:instrText>
            </w:r>
            <w:r>
              <w:fldChar w:fldCharType="separate"/>
            </w:r>
            <w:r>
              <w:rPr>
                <w:rFonts w:ascii="Verdana" w:eastAsia="Verdana" w:hAnsi="Verdana" w:cs="Verdana"/>
                <w:sz w:val="20"/>
              </w:rPr>
              <w:t xml:space="preserve">6 </w:t>
            </w:r>
            <w:r>
              <w:fldChar w:fldCharType="end"/>
            </w:r>
          </w:hyperlink>
        </w:p>
        <w:p w:rsidR="0043064D" w:rsidRDefault="008B3C4B">
          <w:pPr>
            <w:pStyle w:val="21"/>
            <w:tabs>
              <w:tab w:val="right" w:pos="9365"/>
            </w:tabs>
          </w:pPr>
          <w:hyperlink w:anchor="_Toc68654">
            <w:r>
              <w:rPr>
                <w:rFonts w:ascii="Verdana" w:eastAsia="Verdana" w:hAnsi="Verdana" w:cs="Verdana"/>
                <w:sz w:val="20"/>
              </w:rPr>
              <w:t>Драйверы устройств</w:t>
            </w:r>
            <w:r>
              <w:tab/>
            </w:r>
            <w:r>
              <w:fldChar w:fldCharType="begin"/>
            </w:r>
            <w:r>
              <w:instrText>PAGEREF _Toc68654 \h</w:instrText>
            </w:r>
            <w:r>
              <w:fldChar w:fldCharType="separate"/>
            </w:r>
            <w:r>
              <w:rPr>
                <w:rFonts w:ascii="Verdana" w:eastAsia="Verdana" w:hAnsi="Verdana" w:cs="Verdana"/>
                <w:sz w:val="20"/>
              </w:rPr>
              <w:t xml:space="preserve">6 </w:t>
            </w:r>
            <w:r>
              <w:fldChar w:fldCharType="end"/>
            </w:r>
          </w:hyperlink>
        </w:p>
        <w:p w:rsidR="0043064D" w:rsidRDefault="008B3C4B">
          <w:pPr>
            <w:pStyle w:val="31"/>
            <w:tabs>
              <w:tab w:val="right" w:pos="9365"/>
            </w:tabs>
          </w:pPr>
          <w:hyperlink w:anchor="_Toc68655">
            <w:r>
              <w:rPr>
                <w:rFonts w:ascii="Verdana" w:eastAsia="Verdana" w:hAnsi="Verdana" w:cs="Verdana"/>
                <w:sz w:val="20"/>
              </w:rPr>
              <w:t>Типы драйверов устройств</w:t>
            </w:r>
            <w:r>
              <w:tab/>
            </w:r>
            <w:r>
              <w:fldChar w:fldCharType="begin"/>
            </w:r>
            <w:r>
              <w:instrText>PAGEREF _Toc68655 \h</w:instrText>
            </w:r>
            <w:r>
              <w:fldChar w:fldCharType="separate"/>
            </w:r>
            <w:r>
              <w:rPr>
                <w:rFonts w:ascii="Verdana" w:eastAsia="Verdana" w:hAnsi="Verdana" w:cs="Verdana"/>
                <w:sz w:val="20"/>
              </w:rPr>
              <w:t xml:space="preserve">7 </w:t>
            </w:r>
            <w:r>
              <w:fldChar w:fldCharType="end"/>
            </w:r>
          </w:hyperlink>
        </w:p>
        <w:p w:rsidR="0043064D" w:rsidRDefault="008B3C4B">
          <w:pPr>
            <w:pStyle w:val="31"/>
            <w:tabs>
              <w:tab w:val="right" w:pos="9365"/>
            </w:tabs>
          </w:pPr>
          <w:hyperlink w:anchor="_Toc68656">
            <w:r>
              <w:rPr>
                <w:rFonts w:ascii="Verdana" w:eastAsia="Verdana" w:hAnsi="Verdana" w:cs="Verdana"/>
                <w:sz w:val="20"/>
              </w:rPr>
              <w:t>Структура драйвера</w:t>
            </w:r>
            <w:r>
              <w:tab/>
            </w:r>
            <w:r>
              <w:fldChar w:fldCharType="begin"/>
            </w:r>
            <w:r>
              <w:instrText>PAGEREF _Toc68656 \h</w:instrText>
            </w:r>
            <w:r>
              <w:fldChar w:fldCharType="separate"/>
            </w:r>
            <w:r>
              <w:rPr>
                <w:rFonts w:ascii="Verdana" w:eastAsia="Verdana" w:hAnsi="Verdana" w:cs="Verdana"/>
                <w:sz w:val="20"/>
              </w:rPr>
              <w:t xml:space="preserve">9 </w:t>
            </w:r>
            <w:r>
              <w:fldChar w:fldCharType="end"/>
            </w:r>
          </w:hyperlink>
        </w:p>
        <w:p w:rsidR="0043064D" w:rsidRDefault="008B3C4B">
          <w:pPr>
            <w:pStyle w:val="31"/>
            <w:tabs>
              <w:tab w:val="right" w:pos="9365"/>
            </w:tabs>
          </w:pPr>
          <w:hyperlink w:anchor="_Toc68657">
            <w:r>
              <w:rPr>
                <w:rFonts w:ascii="Verdana" w:eastAsia="Verdana" w:hAnsi="Verdana" w:cs="Verdana"/>
                <w:sz w:val="20"/>
              </w:rPr>
              <w:t>Объекты «драйвер» и «устройство»</w:t>
            </w:r>
            <w:r>
              <w:tab/>
            </w:r>
            <w:r>
              <w:fldChar w:fldCharType="begin"/>
            </w:r>
            <w:r>
              <w:instrText>PAGEREF _Toc68657 \h</w:instrText>
            </w:r>
            <w:r>
              <w:fldChar w:fldCharType="separate"/>
            </w:r>
            <w:r>
              <w:rPr>
                <w:rFonts w:ascii="Verdana" w:eastAsia="Verdana" w:hAnsi="Verdana" w:cs="Verdana"/>
                <w:sz w:val="20"/>
              </w:rPr>
              <w:t xml:space="preserve">10 </w:t>
            </w:r>
            <w:r>
              <w:fldChar w:fldCharType="end"/>
            </w:r>
          </w:hyperlink>
        </w:p>
        <w:p w:rsidR="0043064D" w:rsidRDefault="008B3C4B">
          <w:pPr>
            <w:pStyle w:val="31"/>
            <w:tabs>
              <w:tab w:val="right" w:pos="9365"/>
            </w:tabs>
          </w:pPr>
          <w:hyperlink w:anchor="_Toc68658">
            <w:r>
              <w:rPr>
                <w:rFonts w:ascii="Verdana" w:eastAsia="Verdana" w:hAnsi="Verdana" w:cs="Verdana"/>
                <w:sz w:val="20"/>
              </w:rPr>
              <w:t>Открытие устройств</w:t>
            </w:r>
            <w:r>
              <w:tab/>
            </w:r>
            <w:r>
              <w:fldChar w:fldCharType="begin"/>
            </w:r>
            <w:r>
              <w:instrText>PAGEREF _Toc68658 \h</w:instrText>
            </w:r>
            <w:r>
              <w:fldChar w:fldCharType="separate"/>
            </w:r>
            <w:r>
              <w:rPr>
                <w:rFonts w:ascii="Verdana" w:eastAsia="Verdana" w:hAnsi="Verdana" w:cs="Verdana"/>
                <w:sz w:val="20"/>
              </w:rPr>
              <w:t xml:space="preserve">12 </w:t>
            </w:r>
            <w:r>
              <w:fldChar w:fldCharType="end"/>
            </w:r>
          </w:hyperlink>
        </w:p>
        <w:p w:rsidR="0043064D" w:rsidRDefault="008B3C4B">
          <w:pPr>
            <w:pStyle w:val="21"/>
            <w:tabs>
              <w:tab w:val="right" w:pos="9365"/>
            </w:tabs>
          </w:pPr>
          <w:hyperlink w:anchor="_Toc68659">
            <w:r>
              <w:rPr>
                <w:rFonts w:ascii="Verdana" w:eastAsia="Verdana" w:hAnsi="Verdana" w:cs="Verdana"/>
                <w:sz w:val="20"/>
              </w:rPr>
              <w:t>Обработка ввода-вывода</w:t>
            </w:r>
            <w:r>
              <w:tab/>
            </w:r>
            <w:r>
              <w:fldChar w:fldCharType="begin"/>
            </w:r>
            <w:r>
              <w:instrText>PA</w:instrText>
            </w:r>
            <w:r>
              <w:instrText>GEREF _Toc68659 \h</w:instrText>
            </w:r>
            <w:r>
              <w:fldChar w:fldCharType="separate"/>
            </w:r>
            <w:r>
              <w:rPr>
                <w:rFonts w:ascii="Verdana" w:eastAsia="Verdana" w:hAnsi="Verdana" w:cs="Verdana"/>
                <w:sz w:val="20"/>
              </w:rPr>
              <w:t xml:space="preserve">14 </w:t>
            </w:r>
            <w:r>
              <w:fldChar w:fldCharType="end"/>
            </w:r>
          </w:hyperlink>
        </w:p>
        <w:p w:rsidR="0043064D" w:rsidRDefault="008B3C4B">
          <w:pPr>
            <w:pStyle w:val="31"/>
            <w:tabs>
              <w:tab w:val="right" w:pos="9365"/>
            </w:tabs>
          </w:pPr>
          <w:hyperlink w:anchor="_Toc68660">
            <w:r>
              <w:rPr>
                <w:rFonts w:ascii="Verdana" w:eastAsia="Verdana" w:hAnsi="Verdana" w:cs="Verdana"/>
                <w:sz w:val="20"/>
              </w:rPr>
              <w:t>Типы ввода-вывода</w:t>
            </w:r>
            <w:r>
              <w:tab/>
            </w:r>
            <w:r>
              <w:fldChar w:fldCharType="begin"/>
            </w:r>
            <w:r>
              <w:instrText>PAGEREF _Toc68660 \h</w:instrText>
            </w:r>
            <w:r>
              <w:fldChar w:fldCharType="separate"/>
            </w:r>
            <w:r>
              <w:rPr>
                <w:rFonts w:ascii="Verdana" w:eastAsia="Verdana" w:hAnsi="Verdana" w:cs="Verdana"/>
                <w:sz w:val="20"/>
              </w:rPr>
              <w:t xml:space="preserve">14 </w:t>
            </w:r>
            <w:r>
              <w:fldChar w:fldCharType="end"/>
            </w:r>
          </w:hyperlink>
        </w:p>
        <w:p w:rsidR="0043064D" w:rsidRDefault="008B3C4B">
          <w:pPr>
            <w:pStyle w:val="31"/>
            <w:tabs>
              <w:tab w:val="right" w:pos="9365"/>
            </w:tabs>
          </w:pPr>
          <w:hyperlink w:anchor="_Toc68661">
            <w:r>
              <w:rPr>
                <w:rFonts w:ascii="Verdana" w:eastAsia="Verdana" w:hAnsi="Verdana" w:cs="Verdana"/>
                <w:sz w:val="20"/>
              </w:rPr>
              <w:t>П</w:t>
            </w:r>
            <w:r>
              <w:rPr>
                <w:rFonts w:ascii="Verdana" w:eastAsia="Verdana" w:hAnsi="Verdana" w:cs="Verdana"/>
                <w:sz w:val="20"/>
              </w:rPr>
              <w:t>акеты запроса ввода-вывода</w:t>
            </w:r>
            <w:r>
              <w:tab/>
            </w:r>
            <w:r>
              <w:fldChar w:fldCharType="begin"/>
            </w:r>
            <w:r>
              <w:instrText>PAGEREF _Toc68661 \h</w:instrText>
            </w:r>
            <w:r>
              <w:fldChar w:fldCharType="separate"/>
            </w:r>
            <w:r>
              <w:rPr>
                <w:rFonts w:ascii="Verdana" w:eastAsia="Verdana" w:hAnsi="Verdana" w:cs="Verdana"/>
                <w:sz w:val="20"/>
              </w:rPr>
              <w:t xml:space="preserve">15 </w:t>
            </w:r>
            <w:r>
              <w:fldChar w:fldCharType="end"/>
            </w:r>
          </w:hyperlink>
        </w:p>
        <w:p w:rsidR="0043064D" w:rsidRDefault="008B3C4B">
          <w:pPr>
            <w:pStyle w:val="31"/>
            <w:tabs>
              <w:tab w:val="right" w:pos="9365"/>
            </w:tabs>
          </w:pPr>
          <w:hyperlink w:anchor="_Toc68662">
            <w:r>
              <w:rPr>
                <w:rFonts w:ascii="Verdana" w:eastAsia="Verdana" w:hAnsi="Verdana" w:cs="Verdana"/>
                <w:sz w:val="20"/>
              </w:rPr>
              <w:t>Запрос ввода-вывода к одноуровневому драйверу</w:t>
            </w:r>
            <w:r>
              <w:tab/>
            </w:r>
            <w:r>
              <w:fldChar w:fldCharType="begin"/>
            </w:r>
            <w:r>
              <w:instrText>PAGEREF _Toc68662 \h</w:instrText>
            </w:r>
            <w:r>
              <w:fldChar w:fldCharType="separate"/>
            </w:r>
            <w:r>
              <w:rPr>
                <w:rFonts w:ascii="Verdana" w:eastAsia="Verdana" w:hAnsi="Verdana" w:cs="Verdana"/>
                <w:sz w:val="20"/>
              </w:rPr>
              <w:t xml:space="preserve">17 </w:t>
            </w:r>
            <w:r>
              <w:fldChar w:fldCharType="end"/>
            </w:r>
          </w:hyperlink>
        </w:p>
        <w:p w:rsidR="0043064D" w:rsidRDefault="008B3C4B">
          <w:pPr>
            <w:pStyle w:val="31"/>
            <w:tabs>
              <w:tab w:val="right" w:pos="9365"/>
            </w:tabs>
          </w:pPr>
          <w:hyperlink w:anchor="_Toc68663">
            <w:r>
              <w:rPr>
                <w:rFonts w:ascii="Verdana" w:eastAsia="Verdana" w:hAnsi="Verdana" w:cs="Verdana"/>
                <w:sz w:val="20"/>
              </w:rPr>
              <w:t>Запрос ввода-вывода к многоуровневому драйверу</w:t>
            </w:r>
            <w:r>
              <w:tab/>
            </w:r>
            <w:r>
              <w:fldChar w:fldCharType="begin"/>
            </w:r>
            <w:r>
              <w:instrText>PAGEREF _Toc68663 \h</w:instrText>
            </w:r>
            <w:r>
              <w:fldChar w:fldCharType="separate"/>
            </w:r>
            <w:r>
              <w:rPr>
                <w:rFonts w:ascii="Verdana" w:eastAsia="Verdana" w:hAnsi="Verdana" w:cs="Verdana"/>
                <w:sz w:val="20"/>
              </w:rPr>
              <w:t xml:space="preserve">21 </w:t>
            </w:r>
            <w:r>
              <w:fldChar w:fldCharType="end"/>
            </w:r>
          </w:hyperlink>
        </w:p>
        <w:p w:rsidR="0043064D" w:rsidRDefault="008B3C4B">
          <w:pPr>
            <w:pStyle w:val="31"/>
            <w:tabs>
              <w:tab w:val="right" w:pos="9365"/>
            </w:tabs>
          </w:pPr>
          <w:hyperlink w:anchor="_Toc68664">
            <w:r>
              <w:rPr>
                <w:rFonts w:ascii="Verdana" w:eastAsia="Verdana" w:hAnsi="Verdana" w:cs="Verdana"/>
                <w:sz w:val="20"/>
              </w:rPr>
              <w:t>Порты завершения ввода-вывода</w:t>
            </w:r>
            <w:r>
              <w:tab/>
            </w:r>
            <w:r>
              <w:fldChar w:fldCharType="begin"/>
            </w:r>
            <w:r>
              <w:instrText>PAGEREF _Toc68664 \h</w:instrText>
            </w:r>
            <w:r>
              <w:fldChar w:fldCharType="separate"/>
            </w:r>
            <w:r>
              <w:rPr>
                <w:rFonts w:ascii="Verdana" w:eastAsia="Verdana" w:hAnsi="Verdana" w:cs="Verdana"/>
                <w:sz w:val="20"/>
              </w:rPr>
              <w:t xml:space="preserve">24 </w:t>
            </w:r>
            <w:r>
              <w:fldChar w:fldCharType="end"/>
            </w:r>
          </w:hyperlink>
        </w:p>
        <w:p w:rsidR="0043064D" w:rsidRDefault="008B3C4B">
          <w:pPr>
            <w:pStyle w:val="21"/>
            <w:tabs>
              <w:tab w:val="right" w:pos="9365"/>
            </w:tabs>
          </w:pPr>
          <w:hyperlink w:anchor="_Toc68665">
            <w:r>
              <w:rPr>
                <w:rFonts w:ascii="Verdana" w:eastAsia="Verdana" w:hAnsi="Verdana" w:cs="Verdana"/>
                <w:sz w:val="20"/>
              </w:rPr>
              <w:t>Диспетчер Plug &amp; Play</w:t>
            </w:r>
            <w:r>
              <w:tab/>
            </w:r>
            <w:r>
              <w:fldChar w:fldCharType="begin"/>
            </w:r>
            <w:r>
              <w:instrText>PAGEREF _Toc68665 \h</w:instrText>
            </w:r>
            <w:r>
              <w:fldChar w:fldCharType="separate"/>
            </w:r>
            <w:r>
              <w:rPr>
                <w:rFonts w:ascii="Verdana" w:eastAsia="Verdana" w:hAnsi="Verdana" w:cs="Verdana"/>
                <w:sz w:val="20"/>
              </w:rPr>
              <w:t xml:space="preserve">27 </w:t>
            </w:r>
            <w:r>
              <w:fldChar w:fldCharType="end"/>
            </w:r>
          </w:hyperlink>
        </w:p>
        <w:p w:rsidR="0043064D" w:rsidRDefault="008B3C4B">
          <w:pPr>
            <w:pStyle w:val="31"/>
            <w:tabs>
              <w:tab w:val="right" w:pos="9365"/>
            </w:tabs>
          </w:pPr>
          <w:hyperlink w:anchor="_Toc68666">
            <w:r>
              <w:rPr>
                <w:rFonts w:ascii="Verdana" w:eastAsia="Verdana" w:hAnsi="Verdana" w:cs="Verdana"/>
                <w:sz w:val="20"/>
              </w:rPr>
              <w:t>Уровень поддержки Plu</w:t>
            </w:r>
            <w:r>
              <w:rPr>
                <w:rFonts w:ascii="Verdana" w:eastAsia="Verdana" w:hAnsi="Verdana" w:cs="Verdana"/>
                <w:sz w:val="20"/>
              </w:rPr>
              <w:t>g and Play</w:t>
            </w:r>
            <w:r>
              <w:tab/>
            </w:r>
            <w:r>
              <w:fldChar w:fldCharType="begin"/>
            </w:r>
            <w:r>
              <w:instrText>PAGEREF _Toc68666 \h</w:instrText>
            </w:r>
            <w:r>
              <w:fldChar w:fldCharType="separate"/>
            </w:r>
            <w:r>
              <w:rPr>
                <w:rFonts w:ascii="Verdana" w:eastAsia="Verdana" w:hAnsi="Verdana" w:cs="Verdana"/>
                <w:sz w:val="20"/>
              </w:rPr>
              <w:t xml:space="preserve">27 </w:t>
            </w:r>
            <w:r>
              <w:fldChar w:fldCharType="end"/>
            </w:r>
          </w:hyperlink>
        </w:p>
        <w:p w:rsidR="0043064D" w:rsidRDefault="008B3C4B">
          <w:pPr>
            <w:pStyle w:val="31"/>
            <w:tabs>
              <w:tab w:val="right" w:pos="9365"/>
            </w:tabs>
          </w:pPr>
          <w:hyperlink w:anchor="_Toc68667">
            <w:r>
              <w:rPr>
                <w:rFonts w:ascii="Verdana" w:eastAsia="Verdana" w:hAnsi="Verdana" w:cs="Verdana"/>
                <w:sz w:val="20"/>
              </w:rPr>
              <w:t>Поддержка Plug and Play со стороны драйвера</w:t>
            </w:r>
            <w:r>
              <w:tab/>
            </w:r>
            <w:r>
              <w:fldChar w:fldCharType="begin"/>
            </w:r>
            <w:r>
              <w:instrText>PAGEREF _Toc68667 \h</w:instrText>
            </w:r>
            <w:r>
              <w:fldChar w:fldCharType="separate"/>
            </w:r>
            <w:r>
              <w:rPr>
                <w:rFonts w:ascii="Verdana" w:eastAsia="Verdana" w:hAnsi="Verdana" w:cs="Verdana"/>
                <w:sz w:val="20"/>
              </w:rPr>
              <w:t xml:space="preserve">27 </w:t>
            </w:r>
            <w:r>
              <w:fldChar w:fldCharType="end"/>
            </w:r>
          </w:hyperlink>
        </w:p>
        <w:p w:rsidR="0043064D" w:rsidRDefault="008B3C4B">
          <w:pPr>
            <w:pStyle w:val="31"/>
            <w:tabs>
              <w:tab w:val="right" w:pos="9365"/>
            </w:tabs>
          </w:pPr>
          <w:hyperlink w:anchor="_Toc68668">
            <w:r>
              <w:rPr>
                <w:rFonts w:ascii="Verdana" w:eastAsia="Verdana" w:hAnsi="Verdana" w:cs="Verdana"/>
                <w:sz w:val="20"/>
              </w:rPr>
              <w:t>Загрузка, инициализация и установка драйвера</w:t>
            </w:r>
            <w:r>
              <w:tab/>
            </w:r>
            <w:r>
              <w:fldChar w:fldCharType="begin"/>
            </w:r>
            <w:r>
              <w:instrText>PAGEREF _Toc68668 \h</w:instrText>
            </w:r>
            <w:r>
              <w:fldChar w:fldCharType="separate"/>
            </w:r>
            <w:r>
              <w:rPr>
                <w:rFonts w:ascii="Verdana" w:eastAsia="Verdana" w:hAnsi="Verdana" w:cs="Verdana"/>
                <w:sz w:val="20"/>
              </w:rPr>
              <w:t xml:space="preserve">29 </w:t>
            </w:r>
            <w:r>
              <w:fldChar w:fldCharType="end"/>
            </w:r>
          </w:hyperlink>
        </w:p>
        <w:p w:rsidR="0043064D" w:rsidRDefault="008B3C4B">
          <w:pPr>
            <w:pStyle w:val="31"/>
            <w:tabs>
              <w:tab w:val="right" w:pos="9365"/>
            </w:tabs>
          </w:pPr>
          <w:hyperlink w:anchor="_Toc68669">
            <w:r>
              <w:rPr>
                <w:rFonts w:ascii="Verdana" w:eastAsia="Verdana" w:hAnsi="Verdana" w:cs="Verdana"/>
                <w:sz w:val="20"/>
              </w:rPr>
              <w:t>Установка драйвера</w:t>
            </w:r>
            <w:r>
              <w:tab/>
            </w:r>
            <w:r>
              <w:fldChar w:fldCharType="begin"/>
            </w:r>
            <w:r>
              <w:instrText>PAGEREF _Toc68669 \h</w:instrText>
            </w:r>
            <w:r>
              <w:fldChar w:fldCharType="separate"/>
            </w:r>
            <w:r>
              <w:rPr>
                <w:rFonts w:ascii="Verdana" w:eastAsia="Verdana" w:hAnsi="Verdana" w:cs="Verdana"/>
                <w:sz w:val="20"/>
              </w:rPr>
              <w:t xml:space="preserve">33 </w:t>
            </w:r>
            <w:r>
              <w:fldChar w:fldCharType="end"/>
            </w:r>
          </w:hyperlink>
        </w:p>
        <w:p w:rsidR="0043064D" w:rsidRDefault="008B3C4B">
          <w:pPr>
            <w:pStyle w:val="21"/>
            <w:tabs>
              <w:tab w:val="right" w:pos="9365"/>
            </w:tabs>
          </w:pPr>
          <w:hyperlink w:anchor="_Toc68670">
            <w:r>
              <w:rPr>
                <w:rFonts w:ascii="Verdana" w:eastAsia="Verdana" w:hAnsi="Verdana" w:cs="Verdana"/>
                <w:sz w:val="20"/>
              </w:rPr>
              <w:t>Диспетчер электропитания</w:t>
            </w:r>
            <w:r>
              <w:tab/>
            </w:r>
            <w:r>
              <w:fldChar w:fldCharType="begin"/>
            </w:r>
            <w:r>
              <w:instrText>PAGEREF _Toc68670 \h</w:instrText>
            </w:r>
            <w:r>
              <w:fldChar w:fldCharType="separate"/>
            </w:r>
            <w:r>
              <w:rPr>
                <w:rFonts w:ascii="Verdana" w:eastAsia="Verdana" w:hAnsi="Verdana" w:cs="Verdana"/>
                <w:sz w:val="20"/>
              </w:rPr>
              <w:t xml:space="preserve">34 </w:t>
            </w:r>
            <w:r>
              <w:fldChar w:fldCharType="end"/>
            </w:r>
          </w:hyperlink>
        </w:p>
        <w:p w:rsidR="0043064D" w:rsidRDefault="008B3C4B">
          <w:pPr>
            <w:pStyle w:val="31"/>
            <w:tabs>
              <w:tab w:val="right" w:pos="9365"/>
            </w:tabs>
          </w:pPr>
          <w:hyperlink w:anchor="_Toc68671">
            <w:r>
              <w:rPr>
                <w:rFonts w:ascii="Verdana" w:eastAsia="Verdana" w:hAnsi="Verdana" w:cs="Verdana"/>
                <w:sz w:val="20"/>
              </w:rPr>
              <w:t>Работа диспетчера электропитания</w:t>
            </w:r>
            <w:r>
              <w:tab/>
            </w:r>
            <w:r>
              <w:fldChar w:fldCharType="begin"/>
            </w:r>
            <w:r>
              <w:instrText>PAGEREF _Toc68671 \h</w:instrText>
            </w:r>
            <w:r>
              <w:fldChar w:fldCharType="separate"/>
            </w:r>
            <w:r>
              <w:rPr>
                <w:rFonts w:ascii="Verdana" w:eastAsia="Verdana" w:hAnsi="Verdana" w:cs="Verdana"/>
                <w:sz w:val="20"/>
              </w:rPr>
              <w:t xml:space="preserve">36 </w:t>
            </w:r>
            <w:r>
              <w:fldChar w:fldCharType="end"/>
            </w:r>
          </w:hyperlink>
        </w:p>
        <w:p w:rsidR="0043064D" w:rsidRDefault="008B3C4B">
          <w:pPr>
            <w:pStyle w:val="31"/>
            <w:tabs>
              <w:tab w:val="right" w:pos="9365"/>
            </w:tabs>
          </w:pPr>
          <w:hyperlink w:anchor="_Toc68672">
            <w:r>
              <w:rPr>
                <w:rFonts w:ascii="Verdana" w:eastAsia="Verdana" w:hAnsi="Verdana" w:cs="Verdana"/>
                <w:sz w:val="20"/>
              </w:rPr>
              <w:t>Участие драйверов в управлении электропитанием</w:t>
            </w:r>
            <w:r>
              <w:tab/>
            </w:r>
            <w:r>
              <w:fldChar w:fldCharType="begin"/>
            </w:r>
            <w:r>
              <w:instrText>PAGEREF _Toc68672 \h</w:instrText>
            </w:r>
            <w:r>
              <w:fldChar w:fldCharType="separate"/>
            </w:r>
            <w:r>
              <w:rPr>
                <w:rFonts w:ascii="Verdana" w:eastAsia="Verdana" w:hAnsi="Verdana" w:cs="Verdana"/>
                <w:sz w:val="20"/>
              </w:rPr>
              <w:t xml:space="preserve">36 </w:t>
            </w:r>
            <w:r>
              <w:fldChar w:fldCharType="end"/>
            </w:r>
          </w:hyperlink>
        </w:p>
        <w:p w:rsidR="0043064D" w:rsidRDefault="008B3C4B">
          <w:pPr>
            <w:pStyle w:val="31"/>
            <w:tabs>
              <w:tab w:val="right" w:pos="9365"/>
            </w:tabs>
          </w:pPr>
          <w:hyperlink w:anchor="_Toc68673">
            <w:r>
              <w:rPr>
                <w:rFonts w:ascii="Verdana" w:eastAsia="Verdana" w:hAnsi="Verdana" w:cs="Verdana"/>
                <w:sz w:val="20"/>
              </w:rPr>
              <w:t>Как драйвер управляет электропитанием устройства</w:t>
            </w:r>
            <w:r>
              <w:tab/>
            </w:r>
            <w:r>
              <w:fldChar w:fldCharType="begin"/>
            </w:r>
            <w:r>
              <w:instrText>PAGEREF _Toc68673 \h</w:instrText>
            </w:r>
            <w:r>
              <w:fldChar w:fldCharType="separate"/>
            </w:r>
            <w:r>
              <w:rPr>
                <w:rFonts w:ascii="Verdana" w:eastAsia="Verdana" w:hAnsi="Verdana" w:cs="Verdana"/>
                <w:sz w:val="20"/>
              </w:rPr>
              <w:t xml:space="preserve">36 </w:t>
            </w:r>
            <w:r>
              <w:fldChar w:fldCharType="end"/>
            </w:r>
          </w:hyperlink>
        </w:p>
        <w:p w:rsidR="0043064D" w:rsidRDefault="008B3C4B">
          <w:pPr>
            <w:pStyle w:val="11"/>
            <w:tabs>
              <w:tab w:val="right" w:pos="9365"/>
            </w:tabs>
          </w:pPr>
          <w:hyperlink w:anchor="_Toc68674">
            <w:r>
              <w:rPr>
                <w:rFonts w:ascii="Verdana" w:eastAsia="Verdana" w:hAnsi="Verdana" w:cs="Verdana"/>
                <w:sz w:val="20"/>
              </w:rPr>
              <w:t>Управление внешней память</w:t>
            </w:r>
            <w:r>
              <w:rPr>
                <w:rFonts w:ascii="Verdana" w:eastAsia="Verdana" w:hAnsi="Verdana" w:cs="Verdana"/>
                <w:sz w:val="20"/>
              </w:rPr>
              <w:t>ю</w:t>
            </w:r>
            <w:r>
              <w:tab/>
            </w:r>
            <w:r>
              <w:fldChar w:fldCharType="begin"/>
            </w:r>
            <w:r>
              <w:instrText>PAGEREF _Toc68674 \h</w:instrText>
            </w:r>
            <w:r>
              <w:fldChar w:fldCharType="separate"/>
            </w:r>
            <w:r>
              <w:rPr>
                <w:rFonts w:ascii="Verdana" w:eastAsia="Verdana" w:hAnsi="Verdana" w:cs="Verdana"/>
                <w:sz w:val="20"/>
              </w:rPr>
              <w:t xml:space="preserve">37 </w:t>
            </w:r>
            <w:r>
              <w:fldChar w:fldCharType="end"/>
            </w:r>
          </w:hyperlink>
        </w:p>
        <w:p w:rsidR="0043064D" w:rsidRDefault="008B3C4B">
          <w:pPr>
            <w:pStyle w:val="21"/>
            <w:tabs>
              <w:tab w:val="right" w:pos="9365"/>
            </w:tabs>
          </w:pPr>
          <w:hyperlink w:anchor="_Toc68675">
            <w:r>
              <w:rPr>
                <w:rFonts w:ascii="Verdana" w:eastAsia="Verdana" w:hAnsi="Verdana" w:cs="Verdana"/>
                <w:sz w:val="20"/>
              </w:rPr>
              <w:t>Базовая терминология</w:t>
            </w:r>
            <w:r>
              <w:tab/>
            </w:r>
            <w:r>
              <w:fldChar w:fldCharType="begin"/>
            </w:r>
            <w:r>
              <w:instrText>PAGEREF _Toc68675 \h</w:instrText>
            </w:r>
            <w:r>
              <w:fldChar w:fldCharType="separate"/>
            </w:r>
            <w:r>
              <w:rPr>
                <w:rFonts w:ascii="Verdana" w:eastAsia="Verdana" w:hAnsi="Verdana" w:cs="Verdana"/>
                <w:sz w:val="20"/>
              </w:rPr>
              <w:t xml:space="preserve">37 </w:t>
            </w:r>
            <w:r>
              <w:fldChar w:fldCharType="end"/>
            </w:r>
          </w:hyperlink>
        </w:p>
        <w:p w:rsidR="0043064D" w:rsidRDefault="008B3C4B">
          <w:pPr>
            <w:pStyle w:val="21"/>
            <w:tabs>
              <w:tab w:val="right" w:pos="9365"/>
            </w:tabs>
          </w:pPr>
          <w:hyperlink w:anchor="_Toc68676">
            <w:r>
              <w:rPr>
                <w:rFonts w:ascii="Verdana" w:eastAsia="Verdana" w:hAnsi="Verdana" w:cs="Verdana"/>
                <w:sz w:val="20"/>
              </w:rPr>
              <w:t>Драйверы дисков</w:t>
            </w:r>
            <w:r>
              <w:tab/>
            </w:r>
            <w:r>
              <w:fldChar w:fldCharType="begin"/>
            </w:r>
            <w:r>
              <w:instrText>PAGEREF _Toc68676 \h</w:instrText>
            </w:r>
            <w:r>
              <w:fldChar w:fldCharType="separate"/>
            </w:r>
            <w:r>
              <w:rPr>
                <w:rFonts w:ascii="Verdana" w:eastAsia="Verdana" w:hAnsi="Verdana" w:cs="Verdana"/>
                <w:sz w:val="20"/>
              </w:rPr>
              <w:t xml:space="preserve">37 </w:t>
            </w:r>
            <w:r>
              <w:fldChar w:fldCharType="end"/>
            </w:r>
          </w:hyperlink>
        </w:p>
        <w:p w:rsidR="0043064D" w:rsidRDefault="008B3C4B">
          <w:pPr>
            <w:pStyle w:val="31"/>
            <w:tabs>
              <w:tab w:val="right" w:pos="9365"/>
            </w:tabs>
          </w:pPr>
          <w:hyperlink w:anchor="_Toc68677">
            <w:r>
              <w:rPr>
                <w:rFonts w:ascii="Verdana" w:eastAsia="Verdana" w:hAnsi="Verdana" w:cs="Verdana"/>
                <w:sz w:val="20"/>
              </w:rPr>
              <w:t>Ntldr</w:t>
            </w:r>
            <w:r>
              <w:tab/>
            </w:r>
            <w:r>
              <w:fldChar w:fldCharType="begin"/>
            </w:r>
            <w:r>
              <w:instrText>PAGEREF _Toc68677 \h</w:instrText>
            </w:r>
            <w:r>
              <w:fldChar w:fldCharType="separate"/>
            </w:r>
            <w:r>
              <w:rPr>
                <w:rFonts w:ascii="Verdana" w:eastAsia="Verdana" w:hAnsi="Verdana" w:cs="Verdana"/>
                <w:sz w:val="20"/>
              </w:rPr>
              <w:t xml:space="preserve">38 </w:t>
            </w:r>
            <w:r>
              <w:fldChar w:fldCharType="end"/>
            </w:r>
          </w:hyperlink>
        </w:p>
        <w:p w:rsidR="0043064D" w:rsidRDefault="008B3C4B">
          <w:pPr>
            <w:pStyle w:val="31"/>
            <w:tabs>
              <w:tab w:val="right" w:pos="9365"/>
            </w:tabs>
          </w:pPr>
          <w:hyperlink w:anchor="_Toc68678">
            <w:r>
              <w:rPr>
                <w:rFonts w:ascii="Verdana" w:eastAsia="Verdana" w:hAnsi="Verdana" w:cs="Verdana"/>
                <w:sz w:val="20"/>
              </w:rPr>
              <w:t>Объекты «устройство» для дисков</w:t>
            </w:r>
            <w:r>
              <w:tab/>
            </w:r>
            <w:r>
              <w:fldChar w:fldCharType="begin"/>
            </w:r>
            <w:r>
              <w:instrText>PAGEREF _Toc68678 \h</w:instrText>
            </w:r>
            <w:r>
              <w:fldChar w:fldCharType="separate"/>
            </w:r>
            <w:r>
              <w:rPr>
                <w:rFonts w:ascii="Verdana" w:eastAsia="Verdana" w:hAnsi="Verdana" w:cs="Verdana"/>
                <w:sz w:val="20"/>
              </w:rPr>
              <w:t xml:space="preserve">40 </w:t>
            </w:r>
            <w:r>
              <w:fldChar w:fldCharType="end"/>
            </w:r>
          </w:hyperlink>
        </w:p>
        <w:p w:rsidR="0043064D" w:rsidRDefault="008B3C4B">
          <w:pPr>
            <w:pStyle w:val="21"/>
            <w:tabs>
              <w:tab w:val="right" w:pos="9365"/>
            </w:tabs>
          </w:pPr>
          <w:hyperlink w:anchor="_Toc68679">
            <w:r>
              <w:rPr>
                <w:rFonts w:ascii="Verdana" w:eastAsia="Verdana" w:hAnsi="Verdana" w:cs="Verdana"/>
                <w:sz w:val="20"/>
              </w:rPr>
              <w:t>Домашнее задание</w:t>
            </w:r>
            <w:r>
              <w:tab/>
            </w:r>
            <w:r>
              <w:fldChar w:fldCharType="begin"/>
            </w:r>
            <w:r>
              <w:instrText>PAGEREF _Toc68679 \h</w:instrText>
            </w:r>
            <w:r>
              <w:fldChar w:fldCharType="separate"/>
            </w:r>
            <w:r>
              <w:rPr>
                <w:rFonts w:ascii="Verdana" w:eastAsia="Verdana" w:hAnsi="Verdana" w:cs="Verdana"/>
                <w:sz w:val="20"/>
              </w:rPr>
              <w:t xml:space="preserve">41 </w:t>
            </w:r>
            <w:r>
              <w:fldChar w:fldCharType="end"/>
            </w:r>
          </w:hyperlink>
        </w:p>
        <w:p w:rsidR="0043064D" w:rsidRDefault="008B3C4B">
          <w:pPr>
            <w:pStyle w:val="11"/>
            <w:tabs>
              <w:tab w:val="right" w:pos="9365"/>
            </w:tabs>
          </w:pPr>
          <w:hyperlink w:anchor="_Toc68680">
            <w:r>
              <w:rPr>
                <w:rFonts w:ascii="Verdana" w:eastAsia="Verdana" w:hAnsi="Verdana" w:cs="Verdana"/>
                <w:sz w:val="20"/>
              </w:rPr>
              <w:t>Литература</w:t>
            </w:r>
            <w:r>
              <w:tab/>
            </w:r>
            <w:r>
              <w:fldChar w:fldCharType="begin"/>
            </w:r>
            <w:r>
              <w:instrText>PAGEREF _Toc68680 \h</w:instrText>
            </w:r>
            <w:r>
              <w:fldChar w:fldCharType="separate"/>
            </w:r>
            <w:r>
              <w:rPr>
                <w:rFonts w:ascii="Verdana" w:eastAsia="Verdana" w:hAnsi="Verdana" w:cs="Verdana"/>
                <w:sz w:val="20"/>
              </w:rPr>
              <w:t xml:space="preserve">41 </w:t>
            </w:r>
            <w:r>
              <w:fldChar w:fldCharType="end"/>
            </w:r>
          </w:hyperlink>
        </w:p>
        <w:p w:rsidR="0043064D" w:rsidRDefault="008B3C4B">
          <w:r>
            <w:fldChar w:fldCharType="end"/>
          </w:r>
        </w:p>
      </w:sdtContent>
    </w:sdt>
    <w:p w:rsidR="0043064D" w:rsidRDefault="008B3C4B">
      <w:pPr>
        <w:spacing w:after="0" w:line="259" w:lineRule="auto"/>
        <w:ind w:left="-29" w:right="-22" w:firstLine="0"/>
        <w:jc w:val="left"/>
      </w:pPr>
      <w:r>
        <w:rPr>
          <w:rFonts w:ascii="Calibri" w:eastAsia="Calibri" w:hAnsi="Calibri" w:cs="Calibri"/>
          <w:noProof/>
          <w:sz w:val="22"/>
        </w:rPr>
        <mc:AlternateContent>
          <mc:Choice Requires="wpg">
            <w:drawing>
              <wp:inline distT="0" distB="0" distL="0" distR="0">
                <wp:extent cx="5979541" cy="213360"/>
                <wp:effectExtent l="0" t="0" r="0" b="0"/>
                <wp:docPr id="55697" name="Group 55697"/>
                <wp:cNvGraphicFramePr/>
                <a:graphic xmlns:a="http://schemas.openxmlformats.org/drawingml/2006/main">
                  <a:graphicData uri="http://schemas.microsoft.com/office/word/2010/wordprocessingGroup">
                    <wpg:wgp>
                      <wpg:cNvGrpSpPr/>
                      <wpg:grpSpPr>
                        <a:xfrm>
                          <a:off x="0" y="0"/>
                          <a:ext cx="5979541" cy="213360"/>
                          <a:chOff x="0" y="0"/>
                          <a:chExt cx="5979541" cy="213360"/>
                        </a:xfrm>
                      </wpg:grpSpPr>
                      <wps:wsp>
                        <wps:cNvPr id="69357" name="Shape 69357"/>
                        <wps:cNvSpPr/>
                        <wps:spPr>
                          <a:xfrm>
                            <a:off x="0" y="0"/>
                            <a:ext cx="5979541" cy="213360"/>
                          </a:xfrm>
                          <a:custGeom>
                            <a:avLst/>
                            <a:gdLst/>
                            <a:ahLst/>
                            <a:cxnLst/>
                            <a:rect l="0" t="0" r="0" b="0"/>
                            <a:pathLst>
                              <a:path w="5979541" h="213360">
                                <a:moveTo>
                                  <a:pt x="0" y="0"/>
                                </a:moveTo>
                                <a:lnTo>
                                  <a:pt x="5979541" y="0"/>
                                </a:lnTo>
                                <a:lnTo>
                                  <a:pt x="5979541" y="213360"/>
                                </a:lnTo>
                                <a:lnTo>
                                  <a:pt x="0" y="213360"/>
                                </a:lnTo>
                                <a:lnTo>
                                  <a:pt x="0" y="0"/>
                                </a:lnTo>
                              </a:path>
                            </a:pathLst>
                          </a:custGeom>
                          <a:ln w="0" cap="flat">
                            <a:miter lim="127000"/>
                          </a:ln>
                        </wps:spPr>
                        <wps:style>
                          <a:lnRef idx="0">
                            <a:srgbClr val="000000">
                              <a:alpha val="0"/>
                            </a:srgbClr>
                          </a:lnRef>
                          <a:fillRef idx="1">
                            <a:srgbClr val="E6E6E6"/>
                          </a:fillRef>
                          <a:effectRef idx="0">
                            <a:scrgbClr r="0" g="0" b="0"/>
                          </a:effectRef>
                          <a:fontRef idx="none"/>
                        </wps:style>
                        <wps:bodyPr/>
                      </wps:wsp>
                    </wpg:wgp>
                  </a:graphicData>
                </a:graphic>
              </wp:inline>
            </w:drawing>
          </mc:Choice>
          <mc:Fallback xmlns:a="http://schemas.openxmlformats.org/drawingml/2006/main">
            <w:pict>
              <v:group id="Group 55697" style="width:470.83pt;height:16.8pt;mso-position-horizontal-relative:char;mso-position-vertical-relative:line" coordsize="59795,2133">
                <v:shape id="Shape 69358" style="position:absolute;width:59795;height:2133;left:0;top:0;" coordsize="5979541,213360" path="m0,0l5979541,0l5979541,213360l0,213360l0,0">
                  <v:stroke weight="0pt" endcap="flat" joinstyle="miter" miterlimit="10" on="false" color="#000000" opacity="0"/>
                  <v:fill on="true" color="#e6e6e6"/>
                </v:shape>
              </v:group>
            </w:pict>
          </mc:Fallback>
        </mc:AlternateContent>
      </w:r>
    </w:p>
    <w:p w:rsidR="0043064D" w:rsidRDefault="008B3C4B">
      <w:pPr>
        <w:pStyle w:val="1"/>
        <w:spacing w:after="189"/>
        <w:ind w:left="-5"/>
      </w:pPr>
      <w:bookmarkStart w:id="1" w:name="_Toc68649"/>
      <w:r>
        <w:lastRenderedPageBreak/>
        <w:t xml:space="preserve">Управление вводом-выводом, файловой системой и безопасность в ОС </w:t>
      </w:r>
      <w:proofErr w:type="spellStart"/>
      <w:r>
        <w:t>Windows</w:t>
      </w:r>
      <w:proofErr w:type="spellEnd"/>
      <w:r>
        <w:t>. Част</w:t>
      </w:r>
      <w:r>
        <w:t xml:space="preserve">ь 2. </w:t>
      </w:r>
      <w:bookmarkEnd w:id="1"/>
    </w:p>
    <w:p w:rsidR="0043064D" w:rsidRDefault="008B3C4B">
      <w:pPr>
        <w:pStyle w:val="2"/>
        <w:ind w:left="-5"/>
      </w:pPr>
      <w:bookmarkStart w:id="2" w:name="_Toc68650"/>
      <w:r>
        <w:t xml:space="preserve">Вопросы </w:t>
      </w:r>
      <w:bookmarkEnd w:id="2"/>
    </w:p>
    <w:p w:rsidR="0043064D" w:rsidRDefault="008B3C4B">
      <w:pPr>
        <w:numPr>
          <w:ilvl w:val="0"/>
          <w:numId w:val="1"/>
        </w:numPr>
        <w:ind w:right="1" w:hanging="274"/>
      </w:pPr>
      <w:r>
        <w:t xml:space="preserve">Компоненты подсистемы ввода-вывода. </w:t>
      </w:r>
    </w:p>
    <w:p w:rsidR="0043064D" w:rsidRDefault="008B3C4B">
      <w:pPr>
        <w:numPr>
          <w:ilvl w:val="0"/>
          <w:numId w:val="1"/>
        </w:numPr>
        <w:ind w:right="1" w:hanging="274"/>
      </w:pPr>
      <w:r>
        <w:t xml:space="preserve">Драйверы устройств. </w:t>
      </w:r>
    </w:p>
    <w:p w:rsidR="0043064D" w:rsidRDefault="008B3C4B">
      <w:pPr>
        <w:numPr>
          <w:ilvl w:val="0"/>
          <w:numId w:val="1"/>
        </w:numPr>
        <w:ind w:right="1" w:hanging="274"/>
      </w:pPr>
      <w:r>
        <w:t xml:space="preserve">Обработка ввода-вывода. </w:t>
      </w:r>
    </w:p>
    <w:p w:rsidR="0043064D" w:rsidRDefault="008B3C4B">
      <w:pPr>
        <w:numPr>
          <w:ilvl w:val="0"/>
          <w:numId w:val="1"/>
        </w:numPr>
        <w:ind w:right="1" w:hanging="274"/>
      </w:pPr>
      <w:r>
        <w:t xml:space="preserve">Диспетчер </w:t>
      </w:r>
      <w:proofErr w:type="spellStart"/>
      <w:r>
        <w:t>Plug</w:t>
      </w:r>
      <w:proofErr w:type="spellEnd"/>
      <w:r>
        <w:t xml:space="preserve"> &amp; </w:t>
      </w:r>
      <w:proofErr w:type="spellStart"/>
      <w:r>
        <w:t>Play</w:t>
      </w:r>
      <w:proofErr w:type="spellEnd"/>
      <w:r>
        <w:t xml:space="preserve">. </w:t>
      </w:r>
    </w:p>
    <w:p w:rsidR="0043064D" w:rsidRDefault="008B3C4B">
      <w:pPr>
        <w:numPr>
          <w:ilvl w:val="0"/>
          <w:numId w:val="1"/>
        </w:numPr>
        <w:ind w:right="1" w:hanging="274"/>
      </w:pPr>
      <w:r>
        <w:t xml:space="preserve">Диспетчер электропитания. </w:t>
      </w:r>
    </w:p>
    <w:p w:rsidR="0043064D" w:rsidRDefault="008B3C4B">
      <w:pPr>
        <w:numPr>
          <w:ilvl w:val="0"/>
          <w:numId w:val="1"/>
        </w:numPr>
        <w:ind w:right="1" w:hanging="274"/>
      </w:pPr>
      <w:r>
        <w:t xml:space="preserve">Драйверы дисков. </w:t>
      </w:r>
    </w:p>
    <w:p w:rsidR="0043064D" w:rsidRDefault="008B3C4B">
      <w:pPr>
        <w:numPr>
          <w:ilvl w:val="0"/>
          <w:numId w:val="1"/>
        </w:numPr>
        <w:spacing w:after="259"/>
        <w:ind w:right="1" w:hanging="274"/>
      </w:pPr>
      <w:r>
        <w:t xml:space="preserve">Управление томами. </w:t>
      </w:r>
    </w:p>
    <w:p w:rsidR="0043064D" w:rsidRDefault="008B3C4B">
      <w:pPr>
        <w:pStyle w:val="2"/>
        <w:ind w:left="-5"/>
      </w:pPr>
      <w:bookmarkStart w:id="3" w:name="_Toc68651"/>
      <w:r>
        <w:t xml:space="preserve">Компоненты подсистемы ввода-вывода </w:t>
      </w:r>
      <w:bookmarkEnd w:id="3"/>
    </w:p>
    <w:p w:rsidR="0043064D" w:rsidRDefault="008B3C4B">
      <w:pPr>
        <w:spacing w:after="142"/>
        <w:ind w:left="-5" w:right="1"/>
      </w:pPr>
      <w:r>
        <w:t xml:space="preserve">Согласно целям, поставленным при разработке, подсистема ввода-вывода в </w:t>
      </w:r>
      <w:proofErr w:type="spellStart"/>
      <w:r>
        <w:t>Windows</w:t>
      </w:r>
      <w:proofErr w:type="spellEnd"/>
      <w:r>
        <w:t xml:space="preserve"> должна обеспечивать приложениям абстракцию устройств — как аппаратных (физических), так и программных (виртуальных или логических) — и при этом предоставлять следующую функциона</w:t>
      </w:r>
      <w:r>
        <w:t xml:space="preserve">льность: </w:t>
      </w:r>
    </w:p>
    <w:p w:rsidR="0043064D" w:rsidRDefault="008B3C4B">
      <w:pPr>
        <w:numPr>
          <w:ilvl w:val="0"/>
          <w:numId w:val="2"/>
        </w:numPr>
        <w:spacing w:after="16"/>
        <w:ind w:right="1" w:hanging="361"/>
      </w:pPr>
      <w:r>
        <w:t xml:space="preserve">стандартные средства безопасности и именования устройств для защиты разделяемых ресурсов; </w:t>
      </w:r>
    </w:p>
    <w:p w:rsidR="0043064D" w:rsidRDefault="008B3C4B">
      <w:pPr>
        <w:numPr>
          <w:ilvl w:val="0"/>
          <w:numId w:val="2"/>
        </w:numPr>
        <w:spacing w:after="21"/>
        <w:ind w:right="1" w:hanging="361"/>
      </w:pPr>
      <w:r>
        <w:t xml:space="preserve">высокопроизводительный асинхронный пакетный ввод-вывод для поддержки масштабируемых приложений; </w:t>
      </w:r>
    </w:p>
    <w:p w:rsidR="0043064D" w:rsidRDefault="008B3C4B">
      <w:pPr>
        <w:numPr>
          <w:ilvl w:val="0"/>
          <w:numId w:val="2"/>
        </w:numPr>
        <w:spacing w:after="22"/>
        <w:ind w:right="1" w:hanging="361"/>
      </w:pPr>
      <w:r>
        <w:t>сервисы для написания драйверов устройств на высокоуровнев</w:t>
      </w:r>
      <w:r>
        <w:t xml:space="preserve">ом языке и упрощения их переноса между разными аппаратными платформами; </w:t>
      </w:r>
    </w:p>
    <w:p w:rsidR="0043064D" w:rsidRDefault="008B3C4B">
      <w:pPr>
        <w:numPr>
          <w:ilvl w:val="0"/>
          <w:numId w:val="2"/>
        </w:numPr>
        <w:spacing w:after="21"/>
        <w:ind w:right="1" w:hanging="361"/>
      </w:pPr>
      <w:r>
        <w:t xml:space="preserve">поддержку многоуровневой модели и расширяемости для добавления драйверов, модифицирующих поведение других драйверов или устройств без внесения изменений в них; </w:t>
      </w:r>
    </w:p>
    <w:p w:rsidR="0043064D" w:rsidRDefault="008B3C4B">
      <w:pPr>
        <w:numPr>
          <w:ilvl w:val="0"/>
          <w:numId w:val="2"/>
        </w:numPr>
        <w:spacing w:after="21"/>
        <w:ind w:right="1" w:hanging="361"/>
      </w:pPr>
      <w:r>
        <w:t xml:space="preserve">динамическую загрузку </w:t>
      </w:r>
      <w:r>
        <w:t xml:space="preserve">и выгрузку драйверов устройств, чтобы драйверы можно было загружать по требованию и не расходовать системные ресурсы без необходимости; </w:t>
      </w:r>
    </w:p>
    <w:p w:rsidR="0043064D" w:rsidRDefault="008B3C4B">
      <w:pPr>
        <w:numPr>
          <w:ilvl w:val="0"/>
          <w:numId w:val="2"/>
        </w:numPr>
        <w:spacing w:after="21" w:line="249" w:lineRule="auto"/>
        <w:ind w:right="1" w:hanging="361"/>
      </w:pPr>
      <w:r>
        <w:t xml:space="preserve">поддержку </w:t>
      </w:r>
      <w:proofErr w:type="spellStart"/>
      <w:r>
        <w:t>Plug</w:t>
      </w:r>
      <w:proofErr w:type="spellEnd"/>
      <w:r>
        <w:t xml:space="preserve"> </w:t>
      </w:r>
      <w:proofErr w:type="spellStart"/>
      <w:r>
        <w:t>and</w:t>
      </w:r>
      <w:proofErr w:type="spellEnd"/>
      <w:r>
        <w:t xml:space="preserve"> </w:t>
      </w:r>
      <w:proofErr w:type="spellStart"/>
      <w:r>
        <w:t>Play</w:t>
      </w:r>
      <w:proofErr w:type="spellEnd"/>
      <w:r>
        <w:t>, благодаря которой система находит и устанавливает драйверы для нового оборудования, а затем вы</w:t>
      </w:r>
      <w:r>
        <w:t xml:space="preserve">деляет им нужные аппаратные ресурсы; </w:t>
      </w:r>
    </w:p>
    <w:p w:rsidR="0043064D" w:rsidRDefault="008B3C4B">
      <w:pPr>
        <w:numPr>
          <w:ilvl w:val="0"/>
          <w:numId w:val="2"/>
        </w:numPr>
        <w:spacing w:after="22"/>
        <w:ind w:right="1" w:hanging="361"/>
      </w:pPr>
      <w:r>
        <w:t xml:space="preserve">управление электропитанием, чтобы система и отдельные устройства могли переходить в состояния с низким энергопотреблением; </w:t>
      </w:r>
    </w:p>
    <w:p w:rsidR="0043064D" w:rsidRDefault="008B3C4B">
      <w:pPr>
        <w:numPr>
          <w:ilvl w:val="0"/>
          <w:numId w:val="2"/>
        </w:numPr>
        <w:spacing w:after="16"/>
        <w:ind w:right="1" w:hanging="361"/>
      </w:pPr>
      <w:r>
        <w:t>поддержку множества устанавливаемых файловых систем, в том числе FAT, CDFS (файловую систему CD-ROM), UDF (</w:t>
      </w:r>
      <w:proofErr w:type="spellStart"/>
      <w:r>
        <w:t>Universal</w:t>
      </w:r>
      <w:proofErr w:type="spellEnd"/>
      <w:r>
        <w:t xml:space="preserve"> </w:t>
      </w:r>
      <w:proofErr w:type="spellStart"/>
      <w:r>
        <w:t>Disk</w:t>
      </w:r>
      <w:proofErr w:type="spellEnd"/>
      <w:r>
        <w:t xml:space="preserve"> </w:t>
      </w:r>
      <w:proofErr w:type="spellStart"/>
      <w:r>
        <w:t>Format</w:t>
      </w:r>
      <w:proofErr w:type="spellEnd"/>
      <w:r>
        <w:t xml:space="preserve">) и NTFS; </w:t>
      </w:r>
    </w:p>
    <w:p w:rsidR="0043064D" w:rsidRDefault="008B3C4B">
      <w:pPr>
        <w:numPr>
          <w:ilvl w:val="0"/>
          <w:numId w:val="2"/>
        </w:numPr>
        <w:ind w:right="1" w:hanging="361"/>
      </w:pPr>
      <w:r>
        <w:t xml:space="preserve">поддержку </w:t>
      </w:r>
      <w:proofErr w:type="spellStart"/>
      <w:r>
        <w:t>Windows</w:t>
      </w:r>
      <w:proofErr w:type="spellEnd"/>
      <w:r>
        <w:t xml:space="preserve"> </w:t>
      </w:r>
      <w:proofErr w:type="spellStart"/>
      <w:r>
        <w:t>Management</w:t>
      </w:r>
      <w:proofErr w:type="spellEnd"/>
      <w:r>
        <w:t xml:space="preserve"> </w:t>
      </w:r>
      <w:proofErr w:type="spellStart"/>
      <w:r>
        <w:t>Instrumentation</w:t>
      </w:r>
      <w:proofErr w:type="spellEnd"/>
      <w:r>
        <w:t xml:space="preserve"> (WMI) и средств диагностики, позволяющую управлять драйверами и вести мо</w:t>
      </w:r>
      <w:r>
        <w:t xml:space="preserve">ниторинг за ними через </w:t>
      </w:r>
      <w:proofErr w:type="spellStart"/>
      <w:r>
        <w:t>WMIприложения</w:t>
      </w:r>
      <w:proofErr w:type="spellEnd"/>
      <w:r>
        <w:t xml:space="preserve"> и сценарии. </w:t>
      </w:r>
    </w:p>
    <w:p w:rsidR="0043064D" w:rsidRDefault="008B3C4B">
      <w:pPr>
        <w:spacing w:after="136"/>
        <w:ind w:left="-5" w:right="1"/>
      </w:pPr>
      <w:r>
        <w:t xml:space="preserve">Для реализации этой функциональности подсистема ввода-вывода в </w:t>
      </w:r>
      <w:proofErr w:type="spellStart"/>
      <w:r>
        <w:t>Windows</w:t>
      </w:r>
      <w:proofErr w:type="spellEnd"/>
      <w:r>
        <w:t xml:space="preserve"> состоит из нескольких компонентов исполнительной системы и драйверов устройств (Рис. 1). </w:t>
      </w:r>
    </w:p>
    <w:p w:rsidR="0043064D" w:rsidRDefault="008B3C4B">
      <w:pPr>
        <w:numPr>
          <w:ilvl w:val="0"/>
          <w:numId w:val="2"/>
        </w:numPr>
        <w:spacing w:after="21"/>
        <w:ind w:right="1" w:hanging="361"/>
      </w:pPr>
      <w:r>
        <w:t xml:space="preserve">Центральное место в этой подсистеме занимает </w:t>
      </w:r>
      <w:r>
        <w:t xml:space="preserve">диспетчер ввода-вывода; он подключает приложения и системные компоненты к виртуальным, логическим и физическим устройствам, а также определяет инфраструктуру, поддерживающую драйверы устройств. </w:t>
      </w:r>
    </w:p>
    <w:p w:rsidR="0043064D" w:rsidRDefault="008B3C4B">
      <w:pPr>
        <w:numPr>
          <w:ilvl w:val="0"/>
          <w:numId w:val="2"/>
        </w:numPr>
        <w:spacing w:after="17"/>
        <w:ind w:right="1" w:hanging="361"/>
      </w:pPr>
      <w:r>
        <w:t>Драйвер устройства, как правило, предоставляет интерфейс ввод</w:t>
      </w:r>
      <w:r>
        <w:t xml:space="preserve">а-вывода для устройств конкретного типа. Такие драйверы принимают от диспетчера </w:t>
      </w:r>
      <w:proofErr w:type="spellStart"/>
      <w:r>
        <w:t>вводавывода</w:t>
      </w:r>
      <w:proofErr w:type="spellEnd"/>
      <w:r>
        <w:t xml:space="preserve"> команды, предназначенные управляемым ими устройствам, и уведомляют диспетчер ввода-вывода о выполнении этих команд. Драйверы часто используют этот диспетчер для пер</w:t>
      </w:r>
      <w:r>
        <w:t xml:space="preserve">есылки команд ввода-вывода другим драйверам, задействованным в реализации интерфейса того же устройства и участвующим в управлении им. </w:t>
      </w:r>
    </w:p>
    <w:p w:rsidR="0043064D" w:rsidRDefault="008B3C4B">
      <w:pPr>
        <w:numPr>
          <w:ilvl w:val="0"/>
          <w:numId w:val="2"/>
        </w:numPr>
        <w:spacing w:after="25"/>
        <w:ind w:right="1" w:hanging="361"/>
      </w:pPr>
      <w:r>
        <w:t xml:space="preserve">Диспетчер </w:t>
      </w:r>
      <w:proofErr w:type="spellStart"/>
      <w:r>
        <w:t>PnP</w:t>
      </w:r>
      <w:proofErr w:type="spellEnd"/>
      <w:r>
        <w:t xml:space="preserve"> работает в тесном взаимодействии с диспетчером ввода-вывода и </w:t>
      </w:r>
      <w:r>
        <w:rPr>
          <w:b/>
        </w:rPr>
        <w:t>драйвером шины</w:t>
      </w:r>
      <w:r>
        <w:t xml:space="preserve"> (</w:t>
      </w:r>
      <w:proofErr w:type="spellStart"/>
      <w:r>
        <w:t>bus</w:t>
      </w:r>
      <w:proofErr w:type="spellEnd"/>
      <w:r>
        <w:t xml:space="preserve"> </w:t>
      </w:r>
      <w:proofErr w:type="spellStart"/>
      <w:r>
        <w:t>driver</w:t>
      </w:r>
      <w:proofErr w:type="spellEnd"/>
      <w:r>
        <w:t>) - одной из разно</w:t>
      </w:r>
      <w:r>
        <w:t xml:space="preserve">видностей драйверов устройств. Он управляет выделением аппаратных ресурсов, а также распознает устройства и реагирует на их подключение или отключение. Диспетчер </w:t>
      </w:r>
      <w:proofErr w:type="spellStart"/>
      <w:r>
        <w:t>PnP</w:t>
      </w:r>
      <w:proofErr w:type="spellEnd"/>
      <w:r>
        <w:t xml:space="preserve"> и драйверы шины отвечают за загрузку соответствующего драйвера при обнаружении нового </w:t>
      </w:r>
      <w:r>
        <w:lastRenderedPageBreak/>
        <w:t>устр</w:t>
      </w:r>
      <w:r>
        <w:t xml:space="preserve">ойства. Если устройство добавляется в систему, в которой нет нужного драйвера устройства, компоненты исполнительной системы, отвечающие за поддержку </w:t>
      </w:r>
      <w:proofErr w:type="spellStart"/>
      <w:r>
        <w:t>PnP</w:t>
      </w:r>
      <w:proofErr w:type="spellEnd"/>
      <w:r>
        <w:t xml:space="preserve">, вызывают сервисы установки устройств, поддерживаемые диспетчером </w:t>
      </w:r>
      <w:proofErr w:type="spellStart"/>
      <w:r>
        <w:t>PnP</w:t>
      </w:r>
      <w:proofErr w:type="spellEnd"/>
      <w:r>
        <w:t xml:space="preserve"> пользовательского режима. </w:t>
      </w:r>
    </w:p>
    <w:p w:rsidR="0043064D" w:rsidRDefault="008B3C4B">
      <w:pPr>
        <w:numPr>
          <w:ilvl w:val="0"/>
          <w:numId w:val="2"/>
        </w:numPr>
        <w:spacing w:after="21"/>
        <w:ind w:right="1" w:hanging="361"/>
      </w:pPr>
      <w:r>
        <w:t>Диспет</w:t>
      </w:r>
      <w:r>
        <w:t xml:space="preserve">чер электропитания, также в тесном взаимодействии с диспетчером </w:t>
      </w:r>
      <w:proofErr w:type="spellStart"/>
      <w:r>
        <w:t>вводавывода</w:t>
      </w:r>
      <w:proofErr w:type="spellEnd"/>
      <w:r>
        <w:t xml:space="preserve">, управляет системой и драйверами устройств при их переходе в различные состояния энергопотребления. </w:t>
      </w:r>
    </w:p>
    <w:p w:rsidR="0043064D" w:rsidRDefault="008B3C4B">
      <w:pPr>
        <w:numPr>
          <w:ilvl w:val="0"/>
          <w:numId w:val="2"/>
        </w:numPr>
        <w:spacing w:after="22"/>
        <w:ind w:right="1" w:hanging="361"/>
      </w:pPr>
      <w:r>
        <w:t xml:space="preserve">Процедуры поддержки </w:t>
      </w:r>
      <w:proofErr w:type="spellStart"/>
      <w:r>
        <w:t>Windows</w:t>
      </w:r>
      <w:proofErr w:type="spellEnd"/>
      <w:r>
        <w:t xml:space="preserve"> </w:t>
      </w:r>
      <w:proofErr w:type="spellStart"/>
      <w:r>
        <w:t>Management</w:t>
      </w:r>
      <w:proofErr w:type="spellEnd"/>
      <w:r>
        <w:t xml:space="preserve"> </w:t>
      </w:r>
      <w:proofErr w:type="spellStart"/>
      <w:r>
        <w:t>Instrumentation</w:t>
      </w:r>
      <w:proofErr w:type="spellEnd"/>
      <w:r>
        <w:t xml:space="preserve"> (WMI) (Инструментарий уп</w:t>
      </w:r>
      <w:r>
        <w:t xml:space="preserve">равления </w:t>
      </w:r>
      <w:proofErr w:type="spellStart"/>
      <w:r>
        <w:t>Windows</w:t>
      </w:r>
      <w:proofErr w:type="spellEnd"/>
      <w:r>
        <w:t>), образующие провайдер WDM (</w:t>
      </w:r>
      <w:proofErr w:type="spellStart"/>
      <w:r>
        <w:t>Windows</w:t>
      </w:r>
      <w:proofErr w:type="spellEnd"/>
      <w:r>
        <w:t xml:space="preserve"> </w:t>
      </w:r>
      <w:proofErr w:type="spellStart"/>
      <w:r>
        <w:t>Driver</w:t>
      </w:r>
      <w:proofErr w:type="spellEnd"/>
      <w:r>
        <w:t xml:space="preserve"> </w:t>
      </w:r>
      <w:proofErr w:type="spellStart"/>
      <w:r>
        <w:t>Model</w:t>
      </w:r>
      <w:proofErr w:type="spellEnd"/>
      <w:r>
        <w:t xml:space="preserve">) WMI, позволяют драйверам устройств выступать в роли провайдеров, взаимодействуя со службой WMI пользовательского режима </w:t>
      </w:r>
      <w:proofErr w:type="gramStart"/>
      <w:r>
        <w:t>через провайдер</w:t>
      </w:r>
      <w:proofErr w:type="gramEnd"/>
      <w:r>
        <w:t xml:space="preserve"> WDM WMI. </w:t>
      </w:r>
    </w:p>
    <w:p w:rsidR="0043064D" w:rsidRDefault="008B3C4B">
      <w:pPr>
        <w:numPr>
          <w:ilvl w:val="0"/>
          <w:numId w:val="2"/>
        </w:numPr>
        <w:spacing w:after="2"/>
        <w:ind w:right="1" w:hanging="361"/>
      </w:pPr>
      <w:r>
        <w:t>Реестр служит в качестве базы данных, в кот</w:t>
      </w:r>
      <w:r>
        <w:t xml:space="preserve">орой хранится описание основных устройств, подключенных к системе, а также параметры инициализации драйверов и конфигурационные настройки. </w:t>
      </w:r>
    </w:p>
    <w:p w:rsidR="0043064D" w:rsidRDefault="008B3C4B">
      <w:pPr>
        <w:spacing w:after="370" w:line="259" w:lineRule="auto"/>
        <w:ind w:left="1319" w:firstLine="0"/>
        <w:jc w:val="left"/>
      </w:pPr>
      <w:r>
        <w:rPr>
          <w:rFonts w:ascii="Calibri" w:eastAsia="Calibri" w:hAnsi="Calibri" w:cs="Calibri"/>
          <w:noProof/>
          <w:sz w:val="22"/>
        </w:rPr>
        <mc:AlternateContent>
          <mc:Choice Requires="wpg">
            <w:drawing>
              <wp:inline distT="0" distB="0" distL="0" distR="0">
                <wp:extent cx="4375781" cy="3402764"/>
                <wp:effectExtent l="0" t="0" r="0" b="0"/>
                <wp:docPr id="58022" name="Group 58022"/>
                <wp:cNvGraphicFramePr/>
                <a:graphic xmlns:a="http://schemas.openxmlformats.org/drawingml/2006/main">
                  <a:graphicData uri="http://schemas.microsoft.com/office/word/2010/wordprocessingGroup">
                    <wpg:wgp>
                      <wpg:cNvGrpSpPr/>
                      <wpg:grpSpPr>
                        <a:xfrm>
                          <a:off x="0" y="0"/>
                          <a:ext cx="4375781" cy="3402764"/>
                          <a:chOff x="0" y="0"/>
                          <a:chExt cx="4375781" cy="3402764"/>
                        </a:xfrm>
                      </wpg:grpSpPr>
                      <wps:wsp>
                        <wps:cNvPr id="628" name="Shape 628"/>
                        <wps:cNvSpPr/>
                        <wps:spPr>
                          <a:xfrm>
                            <a:off x="1196162" y="0"/>
                            <a:ext cx="650279" cy="325144"/>
                          </a:xfrm>
                          <a:custGeom>
                            <a:avLst/>
                            <a:gdLst/>
                            <a:ahLst/>
                            <a:cxnLst/>
                            <a:rect l="0" t="0" r="0" b="0"/>
                            <a:pathLst>
                              <a:path w="650279" h="325144">
                                <a:moveTo>
                                  <a:pt x="0" y="325144"/>
                                </a:moveTo>
                                <a:lnTo>
                                  <a:pt x="650279" y="325144"/>
                                </a:lnTo>
                                <a:lnTo>
                                  <a:pt x="650279"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29" name="Rectangle 629"/>
                        <wps:cNvSpPr/>
                        <wps:spPr>
                          <a:xfrm>
                            <a:off x="1252902" y="123295"/>
                            <a:ext cx="714093" cy="11471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иложения</w:t>
                              </w:r>
                            </w:p>
                          </w:txbxContent>
                        </wps:txbx>
                        <wps:bodyPr horzOverflow="overflow" vert="horz" lIns="0" tIns="0" rIns="0" bIns="0" rtlCol="0">
                          <a:noAutofit/>
                        </wps:bodyPr>
                      </wps:wsp>
                      <wps:wsp>
                        <wps:cNvPr id="631" name="Shape 631"/>
                        <wps:cNvSpPr/>
                        <wps:spPr>
                          <a:xfrm>
                            <a:off x="1954804" y="0"/>
                            <a:ext cx="650278" cy="325145"/>
                          </a:xfrm>
                          <a:custGeom>
                            <a:avLst/>
                            <a:gdLst/>
                            <a:ahLst/>
                            <a:cxnLst/>
                            <a:rect l="0" t="0" r="0" b="0"/>
                            <a:pathLst>
                              <a:path w="650278" h="325145">
                                <a:moveTo>
                                  <a:pt x="0" y="325145"/>
                                </a:moveTo>
                                <a:lnTo>
                                  <a:pt x="650278" y="325145"/>
                                </a:lnTo>
                                <a:lnTo>
                                  <a:pt x="650278"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32" name="Rectangle 632"/>
                        <wps:cNvSpPr/>
                        <wps:spPr>
                          <a:xfrm>
                            <a:off x="2078529" y="51996"/>
                            <a:ext cx="495090" cy="136082"/>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Windows</w:t>
                              </w:r>
                              <w:proofErr w:type="spellEnd"/>
                            </w:p>
                          </w:txbxContent>
                        </wps:txbx>
                        <wps:bodyPr horzOverflow="overflow" vert="horz" lIns="0" tIns="0" rIns="0" bIns="0" rtlCol="0">
                          <a:noAutofit/>
                        </wps:bodyPr>
                      </wps:wsp>
                      <wps:wsp>
                        <wps:cNvPr id="633" name="Rectangle 633"/>
                        <wps:cNvSpPr/>
                        <wps:spPr>
                          <a:xfrm>
                            <a:off x="2450854" y="51996"/>
                            <a:ext cx="40642"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634" name="Rectangle 634"/>
                        <wps:cNvSpPr/>
                        <wps:spPr>
                          <a:xfrm>
                            <a:off x="2100094" y="178352"/>
                            <a:ext cx="478560"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ервисы</w:t>
                              </w:r>
                            </w:p>
                          </w:txbxContent>
                        </wps:txbx>
                        <wps:bodyPr horzOverflow="overflow" vert="horz" lIns="0" tIns="0" rIns="0" bIns="0" rtlCol="0">
                          <a:noAutofit/>
                        </wps:bodyPr>
                      </wps:wsp>
                      <wps:wsp>
                        <wps:cNvPr id="636" name="Shape 636"/>
                        <wps:cNvSpPr/>
                        <wps:spPr>
                          <a:xfrm>
                            <a:off x="437505" y="650289"/>
                            <a:ext cx="650279" cy="325145"/>
                          </a:xfrm>
                          <a:custGeom>
                            <a:avLst/>
                            <a:gdLst/>
                            <a:ahLst/>
                            <a:cxnLst/>
                            <a:rect l="0" t="0" r="0" b="0"/>
                            <a:pathLst>
                              <a:path w="650279" h="325145">
                                <a:moveTo>
                                  <a:pt x="0" y="325145"/>
                                </a:moveTo>
                                <a:lnTo>
                                  <a:pt x="650279" y="325144"/>
                                </a:lnTo>
                                <a:lnTo>
                                  <a:pt x="650279"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37" name="Rectangle 637"/>
                        <wps:cNvSpPr/>
                        <wps:spPr>
                          <a:xfrm>
                            <a:off x="490291" y="773583"/>
                            <a:ext cx="439770"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лужба</w:t>
                              </w:r>
                            </w:p>
                          </w:txbxContent>
                        </wps:txbx>
                        <wps:bodyPr horzOverflow="overflow" vert="horz" lIns="0" tIns="0" rIns="0" bIns="0" rtlCol="0">
                          <a:noAutofit/>
                        </wps:bodyPr>
                      </wps:wsp>
                      <wps:wsp>
                        <wps:cNvPr id="638" name="Rectangle 638"/>
                        <wps:cNvSpPr/>
                        <wps:spPr>
                          <a:xfrm>
                            <a:off x="820932" y="757344"/>
                            <a:ext cx="33908"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639" name="Rectangle 639"/>
                        <wps:cNvSpPr/>
                        <wps:spPr>
                          <a:xfrm>
                            <a:off x="846473" y="757343"/>
                            <a:ext cx="250767" cy="1360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MI</w:t>
                              </w:r>
                            </w:p>
                          </w:txbxContent>
                        </wps:txbx>
                        <wps:bodyPr horzOverflow="overflow" vert="horz" lIns="0" tIns="0" rIns="0" bIns="0" rtlCol="0">
                          <a:noAutofit/>
                        </wps:bodyPr>
                      </wps:wsp>
                      <wps:wsp>
                        <wps:cNvPr id="641" name="Shape 641"/>
                        <wps:cNvSpPr/>
                        <wps:spPr>
                          <a:xfrm>
                            <a:off x="1521305" y="606939"/>
                            <a:ext cx="867073" cy="368494"/>
                          </a:xfrm>
                          <a:custGeom>
                            <a:avLst/>
                            <a:gdLst/>
                            <a:ahLst/>
                            <a:cxnLst/>
                            <a:rect l="0" t="0" r="0" b="0"/>
                            <a:pathLst>
                              <a:path w="867073" h="368494">
                                <a:moveTo>
                                  <a:pt x="0" y="368494"/>
                                </a:moveTo>
                                <a:lnTo>
                                  <a:pt x="867073" y="368494"/>
                                </a:lnTo>
                                <a:lnTo>
                                  <a:pt x="867073"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42" name="Rectangle 642"/>
                        <wps:cNvSpPr/>
                        <wps:spPr>
                          <a:xfrm>
                            <a:off x="1617349" y="641753"/>
                            <a:ext cx="897789" cy="11471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w:t>
                              </w:r>
                              <w:proofErr w:type="spellStart"/>
                              <w:r>
                                <w:rPr>
                                  <w:rFonts w:ascii="Arial" w:eastAsia="Arial" w:hAnsi="Arial" w:cs="Arial"/>
                                  <w:sz w:val="14"/>
                                </w:rPr>
                                <w:t>РпР</w:t>
                              </w:r>
                              <w:proofErr w:type="spellEnd"/>
                              <w:r>
                                <w:rPr>
                                  <w:rFonts w:ascii="Arial" w:eastAsia="Arial" w:hAnsi="Arial" w:cs="Arial"/>
                                  <w:sz w:val="14"/>
                                </w:rPr>
                                <w:t xml:space="preserve"> </w:t>
                              </w:r>
                            </w:p>
                          </w:txbxContent>
                        </wps:txbx>
                        <wps:bodyPr horzOverflow="overflow" vert="horz" lIns="0" tIns="0" rIns="0" bIns="0" rtlCol="0">
                          <a:noAutofit/>
                        </wps:bodyPr>
                      </wps:wsp>
                      <wps:wsp>
                        <wps:cNvPr id="643" name="Rectangle 643"/>
                        <wps:cNvSpPr/>
                        <wps:spPr>
                          <a:xfrm>
                            <a:off x="1536599" y="751867"/>
                            <a:ext cx="1112490"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льзовательского </w:t>
                              </w:r>
                            </w:p>
                          </w:txbxContent>
                        </wps:txbx>
                        <wps:bodyPr horzOverflow="overflow" vert="horz" lIns="0" tIns="0" rIns="0" bIns="0" rtlCol="0">
                          <a:noAutofit/>
                        </wps:bodyPr>
                      </wps:wsp>
                      <wps:wsp>
                        <wps:cNvPr id="644" name="Rectangle 644"/>
                        <wps:cNvSpPr/>
                        <wps:spPr>
                          <a:xfrm>
                            <a:off x="1790397" y="861982"/>
                            <a:ext cx="437332"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а</w:t>
                              </w:r>
                            </w:p>
                          </w:txbxContent>
                        </wps:txbx>
                        <wps:bodyPr horzOverflow="overflow" vert="horz" lIns="0" tIns="0" rIns="0" bIns="0" rtlCol="0">
                          <a:noAutofit/>
                        </wps:bodyPr>
                      </wps:wsp>
                      <wps:wsp>
                        <wps:cNvPr id="646" name="Shape 646"/>
                        <wps:cNvSpPr/>
                        <wps:spPr>
                          <a:xfrm>
                            <a:off x="2794349" y="541856"/>
                            <a:ext cx="786170" cy="325145"/>
                          </a:xfrm>
                          <a:custGeom>
                            <a:avLst/>
                            <a:gdLst/>
                            <a:ahLst/>
                            <a:cxnLst/>
                            <a:rect l="0" t="0" r="0" b="0"/>
                            <a:pathLst>
                              <a:path w="786170" h="325145">
                                <a:moveTo>
                                  <a:pt x="0" y="325145"/>
                                </a:moveTo>
                                <a:lnTo>
                                  <a:pt x="786170" y="325145"/>
                                </a:lnTo>
                                <a:lnTo>
                                  <a:pt x="786170"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47" name="Shape 647"/>
                        <wps:cNvSpPr/>
                        <wps:spPr>
                          <a:xfrm>
                            <a:off x="2713522" y="650289"/>
                            <a:ext cx="786170" cy="325145"/>
                          </a:xfrm>
                          <a:custGeom>
                            <a:avLst/>
                            <a:gdLst/>
                            <a:ahLst/>
                            <a:cxnLst/>
                            <a:rect l="0" t="0" r="0" b="0"/>
                            <a:pathLst>
                              <a:path w="786170" h="325145">
                                <a:moveTo>
                                  <a:pt x="786170" y="0"/>
                                </a:moveTo>
                                <a:lnTo>
                                  <a:pt x="786170" y="325144"/>
                                </a:lnTo>
                                <a:lnTo>
                                  <a:pt x="0" y="325145"/>
                                </a:lnTo>
                                <a:lnTo>
                                  <a:pt x="0" y="0"/>
                                </a:lnTo>
                                <a:lnTo>
                                  <a:pt x="786170" y="0"/>
                                </a:ln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648" name="Shape 648"/>
                        <wps:cNvSpPr/>
                        <wps:spPr>
                          <a:xfrm>
                            <a:off x="2713522" y="650289"/>
                            <a:ext cx="786170" cy="325145"/>
                          </a:xfrm>
                          <a:custGeom>
                            <a:avLst/>
                            <a:gdLst/>
                            <a:ahLst/>
                            <a:cxnLst/>
                            <a:rect l="0" t="0" r="0" b="0"/>
                            <a:pathLst>
                              <a:path w="786170" h="325145">
                                <a:moveTo>
                                  <a:pt x="0" y="325145"/>
                                </a:moveTo>
                                <a:lnTo>
                                  <a:pt x="786170" y="325144"/>
                                </a:lnTo>
                                <a:lnTo>
                                  <a:pt x="786170"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9359" name="Shape 69359"/>
                        <wps:cNvSpPr/>
                        <wps:spPr>
                          <a:xfrm>
                            <a:off x="2605090" y="758645"/>
                            <a:ext cx="823716" cy="325145"/>
                          </a:xfrm>
                          <a:custGeom>
                            <a:avLst/>
                            <a:gdLst/>
                            <a:ahLst/>
                            <a:cxnLst/>
                            <a:rect l="0" t="0" r="0" b="0"/>
                            <a:pathLst>
                              <a:path w="823716" h="325145">
                                <a:moveTo>
                                  <a:pt x="0" y="0"/>
                                </a:moveTo>
                                <a:lnTo>
                                  <a:pt x="823716" y="0"/>
                                </a:lnTo>
                                <a:lnTo>
                                  <a:pt x="823716" y="325145"/>
                                </a:lnTo>
                                <a:lnTo>
                                  <a:pt x="0" y="325145"/>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650" name="Shape 650"/>
                        <wps:cNvSpPr/>
                        <wps:spPr>
                          <a:xfrm>
                            <a:off x="2605090" y="758645"/>
                            <a:ext cx="823716" cy="325145"/>
                          </a:xfrm>
                          <a:custGeom>
                            <a:avLst/>
                            <a:gdLst/>
                            <a:ahLst/>
                            <a:cxnLst/>
                            <a:rect l="0" t="0" r="0" b="0"/>
                            <a:pathLst>
                              <a:path w="823716" h="325145">
                                <a:moveTo>
                                  <a:pt x="0" y="325145"/>
                                </a:moveTo>
                                <a:lnTo>
                                  <a:pt x="823716" y="325145"/>
                                </a:lnTo>
                                <a:lnTo>
                                  <a:pt x="823716"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51" name="Rectangle 651"/>
                        <wps:cNvSpPr/>
                        <wps:spPr>
                          <a:xfrm>
                            <a:off x="2620384" y="826882"/>
                            <a:ext cx="1075845"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Устанавливаемые </w:t>
                              </w:r>
                            </w:p>
                          </w:txbxContent>
                        </wps:txbx>
                        <wps:bodyPr horzOverflow="overflow" vert="horz" lIns="0" tIns="0" rIns="0" bIns="0" rtlCol="0">
                          <a:noAutofit/>
                        </wps:bodyPr>
                      </wps:wsp>
                      <wps:wsp>
                        <wps:cNvPr id="652" name="Rectangle 652"/>
                        <wps:cNvSpPr/>
                        <wps:spPr>
                          <a:xfrm>
                            <a:off x="2746557" y="936997"/>
                            <a:ext cx="685463"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компоненты</w:t>
                              </w:r>
                            </w:p>
                          </w:txbxContent>
                        </wps:txbx>
                        <wps:bodyPr horzOverflow="overflow" vert="horz" lIns="0" tIns="0" rIns="0" bIns="0" rtlCol="0">
                          <a:noAutofit/>
                        </wps:bodyPr>
                      </wps:wsp>
                      <wps:wsp>
                        <wps:cNvPr id="653" name="Rectangle 653"/>
                        <wps:cNvSpPr/>
                        <wps:spPr>
                          <a:xfrm>
                            <a:off x="3261875" y="920757"/>
                            <a:ext cx="33908" cy="1360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654" name="Shape 654"/>
                        <wps:cNvSpPr/>
                        <wps:spPr>
                          <a:xfrm>
                            <a:off x="1738093" y="393278"/>
                            <a:ext cx="0" cy="145520"/>
                          </a:xfrm>
                          <a:custGeom>
                            <a:avLst/>
                            <a:gdLst/>
                            <a:ahLst/>
                            <a:cxnLst/>
                            <a:rect l="0" t="0" r="0" b="0"/>
                            <a:pathLst>
                              <a:path h="145520">
                                <a:moveTo>
                                  <a:pt x="0" y="0"/>
                                </a:moveTo>
                                <a:lnTo>
                                  <a:pt x="0" y="145520"/>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655" name="Shape 655"/>
                        <wps:cNvSpPr/>
                        <wps:spPr>
                          <a:xfrm>
                            <a:off x="1713317" y="325145"/>
                            <a:ext cx="49551" cy="74327"/>
                          </a:xfrm>
                          <a:custGeom>
                            <a:avLst/>
                            <a:gdLst/>
                            <a:ahLst/>
                            <a:cxnLst/>
                            <a:rect l="0" t="0" r="0" b="0"/>
                            <a:pathLst>
                              <a:path w="49551" h="74327">
                                <a:moveTo>
                                  <a:pt x="24776" y="0"/>
                                </a:moveTo>
                                <a:lnTo>
                                  <a:pt x="49551" y="74327"/>
                                </a:lnTo>
                                <a:lnTo>
                                  <a:pt x="0" y="74327"/>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56" name="Shape 656"/>
                        <wps:cNvSpPr/>
                        <wps:spPr>
                          <a:xfrm>
                            <a:off x="1713317" y="532604"/>
                            <a:ext cx="49551" cy="74327"/>
                          </a:xfrm>
                          <a:custGeom>
                            <a:avLst/>
                            <a:gdLst/>
                            <a:ahLst/>
                            <a:cxnLst/>
                            <a:rect l="0" t="0" r="0" b="0"/>
                            <a:pathLst>
                              <a:path w="49551" h="74327">
                                <a:moveTo>
                                  <a:pt x="0" y="0"/>
                                </a:moveTo>
                                <a:lnTo>
                                  <a:pt x="49551" y="0"/>
                                </a:lnTo>
                                <a:lnTo>
                                  <a:pt x="24776" y="7432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57" name="Shape 657"/>
                        <wps:cNvSpPr/>
                        <wps:spPr>
                          <a:xfrm>
                            <a:off x="2063236" y="393278"/>
                            <a:ext cx="0" cy="145520"/>
                          </a:xfrm>
                          <a:custGeom>
                            <a:avLst/>
                            <a:gdLst/>
                            <a:ahLst/>
                            <a:cxnLst/>
                            <a:rect l="0" t="0" r="0" b="0"/>
                            <a:pathLst>
                              <a:path h="145520">
                                <a:moveTo>
                                  <a:pt x="0" y="0"/>
                                </a:moveTo>
                                <a:lnTo>
                                  <a:pt x="0" y="145520"/>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658" name="Shape 658"/>
                        <wps:cNvSpPr/>
                        <wps:spPr>
                          <a:xfrm>
                            <a:off x="2038460" y="325145"/>
                            <a:ext cx="49552" cy="74327"/>
                          </a:xfrm>
                          <a:custGeom>
                            <a:avLst/>
                            <a:gdLst/>
                            <a:ahLst/>
                            <a:cxnLst/>
                            <a:rect l="0" t="0" r="0" b="0"/>
                            <a:pathLst>
                              <a:path w="49552" h="74327">
                                <a:moveTo>
                                  <a:pt x="24776" y="0"/>
                                </a:moveTo>
                                <a:lnTo>
                                  <a:pt x="49552" y="74327"/>
                                </a:lnTo>
                                <a:lnTo>
                                  <a:pt x="0" y="74327"/>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59" name="Shape 659"/>
                        <wps:cNvSpPr/>
                        <wps:spPr>
                          <a:xfrm>
                            <a:off x="2038460" y="532604"/>
                            <a:ext cx="49552" cy="74327"/>
                          </a:xfrm>
                          <a:custGeom>
                            <a:avLst/>
                            <a:gdLst/>
                            <a:ahLst/>
                            <a:cxnLst/>
                            <a:rect l="0" t="0" r="0" b="0"/>
                            <a:pathLst>
                              <a:path w="49552" h="74327">
                                <a:moveTo>
                                  <a:pt x="0" y="0"/>
                                </a:moveTo>
                                <a:lnTo>
                                  <a:pt x="49552" y="0"/>
                                </a:lnTo>
                                <a:lnTo>
                                  <a:pt x="24776" y="7432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60" name="Shape 660"/>
                        <wps:cNvSpPr/>
                        <wps:spPr>
                          <a:xfrm>
                            <a:off x="2456512" y="867001"/>
                            <a:ext cx="80445" cy="0"/>
                          </a:xfrm>
                          <a:custGeom>
                            <a:avLst/>
                            <a:gdLst/>
                            <a:ahLst/>
                            <a:cxnLst/>
                            <a:rect l="0" t="0" r="0" b="0"/>
                            <a:pathLst>
                              <a:path w="80445">
                                <a:moveTo>
                                  <a:pt x="0" y="0"/>
                                </a:moveTo>
                                <a:lnTo>
                                  <a:pt x="80445" y="0"/>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661" name="Shape 661"/>
                        <wps:cNvSpPr/>
                        <wps:spPr>
                          <a:xfrm>
                            <a:off x="2388379" y="842225"/>
                            <a:ext cx="74327" cy="49552"/>
                          </a:xfrm>
                          <a:custGeom>
                            <a:avLst/>
                            <a:gdLst/>
                            <a:ahLst/>
                            <a:cxnLst/>
                            <a:rect l="0" t="0" r="0" b="0"/>
                            <a:pathLst>
                              <a:path w="74327" h="49552">
                                <a:moveTo>
                                  <a:pt x="74327" y="0"/>
                                </a:moveTo>
                                <a:lnTo>
                                  <a:pt x="74327" y="49552"/>
                                </a:lnTo>
                                <a:lnTo>
                                  <a:pt x="0" y="24776"/>
                                </a:lnTo>
                                <a:lnTo>
                                  <a:pt x="7432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62" name="Shape 662"/>
                        <wps:cNvSpPr/>
                        <wps:spPr>
                          <a:xfrm>
                            <a:off x="2530763" y="842225"/>
                            <a:ext cx="74327" cy="49552"/>
                          </a:xfrm>
                          <a:custGeom>
                            <a:avLst/>
                            <a:gdLst/>
                            <a:ahLst/>
                            <a:cxnLst/>
                            <a:rect l="0" t="0" r="0" b="0"/>
                            <a:pathLst>
                              <a:path w="74327" h="49552">
                                <a:moveTo>
                                  <a:pt x="0" y="0"/>
                                </a:moveTo>
                                <a:lnTo>
                                  <a:pt x="74327" y="24776"/>
                                </a:lnTo>
                                <a:lnTo>
                                  <a:pt x="0" y="49552"/>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63" name="Shape 663"/>
                        <wps:cNvSpPr/>
                        <wps:spPr>
                          <a:xfrm>
                            <a:off x="329127" y="1408934"/>
                            <a:ext cx="3251392" cy="1"/>
                          </a:xfrm>
                          <a:custGeom>
                            <a:avLst/>
                            <a:gdLst/>
                            <a:ahLst/>
                            <a:cxnLst/>
                            <a:rect l="0" t="0" r="0" b="0"/>
                            <a:pathLst>
                              <a:path w="3251392" h="1">
                                <a:moveTo>
                                  <a:pt x="0" y="1"/>
                                </a:moveTo>
                                <a:lnTo>
                                  <a:pt x="3251392" y="0"/>
                                </a:lnTo>
                              </a:path>
                            </a:pathLst>
                          </a:custGeom>
                          <a:ln w="17205" cap="rnd">
                            <a:round/>
                          </a:ln>
                        </wps:spPr>
                        <wps:style>
                          <a:lnRef idx="1">
                            <a:srgbClr val="000000"/>
                          </a:lnRef>
                          <a:fillRef idx="0">
                            <a:srgbClr val="000000">
                              <a:alpha val="0"/>
                            </a:srgbClr>
                          </a:fillRef>
                          <a:effectRef idx="0">
                            <a:scrgbClr r="0" g="0" b="0"/>
                          </a:effectRef>
                          <a:fontRef idx="none"/>
                        </wps:style>
                        <wps:bodyPr/>
                      </wps:wsp>
                      <wps:wsp>
                        <wps:cNvPr id="664" name="Rectangle 664"/>
                        <wps:cNvSpPr/>
                        <wps:spPr>
                          <a:xfrm>
                            <a:off x="2489852" y="1293187"/>
                            <a:ext cx="1459716"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wps:txbx>
                        <wps:bodyPr horzOverflow="overflow" vert="horz" lIns="0" tIns="0" rIns="0" bIns="0" rtlCol="0">
                          <a:noAutofit/>
                        </wps:bodyPr>
                      </wps:wsp>
                      <wps:wsp>
                        <wps:cNvPr id="665" name="Rectangle 665"/>
                        <wps:cNvSpPr/>
                        <wps:spPr>
                          <a:xfrm>
                            <a:off x="3054264" y="1446125"/>
                            <a:ext cx="689948" cy="11471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 ядра</w:t>
                              </w:r>
                            </w:p>
                          </w:txbxContent>
                        </wps:txbx>
                        <wps:bodyPr horzOverflow="overflow" vert="horz" lIns="0" tIns="0" rIns="0" bIns="0" rtlCol="0">
                          <a:noAutofit/>
                        </wps:bodyPr>
                      </wps:wsp>
                      <wps:wsp>
                        <wps:cNvPr id="667" name="Shape 667"/>
                        <wps:cNvSpPr/>
                        <wps:spPr>
                          <a:xfrm>
                            <a:off x="719306" y="1734078"/>
                            <a:ext cx="650278" cy="325145"/>
                          </a:xfrm>
                          <a:custGeom>
                            <a:avLst/>
                            <a:gdLst/>
                            <a:ahLst/>
                            <a:cxnLst/>
                            <a:rect l="0" t="0" r="0" b="0"/>
                            <a:pathLst>
                              <a:path w="650278" h="325145">
                                <a:moveTo>
                                  <a:pt x="0" y="325145"/>
                                </a:moveTo>
                                <a:lnTo>
                                  <a:pt x="650278" y="325145"/>
                                </a:lnTo>
                                <a:lnTo>
                                  <a:pt x="650278"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68" name="Rectangle 668"/>
                        <wps:cNvSpPr/>
                        <wps:spPr>
                          <a:xfrm>
                            <a:off x="787669" y="1802315"/>
                            <a:ext cx="649108"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оцедуры</w:t>
                              </w:r>
                            </w:p>
                          </w:txbxContent>
                        </wps:txbx>
                        <wps:bodyPr horzOverflow="overflow" vert="horz" lIns="0" tIns="0" rIns="0" bIns="0" rtlCol="0">
                          <a:noAutofit/>
                        </wps:bodyPr>
                      </wps:wsp>
                      <wps:wsp>
                        <wps:cNvPr id="669" name="Rectangle 669"/>
                        <wps:cNvSpPr/>
                        <wps:spPr>
                          <a:xfrm>
                            <a:off x="1275689" y="1786076"/>
                            <a:ext cx="33908"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670" name="Rectangle 670"/>
                        <wps:cNvSpPr/>
                        <wps:spPr>
                          <a:xfrm>
                            <a:off x="822768" y="1896191"/>
                            <a:ext cx="589669" cy="1360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DM WMI</w:t>
                              </w:r>
                            </w:p>
                          </w:txbxContent>
                        </wps:txbx>
                        <wps:bodyPr horzOverflow="overflow" vert="horz" lIns="0" tIns="0" rIns="0" bIns="0" rtlCol="0">
                          <a:noAutofit/>
                        </wps:bodyPr>
                      </wps:wsp>
                      <wps:wsp>
                        <wps:cNvPr id="672" name="Shape 672"/>
                        <wps:cNvSpPr/>
                        <wps:spPr>
                          <a:xfrm>
                            <a:off x="1434590" y="1734078"/>
                            <a:ext cx="650279" cy="325145"/>
                          </a:xfrm>
                          <a:custGeom>
                            <a:avLst/>
                            <a:gdLst/>
                            <a:ahLst/>
                            <a:cxnLst/>
                            <a:rect l="0" t="0" r="0" b="0"/>
                            <a:pathLst>
                              <a:path w="650279" h="325145">
                                <a:moveTo>
                                  <a:pt x="0" y="325145"/>
                                </a:moveTo>
                                <a:lnTo>
                                  <a:pt x="650279" y="325145"/>
                                </a:lnTo>
                                <a:lnTo>
                                  <a:pt x="650279"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73" name="Rectangle 673"/>
                        <wps:cNvSpPr/>
                        <wps:spPr>
                          <a:xfrm>
                            <a:off x="1521076" y="1802316"/>
                            <a:ext cx="634981"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674" name="Rectangle 674"/>
                        <wps:cNvSpPr/>
                        <wps:spPr>
                          <a:xfrm>
                            <a:off x="1673706" y="1912431"/>
                            <a:ext cx="228898" cy="11471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РпР</w:t>
                              </w:r>
                              <w:proofErr w:type="spellEnd"/>
                            </w:p>
                          </w:txbxContent>
                        </wps:txbx>
                        <wps:bodyPr horzOverflow="overflow" vert="horz" lIns="0" tIns="0" rIns="0" bIns="0" rtlCol="0">
                          <a:noAutofit/>
                        </wps:bodyPr>
                      </wps:wsp>
                      <wps:wsp>
                        <wps:cNvPr id="676" name="Shape 676"/>
                        <wps:cNvSpPr/>
                        <wps:spPr>
                          <a:xfrm>
                            <a:off x="2157827" y="1734078"/>
                            <a:ext cx="721164" cy="325145"/>
                          </a:xfrm>
                          <a:custGeom>
                            <a:avLst/>
                            <a:gdLst/>
                            <a:ahLst/>
                            <a:cxnLst/>
                            <a:rect l="0" t="0" r="0" b="0"/>
                            <a:pathLst>
                              <a:path w="721164" h="325145">
                                <a:moveTo>
                                  <a:pt x="0" y="325145"/>
                                </a:moveTo>
                                <a:lnTo>
                                  <a:pt x="721164" y="325145"/>
                                </a:lnTo>
                                <a:lnTo>
                                  <a:pt x="721164"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77" name="Rectangle 677"/>
                        <wps:cNvSpPr/>
                        <wps:spPr>
                          <a:xfrm>
                            <a:off x="2279718" y="1802316"/>
                            <a:ext cx="634981"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678" name="Rectangle 678"/>
                        <wps:cNvSpPr/>
                        <wps:spPr>
                          <a:xfrm>
                            <a:off x="2173121" y="1912431"/>
                            <a:ext cx="906164"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электропитания</w:t>
                              </w:r>
                            </w:p>
                          </w:txbxContent>
                        </wps:txbx>
                        <wps:bodyPr horzOverflow="overflow" vert="horz" lIns="0" tIns="0" rIns="0" bIns="0" rtlCol="0">
                          <a:noAutofit/>
                        </wps:bodyPr>
                      </wps:wsp>
                      <wps:wsp>
                        <wps:cNvPr id="679" name="Rectangle 679"/>
                        <wps:cNvSpPr/>
                        <wps:spPr>
                          <a:xfrm>
                            <a:off x="2854376" y="1896191"/>
                            <a:ext cx="33908"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681" name="Shape 681"/>
                        <wps:cNvSpPr/>
                        <wps:spPr>
                          <a:xfrm>
                            <a:off x="2930233" y="1734078"/>
                            <a:ext cx="650278" cy="325145"/>
                          </a:xfrm>
                          <a:custGeom>
                            <a:avLst/>
                            <a:gdLst/>
                            <a:ahLst/>
                            <a:cxnLst/>
                            <a:rect l="0" t="0" r="0" b="0"/>
                            <a:pathLst>
                              <a:path w="650278" h="325145">
                                <a:moveTo>
                                  <a:pt x="0" y="325145"/>
                                </a:moveTo>
                                <a:lnTo>
                                  <a:pt x="650278" y="325145"/>
                                </a:lnTo>
                                <a:lnTo>
                                  <a:pt x="650278"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82" name="Rectangle 682"/>
                        <wps:cNvSpPr/>
                        <wps:spPr>
                          <a:xfrm>
                            <a:off x="3016718" y="1802316"/>
                            <a:ext cx="634981"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683" name="Rectangle 683"/>
                        <wps:cNvSpPr/>
                        <wps:spPr>
                          <a:xfrm>
                            <a:off x="2954015" y="1912431"/>
                            <a:ext cx="336619"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684" name="Rectangle 684"/>
                        <wps:cNvSpPr/>
                        <wps:spPr>
                          <a:xfrm>
                            <a:off x="3207125" y="1896191"/>
                            <a:ext cx="40642"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685" name="Rectangle 685"/>
                        <wps:cNvSpPr/>
                        <wps:spPr>
                          <a:xfrm>
                            <a:off x="3237712" y="1912431"/>
                            <a:ext cx="424337"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686" name="Rectangle 686"/>
                        <wps:cNvSpPr/>
                        <wps:spPr>
                          <a:xfrm>
                            <a:off x="40995" y="1780063"/>
                            <a:ext cx="726516"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wps:txbx>
                        <wps:bodyPr horzOverflow="overflow" vert="horz" lIns="0" tIns="0" rIns="0" bIns="0" rtlCol="0">
                          <a:noAutofit/>
                        </wps:bodyPr>
                      </wps:wsp>
                      <wps:wsp>
                        <wps:cNvPr id="687" name="Rectangle 687"/>
                        <wps:cNvSpPr/>
                        <wps:spPr>
                          <a:xfrm>
                            <a:off x="0" y="1890178"/>
                            <a:ext cx="336619"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688" name="Rectangle 688"/>
                        <wps:cNvSpPr/>
                        <wps:spPr>
                          <a:xfrm>
                            <a:off x="253110" y="1873938"/>
                            <a:ext cx="40642"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689" name="Rectangle 689"/>
                        <wps:cNvSpPr/>
                        <wps:spPr>
                          <a:xfrm>
                            <a:off x="283667" y="1890178"/>
                            <a:ext cx="424337"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690" name="Shape 690"/>
                        <wps:cNvSpPr/>
                        <wps:spPr>
                          <a:xfrm>
                            <a:off x="654262" y="1625676"/>
                            <a:ext cx="3034643" cy="541903"/>
                          </a:xfrm>
                          <a:custGeom>
                            <a:avLst/>
                            <a:gdLst/>
                            <a:ahLst/>
                            <a:cxnLst/>
                            <a:rect l="0" t="0" r="0" b="0"/>
                            <a:pathLst>
                              <a:path w="3034643" h="541903">
                                <a:moveTo>
                                  <a:pt x="0" y="541903"/>
                                </a:moveTo>
                                <a:lnTo>
                                  <a:pt x="3034643" y="541903"/>
                                </a:lnTo>
                                <a:lnTo>
                                  <a:pt x="3034643" y="0"/>
                                </a:lnTo>
                                <a:lnTo>
                                  <a:pt x="0" y="1"/>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691" name="Shape 691"/>
                        <wps:cNvSpPr/>
                        <wps:spPr>
                          <a:xfrm>
                            <a:off x="3811606" y="1077290"/>
                            <a:ext cx="30128" cy="223288"/>
                          </a:xfrm>
                          <a:custGeom>
                            <a:avLst/>
                            <a:gdLst/>
                            <a:ahLst/>
                            <a:cxnLst/>
                            <a:rect l="0" t="0" r="0" b="0"/>
                            <a:pathLst>
                              <a:path w="30128" h="223288">
                                <a:moveTo>
                                  <a:pt x="0" y="0"/>
                                </a:moveTo>
                                <a:lnTo>
                                  <a:pt x="30128" y="32499"/>
                                </a:lnTo>
                                <a:lnTo>
                                  <a:pt x="30128" y="223288"/>
                                </a:lnTo>
                                <a:lnTo>
                                  <a:pt x="0" y="190789"/>
                                </a:lnTo>
                                <a:lnTo>
                                  <a:pt x="0" y="0"/>
                                </a:lnTo>
                                <a:close/>
                              </a:path>
                            </a:pathLst>
                          </a:custGeom>
                          <a:ln w="0" cap="rnd">
                            <a:round/>
                          </a:ln>
                        </wps:spPr>
                        <wps:style>
                          <a:lnRef idx="0">
                            <a:srgbClr val="000000">
                              <a:alpha val="0"/>
                            </a:srgbClr>
                          </a:lnRef>
                          <a:fillRef idx="1">
                            <a:srgbClr val="808080"/>
                          </a:fillRef>
                          <a:effectRef idx="0">
                            <a:scrgbClr r="0" g="0" b="0"/>
                          </a:effectRef>
                          <a:fontRef idx="none"/>
                        </wps:style>
                        <wps:bodyPr/>
                      </wps:wsp>
                      <wps:wsp>
                        <wps:cNvPr id="692" name="Shape 692"/>
                        <wps:cNvSpPr/>
                        <wps:spPr>
                          <a:xfrm>
                            <a:off x="3811606" y="1077290"/>
                            <a:ext cx="30128" cy="223288"/>
                          </a:xfrm>
                          <a:custGeom>
                            <a:avLst/>
                            <a:gdLst/>
                            <a:ahLst/>
                            <a:cxnLst/>
                            <a:rect l="0" t="0" r="0" b="0"/>
                            <a:pathLst>
                              <a:path w="30128" h="223288">
                                <a:moveTo>
                                  <a:pt x="30128" y="32499"/>
                                </a:moveTo>
                                <a:lnTo>
                                  <a:pt x="0" y="0"/>
                                </a:lnTo>
                                <a:lnTo>
                                  <a:pt x="0" y="190789"/>
                                </a:lnTo>
                                <a:lnTo>
                                  <a:pt x="30128" y="223288"/>
                                </a:lnTo>
                                <a:lnTo>
                                  <a:pt x="30128" y="32499"/>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69360" name="Shape 69360"/>
                        <wps:cNvSpPr/>
                        <wps:spPr>
                          <a:xfrm>
                            <a:off x="3841735" y="1109789"/>
                            <a:ext cx="155407" cy="190789"/>
                          </a:xfrm>
                          <a:custGeom>
                            <a:avLst/>
                            <a:gdLst/>
                            <a:ahLst/>
                            <a:cxnLst/>
                            <a:rect l="0" t="0" r="0" b="0"/>
                            <a:pathLst>
                              <a:path w="155407" h="190789">
                                <a:moveTo>
                                  <a:pt x="0" y="0"/>
                                </a:moveTo>
                                <a:lnTo>
                                  <a:pt x="155407" y="0"/>
                                </a:lnTo>
                                <a:lnTo>
                                  <a:pt x="155407" y="190789"/>
                                </a:lnTo>
                                <a:lnTo>
                                  <a:pt x="0" y="190789"/>
                                </a:lnTo>
                                <a:lnTo>
                                  <a:pt x="0" y="0"/>
                                </a:lnTo>
                              </a:path>
                            </a:pathLst>
                          </a:custGeom>
                          <a:ln w="0" cap="rnd">
                            <a:round/>
                          </a:ln>
                        </wps:spPr>
                        <wps:style>
                          <a:lnRef idx="0">
                            <a:srgbClr val="000000">
                              <a:alpha val="0"/>
                            </a:srgbClr>
                          </a:lnRef>
                          <a:fillRef idx="1">
                            <a:srgbClr val="808080"/>
                          </a:fillRef>
                          <a:effectRef idx="0">
                            <a:scrgbClr r="0" g="0" b="0"/>
                          </a:effectRef>
                          <a:fontRef idx="none"/>
                        </wps:style>
                        <wps:bodyPr/>
                      </wps:wsp>
                      <wps:wsp>
                        <wps:cNvPr id="694" name="Shape 694"/>
                        <wps:cNvSpPr/>
                        <wps:spPr>
                          <a:xfrm>
                            <a:off x="3841735" y="1109789"/>
                            <a:ext cx="155407" cy="190789"/>
                          </a:xfrm>
                          <a:custGeom>
                            <a:avLst/>
                            <a:gdLst/>
                            <a:ahLst/>
                            <a:cxnLst/>
                            <a:rect l="0" t="0" r="0" b="0"/>
                            <a:pathLst>
                              <a:path w="155407" h="190789">
                                <a:moveTo>
                                  <a:pt x="0" y="190789"/>
                                </a:moveTo>
                                <a:lnTo>
                                  <a:pt x="155407" y="190789"/>
                                </a:lnTo>
                                <a:lnTo>
                                  <a:pt x="155407" y="0"/>
                                </a:lnTo>
                                <a:lnTo>
                                  <a:pt x="0" y="0"/>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695" name="Shape 695"/>
                        <wps:cNvSpPr/>
                        <wps:spPr>
                          <a:xfrm>
                            <a:off x="3997118" y="1077290"/>
                            <a:ext cx="125331" cy="223288"/>
                          </a:xfrm>
                          <a:custGeom>
                            <a:avLst/>
                            <a:gdLst/>
                            <a:ahLst/>
                            <a:cxnLst/>
                            <a:rect l="0" t="0" r="0" b="0"/>
                            <a:pathLst>
                              <a:path w="125331" h="223288">
                                <a:moveTo>
                                  <a:pt x="125331" y="0"/>
                                </a:moveTo>
                                <a:lnTo>
                                  <a:pt x="125331" y="190789"/>
                                </a:lnTo>
                                <a:lnTo>
                                  <a:pt x="0" y="223288"/>
                                </a:lnTo>
                                <a:lnTo>
                                  <a:pt x="0" y="32499"/>
                                </a:lnTo>
                                <a:lnTo>
                                  <a:pt x="125331" y="0"/>
                                </a:lnTo>
                                <a:close/>
                              </a:path>
                            </a:pathLst>
                          </a:custGeom>
                          <a:ln w="0" cap="rnd">
                            <a:round/>
                          </a:ln>
                        </wps:spPr>
                        <wps:style>
                          <a:lnRef idx="0">
                            <a:srgbClr val="000000">
                              <a:alpha val="0"/>
                            </a:srgbClr>
                          </a:lnRef>
                          <a:fillRef idx="1">
                            <a:srgbClr val="808080"/>
                          </a:fillRef>
                          <a:effectRef idx="0">
                            <a:scrgbClr r="0" g="0" b="0"/>
                          </a:effectRef>
                          <a:fontRef idx="none"/>
                        </wps:style>
                        <wps:bodyPr/>
                      </wps:wsp>
                      <wps:wsp>
                        <wps:cNvPr id="696" name="Shape 696"/>
                        <wps:cNvSpPr/>
                        <wps:spPr>
                          <a:xfrm>
                            <a:off x="3997118" y="1077290"/>
                            <a:ext cx="125331" cy="223288"/>
                          </a:xfrm>
                          <a:custGeom>
                            <a:avLst/>
                            <a:gdLst/>
                            <a:ahLst/>
                            <a:cxnLst/>
                            <a:rect l="0" t="0" r="0" b="0"/>
                            <a:pathLst>
                              <a:path w="125331" h="223288">
                                <a:moveTo>
                                  <a:pt x="125331" y="0"/>
                                </a:moveTo>
                                <a:lnTo>
                                  <a:pt x="0" y="32499"/>
                                </a:lnTo>
                                <a:lnTo>
                                  <a:pt x="0" y="223288"/>
                                </a:lnTo>
                                <a:lnTo>
                                  <a:pt x="125331" y="190789"/>
                                </a:lnTo>
                                <a:lnTo>
                                  <a:pt x="125331" y="0"/>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697" name="Shape 697"/>
                        <wps:cNvSpPr/>
                        <wps:spPr>
                          <a:xfrm>
                            <a:off x="3811606" y="1044867"/>
                            <a:ext cx="310843" cy="64922"/>
                          </a:xfrm>
                          <a:custGeom>
                            <a:avLst/>
                            <a:gdLst/>
                            <a:ahLst/>
                            <a:cxnLst/>
                            <a:rect l="0" t="0" r="0" b="0"/>
                            <a:pathLst>
                              <a:path w="310843" h="64922">
                                <a:moveTo>
                                  <a:pt x="125331" y="0"/>
                                </a:moveTo>
                                <a:lnTo>
                                  <a:pt x="280715" y="0"/>
                                </a:lnTo>
                                <a:lnTo>
                                  <a:pt x="310843" y="32423"/>
                                </a:lnTo>
                                <a:lnTo>
                                  <a:pt x="185512" y="64922"/>
                                </a:lnTo>
                                <a:lnTo>
                                  <a:pt x="30128" y="64922"/>
                                </a:lnTo>
                                <a:lnTo>
                                  <a:pt x="0" y="32423"/>
                                </a:lnTo>
                                <a:lnTo>
                                  <a:pt x="125331" y="0"/>
                                </a:lnTo>
                                <a:close/>
                              </a:path>
                            </a:pathLst>
                          </a:custGeom>
                          <a:ln w="0" cap="rnd">
                            <a:round/>
                          </a:ln>
                        </wps:spPr>
                        <wps:style>
                          <a:lnRef idx="0">
                            <a:srgbClr val="000000">
                              <a:alpha val="0"/>
                            </a:srgbClr>
                          </a:lnRef>
                          <a:fillRef idx="1">
                            <a:srgbClr val="808080"/>
                          </a:fillRef>
                          <a:effectRef idx="0">
                            <a:scrgbClr r="0" g="0" b="0"/>
                          </a:effectRef>
                          <a:fontRef idx="none"/>
                        </wps:style>
                        <wps:bodyPr/>
                      </wps:wsp>
                      <wps:wsp>
                        <wps:cNvPr id="698" name="Shape 698"/>
                        <wps:cNvSpPr/>
                        <wps:spPr>
                          <a:xfrm>
                            <a:off x="3811606" y="1044867"/>
                            <a:ext cx="310843" cy="64922"/>
                          </a:xfrm>
                          <a:custGeom>
                            <a:avLst/>
                            <a:gdLst/>
                            <a:ahLst/>
                            <a:cxnLst/>
                            <a:rect l="0" t="0" r="0" b="0"/>
                            <a:pathLst>
                              <a:path w="310843" h="64922">
                                <a:moveTo>
                                  <a:pt x="310843" y="32423"/>
                                </a:moveTo>
                                <a:lnTo>
                                  <a:pt x="280715" y="0"/>
                                </a:lnTo>
                                <a:lnTo>
                                  <a:pt x="125331" y="0"/>
                                </a:lnTo>
                                <a:lnTo>
                                  <a:pt x="0" y="32423"/>
                                </a:lnTo>
                                <a:lnTo>
                                  <a:pt x="30128" y="64922"/>
                                </a:lnTo>
                                <a:lnTo>
                                  <a:pt x="185512" y="64922"/>
                                </a:lnTo>
                                <a:lnTo>
                                  <a:pt x="310843" y="32423"/>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699" name="Rectangle 699"/>
                        <wps:cNvSpPr/>
                        <wps:spPr>
                          <a:xfrm>
                            <a:off x="3766719" y="669481"/>
                            <a:ext cx="196594"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NF</w:t>
                              </w:r>
                            </w:p>
                          </w:txbxContent>
                        </wps:txbx>
                        <wps:bodyPr horzOverflow="overflow" vert="horz" lIns="0" tIns="0" rIns="0" bIns="0" rtlCol="0">
                          <a:noAutofit/>
                        </wps:bodyPr>
                      </wps:wsp>
                      <wps:wsp>
                        <wps:cNvPr id="700" name="Rectangle 700"/>
                        <wps:cNvSpPr/>
                        <wps:spPr>
                          <a:xfrm>
                            <a:off x="3914533" y="669481"/>
                            <a:ext cx="40642"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701" name="Rectangle 701"/>
                        <wps:cNvSpPr/>
                        <wps:spPr>
                          <a:xfrm>
                            <a:off x="3945043" y="669481"/>
                            <a:ext cx="33908"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02" name="Rectangle 702"/>
                        <wps:cNvSpPr/>
                        <wps:spPr>
                          <a:xfrm>
                            <a:off x="3970583" y="685721"/>
                            <a:ext cx="68224"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и</w:t>
                              </w:r>
                            </w:p>
                          </w:txbxContent>
                        </wps:txbx>
                        <wps:bodyPr horzOverflow="overflow" vert="horz" lIns="0" tIns="0" rIns="0" bIns="0" rtlCol="0">
                          <a:noAutofit/>
                        </wps:bodyPr>
                      </wps:wsp>
                      <wps:wsp>
                        <wps:cNvPr id="703" name="Rectangle 703"/>
                        <wps:cNvSpPr/>
                        <wps:spPr>
                          <a:xfrm>
                            <a:off x="4021817" y="669481"/>
                            <a:ext cx="33908"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04" name="Rectangle 704"/>
                        <wps:cNvSpPr/>
                        <wps:spPr>
                          <a:xfrm>
                            <a:off x="4047358" y="669481"/>
                            <a:ext cx="244090"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CAT</w:t>
                              </w:r>
                            </w:p>
                          </w:txbxContent>
                        </wps:txbx>
                        <wps:bodyPr horzOverflow="overflow" vert="horz" lIns="0" tIns="0" rIns="0" bIns="0" rtlCol="0">
                          <a:noAutofit/>
                        </wps:bodyPr>
                      </wps:wsp>
                      <wps:wsp>
                        <wps:cNvPr id="705" name="Rectangle 705"/>
                        <wps:cNvSpPr/>
                        <wps:spPr>
                          <a:xfrm>
                            <a:off x="4230882" y="669481"/>
                            <a:ext cx="40642"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706" name="Rectangle 706"/>
                        <wps:cNvSpPr/>
                        <wps:spPr>
                          <a:xfrm>
                            <a:off x="3852670" y="795836"/>
                            <a:ext cx="395430"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айлы</w:t>
                              </w:r>
                            </w:p>
                          </w:txbxContent>
                        </wps:txbx>
                        <wps:bodyPr horzOverflow="overflow" vert="horz" lIns="0" tIns="0" rIns="0" bIns="0" rtlCol="0">
                          <a:noAutofit/>
                        </wps:bodyPr>
                      </wps:wsp>
                      <wps:wsp>
                        <wps:cNvPr id="707" name="Rectangle 707"/>
                        <wps:cNvSpPr/>
                        <wps:spPr>
                          <a:xfrm>
                            <a:off x="4149978" y="779595"/>
                            <a:ext cx="67817"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08" name="Rectangle 708"/>
                        <wps:cNvSpPr/>
                        <wps:spPr>
                          <a:xfrm>
                            <a:off x="3868039" y="905951"/>
                            <a:ext cx="388405" cy="1147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естр</w:t>
                              </w:r>
                            </w:p>
                          </w:txbxContent>
                        </wps:txbx>
                        <wps:bodyPr horzOverflow="overflow" vert="horz" lIns="0" tIns="0" rIns="0" bIns="0" rtlCol="0">
                          <a:noAutofit/>
                        </wps:bodyPr>
                      </wps:wsp>
                      <wps:wsp>
                        <wps:cNvPr id="709" name="Shape 709"/>
                        <wps:cNvSpPr/>
                        <wps:spPr>
                          <a:xfrm>
                            <a:off x="3616459" y="762392"/>
                            <a:ext cx="159283" cy="257011"/>
                          </a:xfrm>
                          <a:custGeom>
                            <a:avLst/>
                            <a:gdLst/>
                            <a:ahLst/>
                            <a:cxnLst/>
                            <a:rect l="0" t="0" r="0" b="0"/>
                            <a:pathLst>
                              <a:path w="159283" h="257011">
                                <a:moveTo>
                                  <a:pt x="0" y="0"/>
                                </a:moveTo>
                                <a:lnTo>
                                  <a:pt x="159283" y="257011"/>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710" name="Shape 710"/>
                        <wps:cNvSpPr/>
                        <wps:spPr>
                          <a:xfrm>
                            <a:off x="3580519" y="704429"/>
                            <a:ext cx="60258" cy="76239"/>
                          </a:xfrm>
                          <a:custGeom>
                            <a:avLst/>
                            <a:gdLst/>
                            <a:ahLst/>
                            <a:cxnLst/>
                            <a:rect l="0" t="0" r="0" b="0"/>
                            <a:pathLst>
                              <a:path w="60258" h="76239">
                                <a:moveTo>
                                  <a:pt x="0" y="0"/>
                                </a:moveTo>
                                <a:lnTo>
                                  <a:pt x="60258" y="50164"/>
                                </a:lnTo>
                                <a:lnTo>
                                  <a:pt x="18123" y="7623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11" name="Shape 711"/>
                        <wps:cNvSpPr/>
                        <wps:spPr>
                          <a:xfrm>
                            <a:off x="3751425" y="1001050"/>
                            <a:ext cx="60181" cy="76240"/>
                          </a:xfrm>
                          <a:custGeom>
                            <a:avLst/>
                            <a:gdLst/>
                            <a:ahLst/>
                            <a:cxnLst/>
                            <a:rect l="0" t="0" r="0" b="0"/>
                            <a:pathLst>
                              <a:path w="60181" h="76240">
                                <a:moveTo>
                                  <a:pt x="42134" y="0"/>
                                </a:moveTo>
                                <a:lnTo>
                                  <a:pt x="60181" y="76240"/>
                                </a:lnTo>
                                <a:lnTo>
                                  <a:pt x="0" y="26153"/>
                                </a:lnTo>
                                <a:lnTo>
                                  <a:pt x="42134"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12" name="Shape 712"/>
                        <wps:cNvSpPr/>
                        <wps:spPr>
                          <a:xfrm>
                            <a:off x="3757008" y="1368711"/>
                            <a:ext cx="148655" cy="365367"/>
                          </a:xfrm>
                          <a:custGeom>
                            <a:avLst/>
                            <a:gdLst/>
                            <a:ahLst/>
                            <a:cxnLst/>
                            <a:rect l="0" t="0" r="0" b="0"/>
                            <a:pathLst>
                              <a:path w="148655" h="365367">
                                <a:moveTo>
                                  <a:pt x="148655" y="0"/>
                                </a:moveTo>
                                <a:lnTo>
                                  <a:pt x="148655" y="365367"/>
                                </a:lnTo>
                                <a:lnTo>
                                  <a:pt x="0" y="365367"/>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713" name="Shape 713"/>
                        <wps:cNvSpPr/>
                        <wps:spPr>
                          <a:xfrm>
                            <a:off x="3880886" y="1300578"/>
                            <a:ext cx="49551" cy="74328"/>
                          </a:xfrm>
                          <a:custGeom>
                            <a:avLst/>
                            <a:gdLst/>
                            <a:ahLst/>
                            <a:cxnLst/>
                            <a:rect l="0" t="0" r="0" b="0"/>
                            <a:pathLst>
                              <a:path w="49551" h="74328">
                                <a:moveTo>
                                  <a:pt x="24776" y="0"/>
                                </a:moveTo>
                                <a:lnTo>
                                  <a:pt x="49551" y="74328"/>
                                </a:lnTo>
                                <a:lnTo>
                                  <a:pt x="0" y="74328"/>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14" name="Shape 714"/>
                        <wps:cNvSpPr/>
                        <wps:spPr>
                          <a:xfrm>
                            <a:off x="3688874" y="1709302"/>
                            <a:ext cx="74327" cy="49552"/>
                          </a:xfrm>
                          <a:custGeom>
                            <a:avLst/>
                            <a:gdLst/>
                            <a:ahLst/>
                            <a:cxnLst/>
                            <a:rect l="0" t="0" r="0" b="0"/>
                            <a:pathLst>
                              <a:path w="74327" h="49552">
                                <a:moveTo>
                                  <a:pt x="74327" y="0"/>
                                </a:moveTo>
                                <a:lnTo>
                                  <a:pt x="74327" y="49552"/>
                                </a:lnTo>
                                <a:lnTo>
                                  <a:pt x="0" y="24776"/>
                                </a:lnTo>
                                <a:lnTo>
                                  <a:pt x="7432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15" name="Shape 715"/>
                        <wps:cNvSpPr/>
                        <wps:spPr>
                          <a:xfrm>
                            <a:off x="654262" y="2492746"/>
                            <a:ext cx="3034643" cy="433524"/>
                          </a:xfrm>
                          <a:custGeom>
                            <a:avLst/>
                            <a:gdLst/>
                            <a:ahLst/>
                            <a:cxnLst/>
                            <a:rect l="0" t="0" r="0" b="0"/>
                            <a:pathLst>
                              <a:path w="3034643" h="433524">
                                <a:moveTo>
                                  <a:pt x="0" y="433524"/>
                                </a:moveTo>
                                <a:lnTo>
                                  <a:pt x="3034643" y="433524"/>
                                </a:lnTo>
                                <a:lnTo>
                                  <a:pt x="3034643" y="0"/>
                                </a:lnTo>
                                <a:lnTo>
                                  <a:pt x="0" y="0"/>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69361" name="Shape 69361"/>
                        <wps:cNvSpPr/>
                        <wps:spPr>
                          <a:xfrm>
                            <a:off x="762664" y="2601133"/>
                            <a:ext cx="606929" cy="216758"/>
                          </a:xfrm>
                          <a:custGeom>
                            <a:avLst/>
                            <a:gdLst/>
                            <a:ahLst/>
                            <a:cxnLst/>
                            <a:rect l="0" t="0" r="0" b="0"/>
                            <a:pathLst>
                              <a:path w="606929" h="216758">
                                <a:moveTo>
                                  <a:pt x="0" y="0"/>
                                </a:moveTo>
                                <a:lnTo>
                                  <a:pt x="606929" y="0"/>
                                </a:lnTo>
                                <a:lnTo>
                                  <a:pt x="606929" y="216758"/>
                                </a:lnTo>
                                <a:lnTo>
                                  <a:pt x="0" y="21675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717" name="Shape 717"/>
                        <wps:cNvSpPr/>
                        <wps:spPr>
                          <a:xfrm>
                            <a:off x="762664" y="2601133"/>
                            <a:ext cx="606929" cy="216758"/>
                          </a:xfrm>
                          <a:custGeom>
                            <a:avLst/>
                            <a:gdLst/>
                            <a:ahLst/>
                            <a:cxnLst/>
                            <a:rect l="0" t="0" r="0" b="0"/>
                            <a:pathLst>
                              <a:path w="606929" h="216758">
                                <a:moveTo>
                                  <a:pt x="0" y="216758"/>
                                </a:moveTo>
                                <a:lnTo>
                                  <a:pt x="606929" y="216758"/>
                                </a:lnTo>
                                <a:lnTo>
                                  <a:pt x="606929"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69362" name="Shape 69362"/>
                        <wps:cNvSpPr/>
                        <wps:spPr>
                          <a:xfrm>
                            <a:off x="1456307" y="2601133"/>
                            <a:ext cx="606928" cy="216758"/>
                          </a:xfrm>
                          <a:custGeom>
                            <a:avLst/>
                            <a:gdLst/>
                            <a:ahLst/>
                            <a:cxnLst/>
                            <a:rect l="0" t="0" r="0" b="0"/>
                            <a:pathLst>
                              <a:path w="606928" h="216758">
                                <a:moveTo>
                                  <a:pt x="0" y="0"/>
                                </a:moveTo>
                                <a:lnTo>
                                  <a:pt x="606928" y="0"/>
                                </a:lnTo>
                                <a:lnTo>
                                  <a:pt x="606928" y="216758"/>
                                </a:lnTo>
                                <a:lnTo>
                                  <a:pt x="0" y="21675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719" name="Shape 719"/>
                        <wps:cNvSpPr/>
                        <wps:spPr>
                          <a:xfrm>
                            <a:off x="1456307" y="2601133"/>
                            <a:ext cx="606928" cy="216758"/>
                          </a:xfrm>
                          <a:custGeom>
                            <a:avLst/>
                            <a:gdLst/>
                            <a:ahLst/>
                            <a:cxnLst/>
                            <a:rect l="0" t="0" r="0" b="0"/>
                            <a:pathLst>
                              <a:path w="606928" h="216758">
                                <a:moveTo>
                                  <a:pt x="0" y="216758"/>
                                </a:moveTo>
                                <a:lnTo>
                                  <a:pt x="606928" y="216758"/>
                                </a:lnTo>
                                <a:lnTo>
                                  <a:pt x="606928"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720" name="Shape 720"/>
                        <wps:cNvSpPr/>
                        <wps:spPr>
                          <a:xfrm>
                            <a:off x="2171592" y="2235713"/>
                            <a:ext cx="0" cy="188877"/>
                          </a:xfrm>
                          <a:custGeom>
                            <a:avLst/>
                            <a:gdLst/>
                            <a:ahLst/>
                            <a:cxnLst/>
                            <a:rect l="0" t="0" r="0" b="0"/>
                            <a:pathLst>
                              <a:path h="188877">
                                <a:moveTo>
                                  <a:pt x="0" y="0"/>
                                </a:moveTo>
                                <a:lnTo>
                                  <a:pt x="0" y="188877"/>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721" name="Shape 721"/>
                        <wps:cNvSpPr/>
                        <wps:spPr>
                          <a:xfrm>
                            <a:off x="2146816" y="2167579"/>
                            <a:ext cx="49552" cy="74328"/>
                          </a:xfrm>
                          <a:custGeom>
                            <a:avLst/>
                            <a:gdLst/>
                            <a:ahLst/>
                            <a:cxnLst/>
                            <a:rect l="0" t="0" r="0" b="0"/>
                            <a:pathLst>
                              <a:path w="49552" h="74328">
                                <a:moveTo>
                                  <a:pt x="24776" y="0"/>
                                </a:moveTo>
                                <a:lnTo>
                                  <a:pt x="49552" y="74328"/>
                                </a:lnTo>
                                <a:lnTo>
                                  <a:pt x="0" y="74328"/>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22" name="Shape 722"/>
                        <wps:cNvSpPr/>
                        <wps:spPr>
                          <a:xfrm>
                            <a:off x="2146816" y="2418396"/>
                            <a:ext cx="49552" cy="74327"/>
                          </a:xfrm>
                          <a:custGeom>
                            <a:avLst/>
                            <a:gdLst/>
                            <a:ahLst/>
                            <a:cxnLst/>
                            <a:rect l="0" t="0" r="0" b="0"/>
                            <a:pathLst>
                              <a:path w="49552" h="74327">
                                <a:moveTo>
                                  <a:pt x="0" y="0"/>
                                </a:moveTo>
                                <a:lnTo>
                                  <a:pt x="49552" y="0"/>
                                </a:lnTo>
                                <a:lnTo>
                                  <a:pt x="24776" y="7432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23" name="Shape 723"/>
                        <wps:cNvSpPr/>
                        <wps:spPr>
                          <a:xfrm>
                            <a:off x="2171592" y="2994403"/>
                            <a:ext cx="0" cy="80491"/>
                          </a:xfrm>
                          <a:custGeom>
                            <a:avLst/>
                            <a:gdLst/>
                            <a:ahLst/>
                            <a:cxnLst/>
                            <a:rect l="0" t="0" r="0" b="0"/>
                            <a:pathLst>
                              <a:path h="80491">
                                <a:moveTo>
                                  <a:pt x="0" y="80491"/>
                                </a:moveTo>
                                <a:lnTo>
                                  <a:pt x="0" y="0"/>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724" name="Shape 724"/>
                        <wps:cNvSpPr/>
                        <wps:spPr>
                          <a:xfrm>
                            <a:off x="2146816" y="3068700"/>
                            <a:ext cx="49552" cy="74328"/>
                          </a:xfrm>
                          <a:custGeom>
                            <a:avLst/>
                            <a:gdLst/>
                            <a:ahLst/>
                            <a:cxnLst/>
                            <a:rect l="0" t="0" r="0" b="0"/>
                            <a:pathLst>
                              <a:path w="49552" h="74328">
                                <a:moveTo>
                                  <a:pt x="0" y="0"/>
                                </a:moveTo>
                                <a:lnTo>
                                  <a:pt x="49552" y="0"/>
                                </a:lnTo>
                                <a:lnTo>
                                  <a:pt x="24776" y="7432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25" name="Shape 725"/>
                        <wps:cNvSpPr/>
                        <wps:spPr>
                          <a:xfrm>
                            <a:off x="2146816" y="2926270"/>
                            <a:ext cx="49552" cy="74328"/>
                          </a:xfrm>
                          <a:custGeom>
                            <a:avLst/>
                            <a:gdLst/>
                            <a:ahLst/>
                            <a:cxnLst/>
                            <a:rect l="0" t="0" r="0" b="0"/>
                            <a:pathLst>
                              <a:path w="49552" h="74328">
                                <a:moveTo>
                                  <a:pt x="24776" y="0"/>
                                </a:moveTo>
                                <a:lnTo>
                                  <a:pt x="49552" y="74328"/>
                                </a:lnTo>
                                <a:lnTo>
                                  <a:pt x="0" y="74328"/>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26" name="Shape 726"/>
                        <wps:cNvSpPr/>
                        <wps:spPr>
                          <a:xfrm>
                            <a:off x="2171592" y="2709505"/>
                            <a:ext cx="433498" cy="0"/>
                          </a:xfrm>
                          <a:custGeom>
                            <a:avLst/>
                            <a:gdLst/>
                            <a:ahLst/>
                            <a:cxnLst/>
                            <a:rect l="0" t="0" r="0" b="0"/>
                            <a:pathLst>
                              <a:path w="433498">
                                <a:moveTo>
                                  <a:pt x="0" y="0"/>
                                </a:moveTo>
                                <a:lnTo>
                                  <a:pt x="433498" y="0"/>
                                </a:lnTo>
                              </a:path>
                            </a:pathLst>
                          </a:custGeom>
                          <a:ln w="17205" cap="rnd">
                            <a:custDash>
                              <a:ds d="1" sp="1219277"/>
                            </a:custDash>
                            <a:round/>
                          </a:ln>
                        </wps:spPr>
                        <wps:style>
                          <a:lnRef idx="1">
                            <a:srgbClr val="000000"/>
                          </a:lnRef>
                          <a:fillRef idx="0">
                            <a:srgbClr val="000000">
                              <a:alpha val="0"/>
                            </a:srgbClr>
                          </a:fillRef>
                          <a:effectRef idx="0">
                            <a:scrgbClr r="0" g="0" b="0"/>
                          </a:effectRef>
                          <a:fontRef idx="none"/>
                        </wps:style>
                        <wps:bodyPr/>
                      </wps:wsp>
                      <wps:wsp>
                        <wps:cNvPr id="727" name="Shape 727"/>
                        <wps:cNvSpPr/>
                        <wps:spPr>
                          <a:xfrm>
                            <a:off x="3757008" y="1368711"/>
                            <a:ext cx="240110" cy="1340793"/>
                          </a:xfrm>
                          <a:custGeom>
                            <a:avLst/>
                            <a:gdLst/>
                            <a:ahLst/>
                            <a:cxnLst/>
                            <a:rect l="0" t="0" r="0" b="0"/>
                            <a:pathLst>
                              <a:path w="240110" h="1340793">
                                <a:moveTo>
                                  <a:pt x="240110" y="0"/>
                                </a:moveTo>
                                <a:lnTo>
                                  <a:pt x="240110" y="1340793"/>
                                </a:lnTo>
                                <a:lnTo>
                                  <a:pt x="0" y="1340793"/>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728" name="Shape 728"/>
                        <wps:cNvSpPr/>
                        <wps:spPr>
                          <a:xfrm>
                            <a:off x="3972342" y="1300578"/>
                            <a:ext cx="49551" cy="74328"/>
                          </a:xfrm>
                          <a:custGeom>
                            <a:avLst/>
                            <a:gdLst/>
                            <a:ahLst/>
                            <a:cxnLst/>
                            <a:rect l="0" t="0" r="0" b="0"/>
                            <a:pathLst>
                              <a:path w="49551" h="74328">
                                <a:moveTo>
                                  <a:pt x="24776" y="0"/>
                                </a:moveTo>
                                <a:lnTo>
                                  <a:pt x="49551" y="74328"/>
                                </a:lnTo>
                                <a:lnTo>
                                  <a:pt x="0" y="74328"/>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29" name="Shape 729"/>
                        <wps:cNvSpPr/>
                        <wps:spPr>
                          <a:xfrm>
                            <a:off x="3688874" y="2684729"/>
                            <a:ext cx="74327" cy="49552"/>
                          </a:xfrm>
                          <a:custGeom>
                            <a:avLst/>
                            <a:gdLst/>
                            <a:ahLst/>
                            <a:cxnLst/>
                            <a:rect l="0" t="0" r="0" b="0"/>
                            <a:pathLst>
                              <a:path w="74327" h="49552">
                                <a:moveTo>
                                  <a:pt x="74327" y="0"/>
                                </a:moveTo>
                                <a:lnTo>
                                  <a:pt x="74327" y="49552"/>
                                </a:lnTo>
                                <a:lnTo>
                                  <a:pt x="0" y="24776"/>
                                </a:lnTo>
                                <a:lnTo>
                                  <a:pt x="7432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30" name="Shape 730"/>
                        <wps:cNvSpPr/>
                        <wps:spPr>
                          <a:xfrm>
                            <a:off x="979375" y="1043567"/>
                            <a:ext cx="0" cy="622378"/>
                          </a:xfrm>
                          <a:custGeom>
                            <a:avLst/>
                            <a:gdLst/>
                            <a:ahLst/>
                            <a:cxnLst/>
                            <a:rect l="0" t="0" r="0" b="0"/>
                            <a:pathLst>
                              <a:path h="622378">
                                <a:moveTo>
                                  <a:pt x="0" y="0"/>
                                </a:moveTo>
                                <a:lnTo>
                                  <a:pt x="0" y="622378"/>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731" name="Shape 731"/>
                        <wps:cNvSpPr/>
                        <wps:spPr>
                          <a:xfrm>
                            <a:off x="954599" y="975434"/>
                            <a:ext cx="49551" cy="74327"/>
                          </a:xfrm>
                          <a:custGeom>
                            <a:avLst/>
                            <a:gdLst/>
                            <a:ahLst/>
                            <a:cxnLst/>
                            <a:rect l="0" t="0" r="0" b="0"/>
                            <a:pathLst>
                              <a:path w="49551" h="74327">
                                <a:moveTo>
                                  <a:pt x="24776" y="0"/>
                                </a:moveTo>
                                <a:lnTo>
                                  <a:pt x="49551" y="74327"/>
                                </a:lnTo>
                                <a:lnTo>
                                  <a:pt x="0" y="74327"/>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32" name="Shape 732"/>
                        <wps:cNvSpPr/>
                        <wps:spPr>
                          <a:xfrm>
                            <a:off x="954599" y="1659751"/>
                            <a:ext cx="49551" cy="74328"/>
                          </a:xfrm>
                          <a:custGeom>
                            <a:avLst/>
                            <a:gdLst/>
                            <a:ahLst/>
                            <a:cxnLst/>
                            <a:rect l="0" t="0" r="0" b="0"/>
                            <a:pathLst>
                              <a:path w="49551" h="74328">
                                <a:moveTo>
                                  <a:pt x="0" y="0"/>
                                </a:moveTo>
                                <a:lnTo>
                                  <a:pt x="49551" y="0"/>
                                </a:lnTo>
                                <a:lnTo>
                                  <a:pt x="24776" y="7432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33" name="Shape 733"/>
                        <wps:cNvSpPr/>
                        <wps:spPr>
                          <a:xfrm>
                            <a:off x="1304518" y="393278"/>
                            <a:ext cx="0" cy="1164311"/>
                          </a:xfrm>
                          <a:custGeom>
                            <a:avLst/>
                            <a:gdLst/>
                            <a:ahLst/>
                            <a:cxnLst/>
                            <a:rect l="0" t="0" r="0" b="0"/>
                            <a:pathLst>
                              <a:path h="1164311">
                                <a:moveTo>
                                  <a:pt x="0" y="0"/>
                                </a:moveTo>
                                <a:lnTo>
                                  <a:pt x="0" y="1164311"/>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734" name="Shape 734"/>
                        <wps:cNvSpPr/>
                        <wps:spPr>
                          <a:xfrm>
                            <a:off x="1279742" y="325145"/>
                            <a:ext cx="49551" cy="74327"/>
                          </a:xfrm>
                          <a:custGeom>
                            <a:avLst/>
                            <a:gdLst/>
                            <a:ahLst/>
                            <a:cxnLst/>
                            <a:rect l="0" t="0" r="0" b="0"/>
                            <a:pathLst>
                              <a:path w="49551" h="74327">
                                <a:moveTo>
                                  <a:pt x="24776" y="0"/>
                                </a:moveTo>
                                <a:lnTo>
                                  <a:pt x="49551" y="74327"/>
                                </a:lnTo>
                                <a:lnTo>
                                  <a:pt x="0" y="74327"/>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35" name="Shape 735"/>
                        <wps:cNvSpPr/>
                        <wps:spPr>
                          <a:xfrm>
                            <a:off x="1279742" y="1551395"/>
                            <a:ext cx="49551" cy="74328"/>
                          </a:xfrm>
                          <a:custGeom>
                            <a:avLst/>
                            <a:gdLst/>
                            <a:ahLst/>
                            <a:cxnLst/>
                            <a:rect l="0" t="0" r="0" b="0"/>
                            <a:pathLst>
                              <a:path w="49551" h="74328">
                                <a:moveTo>
                                  <a:pt x="0" y="0"/>
                                </a:moveTo>
                                <a:lnTo>
                                  <a:pt x="49551" y="0"/>
                                </a:lnTo>
                                <a:lnTo>
                                  <a:pt x="24776" y="7432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36" name="Shape 736"/>
                        <wps:cNvSpPr/>
                        <wps:spPr>
                          <a:xfrm>
                            <a:off x="2496735" y="393278"/>
                            <a:ext cx="0" cy="1164311"/>
                          </a:xfrm>
                          <a:custGeom>
                            <a:avLst/>
                            <a:gdLst/>
                            <a:ahLst/>
                            <a:cxnLst/>
                            <a:rect l="0" t="0" r="0" b="0"/>
                            <a:pathLst>
                              <a:path h="1164311">
                                <a:moveTo>
                                  <a:pt x="0" y="0"/>
                                </a:moveTo>
                                <a:lnTo>
                                  <a:pt x="0" y="1164311"/>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737" name="Shape 737"/>
                        <wps:cNvSpPr/>
                        <wps:spPr>
                          <a:xfrm>
                            <a:off x="2471959" y="325145"/>
                            <a:ext cx="49552" cy="74327"/>
                          </a:xfrm>
                          <a:custGeom>
                            <a:avLst/>
                            <a:gdLst/>
                            <a:ahLst/>
                            <a:cxnLst/>
                            <a:rect l="0" t="0" r="0" b="0"/>
                            <a:pathLst>
                              <a:path w="49552" h="74327">
                                <a:moveTo>
                                  <a:pt x="24776" y="0"/>
                                </a:moveTo>
                                <a:lnTo>
                                  <a:pt x="49552" y="74327"/>
                                </a:lnTo>
                                <a:lnTo>
                                  <a:pt x="0" y="74327"/>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38" name="Shape 738"/>
                        <wps:cNvSpPr/>
                        <wps:spPr>
                          <a:xfrm>
                            <a:off x="2471959" y="1551395"/>
                            <a:ext cx="49552" cy="74328"/>
                          </a:xfrm>
                          <a:custGeom>
                            <a:avLst/>
                            <a:gdLst/>
                            <a:ahLst/>
                            <a:cxnLst/>
                            <a:rect l="0" t="0" r="0" b="0"/>
                            <a:pathLst>
                              <a:path w="49552" h="74328">
                                <a:moveTo>
                                  <a:pt x="0" y="0"/>
                                </a:moveTo>
                                <a:lnTo>
                                  <a:pt x="49552" y="0"/>
                                </a:lnTo>
                                <a:lnTo>
                                  <a:pt x="24776" y="7432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39" name="Shape 739"/>
                        <wps:cNvSpPr/>
                        <wps:spPr>
                          <a:xfrm>
                            <a:off x="1954804" y="1043567"/>
                            <a:ext cx="0" cy="622378"/>
                          </a:xfrm>
                          <a:custGeom>
                            <a:avLst/>
                            <a:gdLst/>
                            <a:ahLst/>
                            <a:cxnLst/>
                            <a:rect l="0" t="0" r="0" b="0"/>
                            <a:pathLst>
                              <a:path h="622378">
                                <a:moveTo>
                                  <a:pt x="0" y="0"/>
                                </a:moveTo>
                                <a:lnTo>
                                  <a:pt x="0" y="622378"/>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740" name="Shape 740"/>
                        <wps:cNvSpPr/>
                        <wps:spPr>
                          <a:xfrm>
                            <a:off x="1930028" y="975434"/>
                            <a:ext cx="49552" cy="74328"/>
                          </a:xfrm>
                          <a:custGeom>
                            <a:avLst/>
                            <a:gdLst/>
                            <a:ahLst/>
                            <a:cxnLst/>
                            <a:rect l="0" t="0" r="0" b="0"/>
                            <a:pathLst>
                              <a:path w="49552" h="74328">
                                <a:moveTo>
                                  <a:pt x="24776" y="0"/>
                                </a:moveTo>
                                <a:lnTo>
                                  <a:pt x="49552" y="74328"/>
                                </a:lnTo>
                                <a:lnTo>
                                  <a:pt x="0" y="74328"/>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41" name="Shape 741"/>
                        <wps:cNvSpPr/>
                        <wps:spPr>
                          <a:xfrm>
                            <a:off x="1930028" y="1659751"/>
                            <a:ext cx="49552" cy="74327"/>
                          </a:xfrm>
                          <a:custGeom>
                            <a:avLst/>
                            <a:gdLst/>
                            <a:ahLst/>
                            <a:cxnLst/>
                            <a:rect l="0" t="0" r="0" b="0"/>
                            <a:pathLst>
                              <a:path w="49552" h="74327">
                                <a:moveTo>
                                  <a:pt x="0" y="0"/>
                                </a:moveTo>
                                <a:lnTo>
                                  <a:pt x="49552" y="0"/>
                                </a:lnTo>
                                <a:lnTo>
                                  <a:pt x="24776" y="7432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42" name="Rectangle 742"/>
                        <wps:cNvSpPr/>
                        <wps:spPr>
                          <a:xfrm>
                            <a:off x="174653" y="2670234"/>
                            <a:ext cx="574921" cy="11471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ы</w:t>
                              </w:r>
                            </w:p>
                          </w:txbxContent>
                        </wps:txbx>
                        <wps:bodyPr horzOverflow="overflow" vert="horz" lIns="0" tIns="0" rIns="0" bIns="0" rtlCol="0">
                          <a:noAutofit/>
                        </wps:bodyPr>
                      </wps:wsp>
                      <wps:wsp>
                        <wps:cNvPr id="744" name="Shape 744"/>
                        <wps:cNvSpPr/>
                        <wps:spPr>
                          <a:xfrm>
                            <a:off x="654262" y="3143034"/>
                            <a:ext cx="3034643" cy="216758"/>
                          </a:xfrm>
                          <a:custGeom>
                            <a:avLst/>
                            <a:gdLst/>
                            <a:ahLst/>
                            <a:cxnLst/>
                            <a:rect l="0" t="0" r="0" b="0"/>
                            <a:pathLst>
                              <a:path w="3034643" h="216758">
                                <a:moveTo>
                                  <a:pt x="0" y="216758"/>
                                </a:moveTo>
                                <a:lnTo>
                                  <a:pt x="3034643" y="216758"/>
                                </a:lnTo>
                                <a:lnTo>
                                  <a:pt x="3034643"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745" name="Rectangle 745"/>
                        <wps:cNvSpPr/>
                        <wps:spPr>
                          <a:xfrm>
                            <a:off x="2082353" y="3195897"/>
                            <a:ext cx="237416" cy="1360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HAL</w:t>
                              </w:r>
                            </w:p>
                          </w:txbxContent>
                        </wps:txbx>
                        <wps:bodyPr horzOverflow="overflow" vert="horz" lIns="0" tIns="0" rIns="0" bIns="0" rtlCol="0">
                          <a:noAutofit/>
                        </wps:bodyPr>
                      </wps:wsp>
                      <wps:wsp>
                        <wps:cNvPr id="746" name="Rectangle 746"/>
                        <wps:cNvSpPr/>
                        <wps:spPr>
                          <a:xfrm>
                            <a:off x="4330719" y="3277999"/>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inline>
            </w:drawing>
          </mc:Choice>
          <mc:Fallback>
            <w:pict>
              <v:group id="Group 58022" o:spid="_x0000_s1026" style="width:344.55pt;height:267.95pt;mso-position-horizontal-relative:char;mso-position-vertical-relative:line" coordsize="43757,3402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">
                <v:shape id="Shape 628" o:spid="_x0000_s1027" style="position:absolute;left:11961;width:6503;height:3251;visibility:visible;mso-wrap-style:square;v-text-anchor:top" coordsize="650279,3251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" path="m,325144r650279,l650279,,,,,325144xe" filled="f" strokeweight=".05097mm">
                  <v:stroke endcap="round"/>
                  <v:path arrowok="t" textboxrect="0,0,650279,325144"/>
                </v:shape>
                <v:rect id="Rectangle 629" o:spid="_x0000_s1028" style="position:absolute;left:12529;top:1232;width:7140;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Приложения</w:t>
                        </w:r>
                      </w:p>
                    </w:txbxContent>
                  </v:textbox>
                </v:rect>
                <v:shape id="Shape 631" o:spid="_x0000_s1029" style="position:absolute;left:19548;width:6502;height:3251;visibility:visible;mso-wrap-style:square;v-text-anchor:top" coordsize="650278,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" path="m,325145r650278,l650278,,,,,325145xe" filled="f" strokeweight=".05097mm">
                  <v:stroke endcap="round"/>
                  <v:path arrowok="t" textboxrect="0,0,650278,325145"/>
                </v:shape>
                <v:rect id="Rectangle 632" o:spid="_x0000_s1030" style="position:absolute;left:20785;top:519;width:4951;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Windows</w:t>
                        </w:r>
                        <w:proofErr w:type="spellEnd"/>
                      </w:p>
                    </w:txbxContent>
                  </v:textbox>
                </v:rect>
                <v:rect id="Rectangle 633" o:spid="_x0000_s1031" style="position:absolute;left:24508;top:519;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634" o:spid="_x0000_s1032" style="position:absolute;left:21000;top:1783;width:478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сервисы</w:t>
                        </w:r>
                      </w:p>
                    </w:txbxContent>
                  </v:textbox>
                </v:rect>
                <v:shape id="Shape 636" o:spid="_x0000_s1033" style="position:absolute;left:4375;top:6502;width:6502;height:3252;visibility:visible;mso-wrap-style:square;v-text-anchor:top" coordsize="650279,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" path="m,325145r650279,-1l650279,,,,,325145xe" filled="f" strokeweight=".05097mm">
                  <v:stroke endcap="round"/>
                  <v:path arrowok="t" textboxrect="0,0,650279,325145"/>
                </v:shape>
                <v:rect id="Rectangle 637" o:spid="_x0000_s1034" style="position:absolute;left:4902;top:7735;width:4398;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Служба</w:t>
                        </w:r>
                      </w:p>
                    </w:txbxContent>
                  </v:textbox>
                </v:rect>
                <v:rect id="Rectangle 638" o:spid="_x0000_s1035" style="position:absolute;left:8209;top:7573;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639" o:spid="_x0000_s1036" style="position:absolute;left:8464;top:7573;width:250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WMI</w:t>
                        </w:r>
                      </w:p>
                    </w:txbxContent>
                  </v:textbox>
                </v:rect>
                <v:shape id="Shape 641" o:spid="_x0000_s1037" style="position:absolute;left:15213;top:6069;width:8670;height:3685;visibility:visible;mso-wrap-style:square;v-text-anchor:top" coordsize="867073,3684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" path="m,368494r867073,l867073,,,,,368494xe" filled="f" strokeweight=".05097mm">
                  <v:stroke endcap="round"/>
                  <v:path arrowok="t" textboxrect="0,0,867073,368494"/>
                </v:shape>
                <v:rect id="Rectangle 642" o:spid="_x0000_s1038" style="position:absolute;left:16173;top:6417;width:897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w:t>
                        </w:r>
                        <w:proofErr w:type="spellStart"/>
                        <w:r>
                          <w:rPr>
                            <w:rFonts w:ascii="Arial" w:eastAsia="Arial" w:hAnsi="Arial" w:cs="Arial"/>
                            <w:sz w:val="14"/>
                          </w:rPr>
                          <w:t>РпР</w:t>
                        </w:r>
                        <w:proofErr w:type="spellEnd"/>
                        <w:r>
                          <w:rPr>
                            <w:rFonts w:ascii="Arial" w:eastAsia="Arial" w:hAnsi="Arial" w:cs="Arial"/>
                            <w:sz w:val="14"/>
                          </w:rPr>
                          <w:t xml:space="preserve"> </w:t>
                        </w:r>
                      </w:p>
                    </w:txbxContent>
                  </v:textbox>
                </v:rect>
                <v:rect id="Rectangle 643" o:spid="_x0000_s1039" style="position:absolute;left:15365;top:7518;width:11125;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льзовательского </w:t>
                        </w:r>
                      </w:p>
                    </w:txbxContent>
                  </v:textbox>
                </v:rect>
                <v:rect id="Rectangle 644" o:spid="_x0000_s1040" style="position:absolute;left:17903;top:8619;width:437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режима</w:t>
                        </w:r>
                      </w:p>
                    </w:txbxContent>
                  </v:textbox>
                </v:rect>
                <v:shape id="Shape 646" o:spid="_x0000_s1041" style="position:absolute;left:27943;top:5418;width:7862;height:3252;visibility:visible;mso-wrap-style:square;v-text-anchor:top" coordsize="786170,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" path="m,325145r786170,l786170,,,,,325145xe" filled="f" strokeweight=".05097mm">
                  <v:stroke endcap="round"/>
                  <v:path arrowok="t" textboxrect="0,0,786170,325145"/>
                </v:shape>
                <v:shape id="Shape 647" o:spid="_x0000_s1042" style="position:absolute;left:27135;top:6502;width:7861;height:3252;visibility:visible;mso-wrap-style:square;v-text-anchor:top" coordsize="786170,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" path="m786170,r,325144l,325145,,,786170,xe" stroked="f" strokeweight="0">
                  <v:stroke endcap="round"/>
                  <v:path arrowok="t" textboxrect="0,0,786170,325145"/>
                </v:shape>
                <v:shape id="Shape 648" o:spid="_x0000_s1043" style="position:absolute;left:27135;top:6502;width:7861;height:3252;visibility:visible;mso-wrap-style:square;v-text-anchor:top" coordsize="786170,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" path="m,325145r786170,-1l786170,,,,,325145xe" filled="f" strokeweight=".05097mm">
                  <v:stroke endcap="round"/>
                  <v:path arrowok="t" textboxrect="0,0,786170,325145"/>
                </v:shape>
                <v:shape id="Shape 69359" o:spid="_x0000_s1044" style="position:absolute;left:26050;top:7586;width:8238;height:3251;visibility:visible;mso-wrap-style:square;v-text-anchor:top" coordsize="823716,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" path="m,l823716,r,325145l,325145,,e" stroked="f" strokeweight="0">
                  <v:stroke endcap="round"/>
                  <v:path arrowok="t" textboxrect="0,0,823716,325145"/>
                </v:shape>
                <v:shape id="Shape 650" o:spid="_x0000_s1045" style="position:absolute;left:26050;top:7586;width:8238;height:3251;visibility:visible;mso-wrap-style:square;v-text-anchor:top" coordsize="823716,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" path="m,325145r823716,l823716,,,,,325145xe" filled="f" strokeweight=".05097mm">
                  <v:stroke endcap="round"/>
                  <v:path arrowok="t" textboxrect="0,0,823716,325145"/>
                </v:shape>
                <v:rect id="Rectangle 651" o:spid="_x0000_s1046" style="position:absolute;left:26203;top:8268;width:1075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Устанавливаемые </w:t>
                        </w:r>
                      </w:p>
                    </w:txbxContent>
                  </v:textbox>
                </v:rect>
                <v:rect id="Rectangle 652" o:spid="_x0000_s1047" style="position:absolute;left:27465;top:9369;width:6855;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компоненты</w:t>
                        </w:r>
                      </w:p>
                    </w:txbxContent>
                  </v:textbox>
                </v:rect>
                <v:rect id="Rectangle 653" o:spid="_x0000_s1048" style="position:absolute;left:32618;top:9207;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shape id="Shape 654" o:spid="_x0000_s1049" style="position:absolute;left:17380;top:3932;width:0;height:1455;visibility:visible;mso-wrap-style:square;v-text-anchor:top" coordsize="0,1455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" path="m,l,145520e" filled="f" strokeweight=".15294mm">
                  <v:stroke endcap="round"/>
                  <v:path arrowok="t" textboxrect="0,0,0,145520"/>
                </v:shape>
                <v:shape id="Shape 655" o:spid="_x0000_s1050" style="position:absolute;left:17133;top:3251;width:495;height:743;visibility:visible;mso-wrap-style:square;v-text-anchor:top" coordsize="49551,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" path="m24776,l49551,74327,,74327,24776,xe" fillcolor="black" stroked="f" strokeweight="0">
                  <v:stroke endcap="round"/>
                  <v:path arrowok="t" textboxrect="0,0,49551,74327"/>
                </v:shape>
                <v:shape id="Shape 656" o:spid="_x0000_s1051" style="position:absolute;left:17133;top:5326;width:495;height:743;visibility:visible;mso-wrap-style:square;v-text-anchor:top" coordsize="49551,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" path="m,l49551,,24776,74327,,xe" fillcolor="black" stroked="f" strokeweight="0">
                  <v:stroke endcap="round"/>
                  <v:path arrowok="t" textboxrect="0,0,49551,74327"/>
                </v:shape>
                <v:shape id="Shape 657" o:spid="_x0000_s1052" style="position:absolute;left:20632;top:3932;width:0;height:1455;visibility:visible;mso-wrap-style:square;v-text-anchor:top" coordsize="0,1455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" path="m,l,145520e" filled="f" strokeweight=".15294mm">
                  <v:stroke endcap="round"/>
                  <v:path arrowok="t" textboxrect="0,0,0,145520"/>
                </v:shape>
                <v:shape id="Shape 658" o:spid="_x0000_s1053" style="position:absolute;left:20384;top:3251;width:496;height:743;visibility:visible;mso-wrap-style:square;v-text-anchor:top" coordsize="49552,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" path="m24776,l49552,74327,,74327,24776,xe" fillcolor="black" stroked="f" strokeweight="0">
                  <v:stroke endcap="round"/>
                  <v:path arrowok="t" textboxrect="0,0,49552,74327"/>
                </v:shape>
                <v:shape id="Shape 659" o:spid="_x0000_s1054" style="position:absolute;left:20384;top:5326;width:496;height:743;visibility:visible;mso-wrap-style:square;v-text-anchor:top" coordsize="49552,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" path="m,l49552,,24776,74327,,xe" fillcolor="black" stroked="f" strokeweight="0">
                  <v:stroke endcap="round"/>
                  <v:path arrowok="t" textboxrect="0,0,49552,74327"/>
                </v:shape>
                <v:shape id="Shape 660" o:spid="_x0000_s1055" style="position:absolute;left:24565;top:8670;width:804;height:0;visibility:visible;mso-wrap-style:square;v-text-anchor:top" coordsize="8044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" path="m,l80445,e" filled="f" strokeweight=".15294mm">
                  <v:stroke endcap="round"/>
                  <v:path arrowok="t" textboxrect="0,0,80445,0"/>
                </v:shape>
                <v:shape id="Shape 661" o:spid="_x0000_s1056" style="position:absolute;left:23883;top:8422;width:744;height:495;visibility:visible;mso-wrap-style:square;v-text-anchor:top" coordsize="74327,495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" path="m74327,r,49552l,24776,74327,xe" fillcolor="black" stroked="f" strokeweight="0">
                  <v:stroke endcap="round"/>
                  <v:path arrowok="t" textboxrect="0,0,74327,49552"/>
                </v:shape>
                <v:shape id="Shape 662" o:spid="_x0000_s1057" style="position:absolute;left:25307;top:8422;width:743;height:495;visibility:visible;mso-wrap-style:square;v-text-anchor:top" coordsize="74327,495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" path="m,l74327,24776,,49552,,xe" fillcolor="black" stroked="f" strokeweight="0">
                  <v:stroke endcap="round"/>
                  <v:path arrowok="t" textboxrect="0,0,74327,49552"/>
                </v:shape>
                <v:shape id="Shape 663" o:spid="_x0000_s1058" style="position:absolute;left:3291;top:14089;width:32514;height:0;visibility:visible;mso-wrap-style:square;v-text-anchor:top" coordsize="325139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" path="m,1l3251392,e" filled="f" strokeweight=".47792mm">
                  <v:stroke endcap="round"/>
                  <v:path arrowok="t" textboxrect="0,0,3251392,1"/>
                </v:shape>
                <v:rect id="Rectangle 664" o:spid="_x0000_s1059" style="position:absolute;left:24898;top:12931;width:14597;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v:textbox>
                </v:rect>
                <v:rect id="Rectangle 665" o:spid="_x0000_s1060" style="position:absolute;left:30542;top:14461;width:690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Режим ядра</w:t>
                        </w:r>
                      </w:p>
                    </w:txbxContent>
                  </v:textbox>
                </v:rect>
                <v:shape id="Shape 667" o:spid="_x0000_s1061" style="position:absolute;left:7193;top:17340;width:6502;height:3252;visibility:visible;mso-wrap-style:square;v-text-anchor:top" coordsize="650278,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" path="m,325145r650278,l650278,,,,,325145xe" filled="f" strokeweight=".05097mm">
                  <v:stroke endcap="round"/>
                  <v:path arrowok="t" textboxrect="0,0,650278,325145"/>
                </v:shape>
                <v:rect id="Rectangle 668" o:spid="_x0000_s1062" style="position:absolute;left:7876;top:18023;width:6491;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Процедуры</w:t>
                        </w:r>
                      </w:p>
                    </w:txbxContent>
                  </v:textbox>
                </v:rect>
                <v:rect id="Rectangle 669" o:spid="_x0000_s1063" style="position:absolute;left:12756;top:17860;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670" o:spid="_x0000_s1064" style="position:absolute;left:8227;top:18961;width:589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WDM WMI</w:t>
                        </w:r>
                      </w:p>
                    </w:txbxContent>
                  </v:textbox>
                </v:rect>
                <v:shape id="Shape 672" o:spid="_x0000_s1065" style="position:absolute;left:14345;top:17340;width:6503;height:3252;visibility:visible;mso-wrap-style:square;v-text-anchor:top" coordsize="650279,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" path="m,325145r650279,l650279,,,,,325145xe" filled="f" strokeweight=".05097mm">
                  <v:stroke endcap="round"/>
                  <v:path arrowok="t" textboxrect="0,0,650279,325145"/>
                </v:shape>
                <v:rect id="Rectangle 673" o:spid="_x0000_s1066" style="position:absolute;left:15210;top:18023;width:635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v:textbox>
                </v:rect>
                <v:rect id="Rectangle 674" o:spid="_x0000_s1067" style="position:absolute;left:16737;top:19124;width:228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РпР</w:t>
                        </w:r>
                        <w:proofErr w:type="spellEnd"/>
                      </w:p>
                    </w:txbxContent>
                  </v:textbox>
                </v:rect>
                <v:shape id="Shape 676" o:spid="_x0000_s1068" style="position:absolute;left:21578;top:17340;width:7211;height:3252;visibility:visible;mso-wrap-style:square;v-text-anchor:top" coordsize="721164,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" path="m,325145r721164,l721164,,,,,325145xe" filled="f" strokeweight=".05097mm">
                  <v:stroke endcap="round"/>
                  <v:path arrowok="t" textboxrect="0,0,721164,325145"/>
                </v:shape>
                <v:rect id="Rectangle 677" o:spid="_x0000_s1069" style="position:absolute;left:22797;top:18023;width:634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v:textbox>
                </v:rect>
                <v:rect id="Rectangle 678" o:spid="_x0000_s1070" style="position:absolute;left:21731;top:19124;width:9061;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электропитания</w:t>
                        </w:r>
                      </w:p>
                    </w:txbxContent>
                  </v:textbox>
                </v:rect>
                <v:rect id="Rectangle 679" o:spid="_x0000_s1071" style="position:absolute;left:28543;top:18961;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shape id="Shape 681" o:spid="_x0000_s1072" style="position:absolute;left:29302;top:17340;width:6503;height:3252;visibility:visible;mso-wrap-style:square;v-text-anchor:top" coordsize="650278,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" path="m,325145r650278,l650278,,,,,325145xe" filled="f" strokeweight=".05097mm">
                  <v:stroke endcap="round"/>
                  <v:path arrowok="t" textboxrect="0,0,650278,325145"/>
                </v:shape>
                <v:rect id="Rectangle 682" o:spid="_x0000_s1073" style="position:absolute;left:30167;top:18023;width:634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v:textbox>
                </v:rect>
                <v:rect id="Rectangle 683" o:spid="_x0000_s1074" style="position:absolute;left:29540;top:19124;width:336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684" o:spid="_x0000_s1075" style="position:absolute;left:32071;top:18961;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685" o:spid="_x0000_s1076" style="position:absolute;left:32377;top:19124;width:4243;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rect id="Rectangle 686" o:spid="_x0000_s1077" style="position:absolute;left:409;top:17800;width:726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v:textbox>
                </v:rect>
                <v:rect id="Rectangle 687" o:spid="_x0000_s1078" style="position:absolute;top:18901;width:336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688" o:spid="_x0000_s1079" style="position:absolute;left:2531;top:18739;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689" o:spid="_x0000_s1080" style="position:absolute;left:2836;top:18901;width:424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690" o:spid="_x0000_s1081" style="position:absolute;left:6542;top:16256;width:30347;height:5419;visibility:visible;mso-wrap-style:square;v-text-anchor:top" coordsize="3034643,5419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" path="m,541903r3034643,l3034643,,,1,,541903xe" filled="f" strokeweight=".15294mm">
                  <v:stroke endcap="round"/>
                  <v:path arrowok="t" textboxrect="0,0,3034643,541903"/>
                </v:shape>
                <v:shape id="Shape 691" o:spid="_x0000_s1082" style="position:absolute;left:38116;top:10772;width:301;height:2233;visibility:visible;mso-wrap-style:square;v-text-anchor:top" coordsize="30128,2232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" path="m,l30128,32499r,190789l,190789,,xe" fillcolor="gray" stroked="f" strokeweight="0">
                  <v:stroke endcap="round"/>
                  <v:path arrowok="t" textboxrect="0,0,30128,223288"/>
                </v:shape>
                <v:shape id="Shape 692" o:spid="_x0000_s1083" style="position:absolute;left:38116;top:10772;width:301;height:2233;visibility:visible;mso-wrap-style:square;v-text-anchor:top" coordsize="30128,2232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" path="m30128,32499l,,,190789r30128,32499l30128,32499xe" filled="f" strokeweight=".15294mm">
                  <v:stroke endcap="round"/>
                  <v:path arrowok="t" textboxrect="0,0,30128,223288"/>
                </v:shape>
                <v:shape id="Shape 69360" o:spid="_x0000_s1084" style="position:absolute;left:38417;top:11097;width:1554;height:1908;visibility:visible;mso-wrap-style:square;v-text-anchor:top" coordsize="155407,1907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" path="m,l155407,r,190789l,190789,,e" fillcolor="gray" stroked="f" strokeweight="0">
                  <v:stroke endcap="round"/>
                  <v:path arrowok="t" textboxrect="0,0,155407,190789"/>
                </v:shape>
                <v:shape id="Shape 694" o:spid="_x0000_s1085" style="position:absolute;left:38417;top:11097;width:1554;height:1908;visibility:visible;mso-wrap-style:square;v-text-anchor:top" coordsize="155407,1907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" path="m,190789r155407,l155407,,,,,190789xe" filled="f" strokeweight=".15294mm">
                  <v:stroke endcap="round"/>
                  <v:path arrowok="t" textboxrect="0,0,155407,190789"/>
                </v:shape>
                <v:shape id="Shape 695" o:spid="_x0000_s1086" style="position:absolute;left:39971;top:10772;width:1253;height:2233;visibility:visible;mso-wrap-style:square;v-text-anchor:top" coordsize="125331,2232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" path="m125331,r,190789l,223288,,32499,125331,xe" fillcolor="gray" stroked="f" strokeweight="0">
                  <v:stroke endcap="round"/>
                  <v:path arrowok="t" textboxrect="0,0,125331,223288"/>
                </v:shape>
                <v:shape id="Shape 696" o:spid="_x0000_s1087" style="position:absolute;left:39971;top:10772;width:1253;height:2233;visibility:visible;mso-wrap-style:square;v-text-anchor:top" coordsize="125331,2232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" path="m125331,l,32499,,223288,125331,190789,125331,xe" filled="f" strokeweight=".15294mm">
                  <v:stroke endcap="round"/>
                  <v:path arrowok="t" textboxrect="0,0,125331,223288"/>
                </v:shape>
                <v:shape id="Shape 697" o:spid="_x0000_s1088" style="position:absolute;left:38116;top:10448;width:3108;height:649;visibility:visible;mso-wrap-style:square;v-text-anchor:top" coordsize="310843,649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" path="m125331,l280715,r30128,32423l185512,64922r-155384,l,32423,125331,xe" fillcolor="gray" stroked="f" strokeweight="0">
                  <v:stroke endcap="round"/>
                  <v:path arrowok="t" textboxrect="0,0,310843,64922"/>
                </v:shape>
                <v:shape id="Shape 698" o:spid="_x0000_s1089" style="position:absolute;left:38116;top:10448;width:3108;height:649;visibility:visible;mso-wrap-style:square;v-text-anchor:top" coordsize="310843,649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" path="m310843,32423l280715,,125331,,,32423,30128,64922r155384,l310843,32423xe" filled="f" strokeweight=".15294mm">
                  <v:stroke endcap="round"/>
                  <v:path arrowok="t" textboxrect="0,0,310843,64922"/>
                </v:shape>
                <v:rect id="Rectangle 699" o:spid="_x0000_s1090" style="position:absolute;left:37667;top:6694;width:196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INF</w:t>
                        </w:r>
                      </w:p>
                    </w:txbxContent>
                  </v:textbox>
                </v:rect>
                <v:rect id="Rectangle 700" o:spid="_x0000_s1091" style="position:absolute;left:39145;top:6694;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701" o:spid="_x0000_s1092" style="position:absolute;left:39450;top:6694;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02" o:spid="_x0000_s1093" style="position:absolute;left:39705;top:6857;width:683;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и</w:t>
                        </w:r>
                      </w:p>
                    </w:txbxContent>
                  </v:textbox>
                </v:rect>
                <v:rect id="Rectangle 703" o:spid="_x0000_s1094" style="position:absolute;left:40218;top:6694;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04" o:spid="_x0000_s1095" style="position:absolute;left:40473;top:6694;width:2441;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CAT</w:t>
                        </w:r>
                      </w:p>
                    </w:txbxContent>
                  </v:textbox>
                </v:rect>
                <v:rect id="Rectangle 705" o:spid="_x0000_s1096" style="position:absolute;left:42308;top:6694;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706" o:spid="_x0000_s1097" style="position:absolute;left:38526;top:7958;width:3955;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файлы</w:t>
                        </w:r>
                      </w:p>
                    </w:txbxContent>
                  </v:textbox>
                </v:rect>
                <v:rect id="Rectangle 707" o:spid="_x0000_s1098" style="position:absolute;left:41499;top:7795;width:67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08" o:spid="_x0000_s1099" style="position:absolute;left:38680;top:9059;width:388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реестр</w:t>
                        </w:r>
                      </w:p>
                    </w:txbxContent>
                  </v:textbox>
                </v:rect>
                <v:shape id="Shape 709" o:spid="_x0000_s1100" style="position:absolute;left:36164;top:7623;width:1593;height:2571;visibility:visible;mso-wrap-style:square;v-text-anchor:top" coordsize="159283,2570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" path="m,l159283,257011e" filled="f" strokeweight=".15294mm">
                  <v:stroke endcap="round"/>
                  <v:path arrowok="t" textboxrect="0,0,159283,257011"/>
                </v:shape>
                <v:shape id="Shape 710" o:spid="_x0000_s1101" style="position:absolute;left:35805;top:7044;width:602;height:762;visibility:visible;mso-wrap-style:square;v-text-anchor:top" coordsize="60258,762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" path="m,l60258,50164,18123,76239,,xe" fillcolor="black" stroked="f" strokeweight="0">
                  <v:stroke endcap="round"/>
                  <v:path arrowok="t" textboxrect="0,0,60258,76239"/>
                </v:shape>
                <v:shape id="Shape 711" o:spid="_x0000_s1102" style="position:absolute;left:37514;top:10010;width:602;height:762;visibility:visible;mso-wrap-style:square;v-text-anchor:top" coordsize="60181,762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" path="m42134,l60181,76240,,26153,42134,xe" fillcolor="black" stroked="f" strokeweight="0">
                  <v:stroke endcap="round"/>
                  <v:path arrowok="t" textboxrect="0,0,60181,76240"/>
                </v:shape>
                <v:shape id="Shape 712" o:spid="_x0000_s1103" style="position:absolute;left:37570;top:13687;width:1486;height:3653;visibility:visible;mso-wrap-style:square;v-text-anchor:top" coordsize="148655,3653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" path="m148655,r,365367l,365367e" filled="f" strokeweight=".15294mm">
                  <v:stroke endcap="round"/>
                  <v:path arrowok="t" textboxrect="0,0,148655,365367"/>
                </v:shape>
                <v:shape id="Shape 713" o:spid="_x0000_s1104" style="position:absolute;left:38808;top:13005;width:496;height:744;visibility:visible;mso-wrap-style:square;v-text-anchor:top" coordsize="49551,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" path="m24776,l49551,74328,,74328,24776,xe" fillcolor="black" stroked="f" strokeweight="0">
                  <v:stroke endcap="round"/>
                  <v:path arrowok="t" textboxrect="0,0,49551,74328"/>
                </v:shape>
                <v:shape id="Shape 714" o:spid="_x0000_s1105" style="position:absolute;left:36888;top:17093;width:744;height:495;visibility:visible;mso-wrap-style:square;v-text-anchor:top" coordsize="74327,495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" path="m74327,r,49552l,24776,74327,xe" fillcolor="black" stroked="f" strokeweight="0">
                  <v:stroke endcap="round"/>
                  <v:path arrowok="t" textboxrect="0,0,74327,49552"/>
                </v:shape>
                <v:shape id="Shape 715" o:spid="_x0000_s1106" style="position:absolute;left:6542;top:24927;width:30347;height:4335;visibility:visible;mso-wrap-style:square;v-text-anchor:top" coordsize="3034643,4335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" path="m,433524r3034643,l3034643,,,,,433524xe" filled="f" strokeweight=".15294mm">
                  <v:stroke endcap="round"/>
                  <v:path arrowok="t" textboxrect="0,0,3034643,433524"/>
                </v:shape>
                <v:shape id="Shape 69361" o:spid="_x0000_s1107" style="position:absolute;left:7626;top:26011;width:6069;height:2167;visibility:visible;mso-wrap-style:square;v-text-anchor:top" coordsize="606929,2167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" path="m,l606929,r,216758l,216758,,e" stroked="f" strokeweight="0">
                  <v:stroke endcap="round"/>
                  <v:path arrowok="t" textboxrect="0,0,606929,216758"/>
                </v:shape>
                <v:shape id="Shape 717" o:spid="_x0000_s1108" style="position:absolute;left:7626;top:26011;width:6069;height:2167;visibility:visible;mso-wrap-style:square;v-text-anchor:top" coordsize="606929,2167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" path="m,216758r606929,l606929,,,,,216758xe" filled="f" strokeweight=".05097mm">
                  <v:stroke endcap="round"/>
                  <v:path arrowok="t" textboxrect="0,0,606929,216758"/>
                </v:shape>
                <v:shape id="Shape 69362" o:spid="_x0000_s1109" style="position:absolute;left:14563;top:26011;width:6069;height:2167;visibility:visible;mso-wrap-style:square;v-text-anchor:top" coordsize="606928,2167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" path="m,l606928,r,216758l,216758,,e" stroked="f" strokeweight="0">
                  <v:stroke endcap="round"/>
                  <v:path arrowok="t" textboxrect="0,0,606928,216758"/>
                </v:shape>
                <v:shape id="Shape 719" o:spid="_x0000_s1110" style="position:absolute;left:14563;top:26011;width:6069;height:2167;visibility:visible;mso-wrap-style:square;v-text-anchor:top" coordsize="606928,2167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" path="m,216758r606928,l606928,,,,,216758xe" filled="f" strokeweight=".05097mm">
                  <v:stroke endcap="round"/>
                  <v:path arrowok="t" textboxrect="0,0,606928,216758"/>
                </v:shape>
                <v:shape id="Shape 720" o:spid="_x0000_s1111" style="position:absolute;left:21715;top:22357;width:0;height:1888;visibility:visible;mso-wrap-style:square;v-text-anchor:top" coordsize="0,1888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" path="m,l,188877e" filled="f" strokeweight=".15294mm">
                  <v:stroke endcap="round"/>
                  <v:path arrowok="t" textboxrect="0,0,0,188877"/>
                </v:shape>
                <v:shape id="Shape 721" o:spid="_x0000_s1112" style="position:absolute;left:21468;top:21675;width:495;height:744;visibility:visible;mso-wrap-style:square;v-text-anchor:top" coordsize="49552,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" path="m24776,l49552,74328,,74328,24776,xe" fillcolor="black" stroked="f" strokeweight="0">
                  <v:stroke endcap="round"/>
                  <v:path arrowok="t" textboxrect="0,0,49552,74328"/>
                </v:shape>
                <v:shape id="Shape 722" o:spid="_x0000_s1113" style="position:absolute;left:21468;top:24183;width:495;height:744;visibility:visible;mso-wrap-style:square;v-text-anchor:top" coordsize="49552,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" path="m,l49552,,24776,74327,,xe" fillcolor="black" stroked="f" strokeweight="0">
                  <v:stroke endcap="round"/>
                  <v:path arrowok="t" textboxrect="0,0,49552,74327"/>
                </v:shape>
                <v:shape id="Shape 723" o:spid="_x0000_s1114" style="position:absolute;left:21715;top:29944;width:0;height:804;visibility:visible;mso-wrap-style:square;v-text-anchor:top" coordsize="0,8049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" path="m,80491l,e" filled="f" strokeweight=".15294mm">
                  <v:stroke endcap="round"/>
                  <v:path arrowok="t" textboxrect="0,0,0,80491"/>
                </v:shape>
                <v:shape id="Shape 724" o:spid="_x0000_s1115" style="position:absolute;left:21468;top:30687;width:495;height:743;visibility:visible;mso-wrap-style:square;v-text-anchor:top" coordsize="49552,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" path="m,l49552,,24776,74328,,xe" fillcolor="black" stroked="f" strokeweight="0">
                  <v:stroke endcap="round"/>
                  <v:path arrowok="t" textboxrect="0,0,49552,74328"/>
                </v:shape>
                <v:shape id="Shape 725" o:spid="_x0000_s1116" style="position:absolute;left:21468;top:29262;width:495;height:743;visibility:visible;mso-wrap-style:square;v-text-anchor:top" coordsize="49552,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" path="m24776,l49552,74328,,74328,24776,xe" fillcolor="black" stroked="f" strokeweight="0">
                  <v:stroke endcap="round"/>
                  <v:path arrowok="t" textboxrect="0,0,49552,74328"/>
                </v:shape>
                <v:shape id="Shape 726" o:spid="_x0000_s1117" style="position:absolute;left:21715;top:27095;width:4335;height:0;visibility:visible;mso-wrap-style:square;v-text-anchor:top" coordsize="43349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" path="m,l433498,e" filled="f" strokeweight=".47792mm">
                  <v:stroke endcap="round"/>
                  <v:path arrowok="t" textboxrect="0,0,433498,0"/>
                </v:shape>
                <v:shape id="Shape 727" o:spid="_x0000_s1118" style="position:absolute;left:37570;top:13687;width:2401;height:13408;visibility:visible;mso-wrap-style:square;v-text-anchor:top" coordsize="240110,13407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" path="m240110,r,1340793l,1340793e" filled="f" strokeweight=".15294mm">
                  <v:stroke endcap="round"/>
                  <v:path arrowok="t" textboxrect="0,0,240110,1340793"/>
                </v:shape>
                <v:shape id="Shape 728" o:spid="_x0000_s1119" style="position:absolute;left:39723;top:13005;width:495;height:744;visibility:visible;mso-wrap-style:square;v-text-anchor:top" coordsize="49551,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" path="m24776,l49551,74328,,74328,24776,xe" fillcolor="black" stroked="f" strokeweight="0">
                  <v:stroke endcap="round"/>
                  <v:path arrowok="t" textboxrect="0,0,49551,74328"/>
                </v:shape>
                <v:shape id="Shape 729" o:spid="_x0000_s1120" style="position:absolute;left:36888;top:26847;width:744;height:495;visibility:visible;mso-wrap-style:square;v-text-anchor:top" coordsize="74327,495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" path="m74327,r,49552l,24776,74327,xe" fillcolor="black" stroked="f" strokeweight="0">
                  <v:stroke endcap="round"/>
                  <v:path arrowok="t" textboxrect="0,0,74327,49552"/>
                </v:shape>
                <v:shape id="Shape 730" o:spid="_x0000_s1121" style="position:absolute;left:9793;top:10435;width:0;height:6224;visibility:visible;mso-wrap-style:square;v-text-anchor:top" coordsize="0,6223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" path="m,l,622378e" filled="f" strokeweight=".15294mm">
                  <v:stroke endcap="round"/>
                  <v:path arrowok="t" textboxrect="0,0,0,622378"/>
                </v:shape>
                <v:shape id="Shape 731" o:spid="_x0000_s1122" style="position:absolute;left:9545;top:9754;width:496;height:743;visibility:visible;mso-wrap-style:square;v-text-anchor:top" coordsize="49551,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" path="m24776,l49551,74327,,74327,24776,xe" fillcolor="black" stroked="f" strokeweight="0">
                  <v:stroke endcap="round"/>
                  <v:path arrowok="t" textboxrect="0,0,49551,74327"/>
                </v:shape>
                <v:shape id="Shape 732" o:spid="_x0000_s1123" style="position:absolute;left:9545;top:16597;width:496;height:743;visibility:visible;mso-wrap-style:square;v-text-anchor:top" coordsize="49551,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" path="m,l49551,,24776,74328,,xe" fillcolor="black" stroked="f" strokeweight="0">
                  <v:stroke endcap="round"/>
                  <v:path arrowok="t" textboxrect="0,0,49551,74328"/>
                </v:shape>
                <v:shape id="Shape 733" o:spid="_x0000_s1124" style="position:absolute;left:13045;top:3932;width:0;height:11643;visibility:visible;mso-wrap-style:square;v-text-anchor:top" coordsize="0,11643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" path="m,l,1164311e" filled="f" strokeweight=".15294mm">
                  <v:stroke endcap="round"/>
                  <v:path arrowok="t" textboxrect="0,0,0,1164311"/>
                </v:shape>
                <v:shape id="Shape 734" o:spid="_x0000_s1125" style="position:absolute;left:12797;top:3251;width:495;height:743;visibility:visible;mso-wrap-style:square;v-text-anchor:top" coordsize="49551,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" path="m24776,l49551,74327,,74327,24776,xe" fillcolor="black" stroked="f" strokeweight="0">
                  <v:stroke endcap="round"/>
                  <v:path arrowok="t" textboxrect="0,0,49551,74327"/>
                </v:shape>
                <v:shape id="Shape 735" o:spid="_x0000_s1126" style="position:absolute;left:12797;top:15513;width:495;height:744;visibility:visible;mso-wrap-style:square;v-text-anchor:top" coordsize="49551,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" path="m,l49551,,24776,74328,,xe" fillcolor="black" stroked="f" strokeweight="0">
                  <v:stroke endcap="round"/>
                  <v:path arrowok="t" textboxrect="0,0,49551,74328"/>
                </v:shape>
                <v:shape id="Shape 736" o:spid="_x0000_s1127" style="position:absolute;left:24967;top:3932;width:0;height:11643;visibility:visible;mso-wrap-style:square;v-text-anchor:top" coordsize="0,11643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" path="m,l,1164311e" filled="f" strokeweight=".15294mm">
                  <v:stroke endcap="round"/>
                  <v:path arrowok="t" textboxrect="0,0,0,1164311"/>
                </v:shape>
                <v:shape id="Shape 737" o:spid="_x0000_s1128" style="position:absolute;left:24719;top:3251;width:496;height:743;visibility:visible;mso-wrap-style:square;v-text-anchor:top" coordsize="49552,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" path="m24776,l49552,74327,,74327,24776,xe" fillcolor="black" stroked="f" strokeweight="0">
                  <v:stroke endcap="round"/>
                  <v:path arrowok="t" textboxrect="0,0,49552,74327"/>
                </v:shape>
                <v:shape id="Shape 738" o:spid="_x0000_s1129" style="position:absolute;left:24719;top:15513;width:496;height:744;visibility:visible;mso-wrap-style:square;v-text-anchor:top" coordsize="49552,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" path="m,l49552,,24776,74328,,xe" fillcolor="black" stroked="f" strokeweight="0">
                  <v:stroke endcap="round"/>
                  <v:path arrowok="t" textboxrect="0,0,49552,74328"/>
                </v:shape>
                <v:shape id="Shape 739" o:spid="_x0000_s1130" style="position:absolute;left:19548;top:10435;width:0;height:6224;visibility:visible;mso-wrap-style:square;v-text-anchor:top" coordsize="0,6223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" path="m,l,622378e" filled="f" strokeweight=".15294mm">
                  <v:stroke endcap="round"/>
                  <v:path arrowok="t" textboxrect="0,0,0,622378"/>
                </v:shape>
                <v:shape id="Shape 740" o:spid="_x0000_s1131" style="position:absolute;left:19300;top:9754;width:495;height:743;visibility:visible;mso-wrap-style:square;v-text-anchor:top" coordsize="49552,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" path="m24776,l49552,74328,,74328,24776,xe" fillcolor="black" stroked="f" strokeweight="0">
                  <v:stroke endcap="round"/>
                  <v:path arrowok="t" textboxrect="0,0,49552,74328"/>
                </v:shape>
                <v:shape id="Shape 741" o:spid="_x0000_s1132" style="position:absolute;left:19300;top:16597;width:495;height:743;visibility:visible;mso-wrap-style:square;v-text-anchor:top" coordsize="49552,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" path="m,l49552,,24776,74327,,xe" fillcolor="black" stroked="f" strokeweight="0">
                  <v:stroke endcap="round"/>
                  <v:path arrowok="t" textboxrect="0,0,49552,74327"/>
                </v:shape>
                <v:rect id="Rectangle 742" o:spid="_x0000_s1133" style="position:absolute;left:1746;top:26702;width:574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ы</w:t>
                        </w:r>
                      </w:p>
                    </w:txbxContent>
                  </v:textbox>
                </v:rect>
                <v:shape id="Shape 744" o:spid="_x0000_s1134" style="position:absolute;left:6542;top:31430;width:30347;height:2167;visibility:visible;mso-wrap-style:square;v-text-anchor:top" coordsize="3034643,2167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" path="m,216758r3034643,l3034643,,,,,216758xe" filled="f" strokeweight=".05097mm">
                  <v:stroke endcap="round"/>
                  <v:path arrowok="t" textboxrect="0,0,3034643,216758"/>
                </v:shape>
                <v:rect id="Rectangle 745" o:spid="_x0000_s1135" style="position:absolute;left:20823;top:31958;width:2374;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HAL</w:t>
                        </w:r>
                      </w:p>
                    </w:txbxContent>
                  </v:textbox>
                </v:rect>
                <v:rect id="Rectangle 746" o:spid="_x0000_s1136" style="position:absolute;left:43307;top:32779;width:599;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" filled="f" stroked="f">
                  <v:textbox inset="0,0,0,0">
                    <w:txbxContent>
                      <w:p w:rsidR="0043064D" w:rsidRDefault="008B3C4B">
                        <w:pPr>
                          <w:spacing w:after="160" w:line="259" w:lineRule="auto"/>
                          <w:ind w:left="0" w:firstLine="0"/>
                          <w:jc w:val="left"/>
                        </w:pPr>
                        <w:r>
                          <w:t xml:space="preserve"> </w:t>
                        </w:r>
                      </w:p>
                    </w:txbxContent>
                  </v:textbox>
                </v:rect>
                <w10:anchorlock/>
              </v:group>
            </w:pict>
          </mc:Fallback>
        </mc:AlternateContent>
      </w:r>
    </w:p>
    <w:p w:rsidR="0043064D" w:rsidRDefault="008B3C4B">
      <w:pPr>
        <w:spacing w:after="358" w:line="265" w:lineRule="auto"/>
        <w:ind w:right="5"/>
        <w:jc w:val="center"/>
      </w:pPr>
      <w:r>
        <w:t xml:space="preserve">Рис. 1. Компоненты подсистемы ввода-вывода </w:t>
      </w:r>
    </w:p>
    <w:p w:rsidR="0043064D" w:rsidRDefault="008B3C4B">
      <w:pPr>
        <w:numPr>
          <w:ilvl w:val="0"/>
          <w:numId w:val="2"/>
        </w:numPr>
        <w:spacing w:after="22"/>
        <w:ind w:right="1" w:hanging="361"/>
      </w:pPr>
      <w:r>
        <w:t>Для установки драйверов используются INF-файлы; они связывают конкретное аппаратное устройство с драйвером, который берет на себя ведущую роль в управлении этим устройств</w:t>
      </w:r>
      <w:r>
        <w:t xml:space="preserve">ом. Содержимое INF-файла состоит из инструкций, описывающих соответствующее устройство, исходное и целевое местонахождение файлов драйвера, изменения, которые нужно внести в реестр при установке драйвера, и информацию о зависимостях драйвера. В САТ-файлах </w:t>
      </w:r>
      <w:r>
        <w:t xml:space="preserve">хранятся цифровые подписи, которые удостоверяют файлы драйверов, прошедших испытания в лаборатории </w:t>
      </w:r>
      <w:proofErr w:type="spellStart"/>
      <w:r>
        <w:rPr>
          <w:b/>
        </w:rPr>
        <w:t>Microsoft</w:t>
      </w:r>
      <w:proofErr w:type="spellEnd"/>
      <w:r>
        <w:rPr>
          <w:b/>
        </w:rPr>
        <w:t xml:space="preserve"> </w:t>
      </w:r>
      <w:proofErr w:type="spellStart"/>
      <w:r>
        <w:rPr>
          <w:b/>
        </w:rPr>
        <w:t>Windows</w:t>
      </w:r>
      <w:proofErr w:type="spellEnd"/>
      <w:r>
        <w:rPr>
          <w:b/>
        </w:rPr>
        <w:t xml:space="preserve"> </w:t>
      </w:r>
      <w:proofErr w:type="spellStart"/>
      <w:r>
        <w:rPr>
          <w:b/>
        </w:rPr>
        <w:t>Hardware</w:t>
      </w:r>
      <w:proofErr w:type="spellEnd"/>
      <w:r>
        <w:rPr>
          <w:b/>
        </w:rPr>
        <w:t xml:space="preserve"> </w:t>
      </w:r>
      <w:proofErr w:type="spellStart"/>
      <w:r>
        <w:rPr>
          <w:b/>
        </w:rPr>
        <w:t>Quality</w:t>
      </w:r>
      <w:proofErr w:type="spellEnd"/>
      <w:r>
        <w:rPr>
          <w:b/>
        </w:rPr>
        <w:t xml:space="preserve"> </w:t>
      </w:r>
      <w:proofErr w:type="spellStart"/>
      <w:r>
        <w:rPr>
          <w:b/>
        </w:rPr>
        <w:t>Lab</w:t>
      </w:r>
      <w:proofErr w:type="spellEnd"/>
      <w:r>
        <w:t xml:space="preserve"> (WHQL). </w:t>
      </w:r>
    </w:p>
    <w:p w:rsidR="0043064D" w:rsidRDefault="008B3C4B">
      <w:pPr>
        <w:numPr>
          <w:ilvl w:val="0"/>
          <w:numId w:val="2"/>
        </w:numPr>
        <w:spacing w:after="262"/>
        <w:ind w:right="1" w:hanging="361"/>
      </w:pPr>
      <w:r>
        <w:rPr>
          <w:b/>
        </w:rPr>
        <w:t>Уровень абстрагирования от оборудования</w:t>
      </w:r>
      <w:r>
        <w:t xml:space="preserve"> </w:t>
      </w:r>
      <w:r>
        <w:t xml:space="preserve">(HAL) изолирует драйверы от специфических особенностей конкретных процессоров и контроллеров прерываний, поддерживая API, скрывающие межплатформенные различия. </w:t>
      </w:r>
      <w:proofErr w:type="gramStart"/>
      <w:r>
        <w:t>В сущности</w:t>
      </w:r>
      <w:proofErr w:type="gramEnd"/>
      <w:r>
        <w:t xml:space="preserve"> HAL является драйвером шины для тех устройств на материнской плате компьютера, которы</w:t>
      </w:r>
      <w:r>
        <w:t xml:space="preserve">е не контролируются другими драйверами. </w:t>
      </w:r>
    </w:p>
    <w:p w:rsidR="0043064D" w:rsidRDefault="008B3C4B">
      <w:pPr>
        <w:pStyle w:val="3"/>
        <w:spacing w:after="57" w:line="265" w:lineRule="auto"/>
        <w:ind w:left="-5"/>
      </w:pPr>
      <w:bookmarkStart w:id="4" w:name="_Toc68652"/>
      <w:r>
        <w:rPr>
          <w:rFonts w:ascii="Tahoma" w:eastAsia="Tahoma" w:hAnsi="Tahoma" w:cs="Tahoma"/>
          <w:b w:val="0"/>
        </w:rPr>
        <w:t xml:space="preserve">Диспетчер ввода-вывода </w:t>
      </w:r>
      <w:bookmarkEnd w:id="4"/>
    </w:p>
    <w:p w:rsidR="0043064D" w:rsidRDefault="008B3C4B">
      <w:pPr>
        <w:ind w:left="-5" w:right="1"/>
      </w:pPr>
      <w:r>
        <w:rPr>
          <w:b/>
        </w:rPr>
        <w:t>Диспетчер ввода-вывода</w:t>
      </w:r>
      <w:r>
        <w:t xml:space="preserve"> (I/O </w:t>
      </w:r>
      <w:proofErr w:type="spellStart"/>
      <w:r>
        <w:t>manager</w:t>
      </w:r>
      <w:proofErr w:type="spellEnd"/>
      <w:r>
        <w:t>) определяет модель доставки запросов на ввод-вывод драйверам устройств. Подсистема ввода-вывода управляется пакетами. Большинство запросов ввода-вывода пре</w:t>
      </w:r>
      <w:r>
        <w:t xml:space="preserve">дставляется </w:t>
      </w:r>
      <w:r>
        <w:rPr>
          <w:b/>
        </w:rPr>
        <w:t xml:space="preserve">пакетами запросов </w:t>
      </w:r>
      <w:proofErr w:type="spellStart"/>
      <w:r>
        <w:rPr>
          <w:b/>
        </w:rPr>
        <w:t>вводавывода</w:t>
      </w:r>
      <w:proofErr w:type="spellEnd"/>
      <w:r>
        <w:t xml:space="preserve"> (I/O </w:t>
      </w:r>
      <w:proofErr w:type="spellStart"/>
      <w:r>
        <w:t>request</w:t>
      </w:r>
      <w:proofErr w:type="spellEnd"/>
      <w:r>
        <w:t xml:space="preserve"> </w:t>
      </w:r>
      <w:proofErr w:type="spellStart"/>
      <w:r>
        <w:t>packets</w:t>
      </w:r>
      <w:proofErr w:type="spellEnd"/>
      <w:r>
        <w:t xml:space="preserve">, IRP), передаваемых от одного компонента подсистемы ввода-вывода другому. </w:t>
      </w:r>
      <w:r>
        <w:rPr>
          <w:b/>
        </w:rPr>
        <w:t>Подсистема ввода-вывода</w:t>
      </w:r>
      <w:r>
        <w:t xml:space="preserve"> позволяет индивидуальному потоку приложения управлять сразу несколькими запросами на ввод-вывод</w:t>
      </w:r>
      <w:r>
        <w:t xml:space="preserve">. IRP — это структура данных, которая содержит информацию, полностью описывающую запрос ввода-вывода. </w:t>
      </w:r>
    </w:p>
    <w:p w:rsidR="0043064D" w:rsidRDefault="008B3C4B">
      <w:pPr>
        <w:spacing w:after="133"/>
        <w:ind w:left="-5" w:right="1"/>
      </w:pPr>
      <w:r>
        <w:lastRenderedPageBreak/>
        <w:t xml:space="preserve">Функции диспетчера ввода-вывода: </w:t>
      </w:r>
    </w:p>
    <w:p w:rsidR="0043064D" w:rsidRDefault="008B3C4B">
      <w:pPr>
        <w:numPr>
          <w:ilvl w:val="0"/>
          <w:numId w:val="3"/>
        </w:numPr>
        <w:spacing w:after="21"/>
        <w:ind w:right="1" w:hanging="351"/>
      </w:pPr>
      <w:r>
        <w:t>Создание пакетов-запроса ввода-вывода (IRP) и направление их соответствующему драйверу, а также перенаправление пакетов</w:t>
      </w:r>
      <w:r>
        <w:t xml:space="preserve"> запроса </w:t>
      </w:r>
      <w:proofErr w:type="spellStart"/>
      <w:r>
        <w:t>вводавывода</w:t>
      </w:r>
      <w:proofErr w:type="spellEnd"/>
      <w:r>
        <w:t xml:space="preserve"> между драйверами. </w:t>
      </w:r>
    </w:p>
    <w:p w:rsidR="0043064D" w:rsidRDefault="008B3C4B">
      <w:pPr>
        <w:numPr>
          <w:ilvl w:val="0"/>
          <w:numId w:val="3"/>
        </w:numPr>
        <w:spacing w:after="21"/>
        <w:ind w:right="1" w:hanging="351"/>
      </w:pPr>
      <w:r>
        <w:t xml:space="preserve">Удаление и освобождение пакетов запроса ввода-вывода после завершения операции ввода-вывода. Взаимодействие с диспетчером кэша и другими компонентами NT </w:t>
      </w:r>
      <w:proofErr w:type="spellStart"/>
      <w:r>
        <w:t>Executive</w:t>
      </w:r>
      <w:proofErr w:type="spellEnd"/>
      <w:r>
        <w:t xml:space="preserve">. </w:t>
      </w:r>
    </w:p>
    <w:p w:rsidR="0043064D" w:rsidRDefault="008B3C4B">
      <w:pPr>
        <w:numPr>
          <w:ilvl w:val="0"/>
          <w:numId w:val="3"/>
        </w:numPr>
        <w:spacing w:after="16"/>
        <w:ind w:right="1" w:hanging="351"/>
      </w:pPr>
      <w:r>
        <w:t>Взаимодействие с диспетчером виртуальной памяти для</w:t>
      </w:r>
      <w:r>
        <w:t xml:space="preserve"> предоставления файловым системам функций ввода-вывода с записью данных в память. </w:t>
      </w:r>
    </w:p>
    <w:p w:rsidR="0043064D" w:rsidRDefault="008B3C4B">
      <w:pPr>
        <w:numPr>
          <w:ilvl w:val="0"/>
          <w:numId w:val="3"/>
        </w:numPr>
        <w:spacing w:after="10"/>
        <w:ind w:right="1" w:hanging="351"/>
      </w:pPr>
      <w:r>
        <w:t xml:space="preserve">Мониторинг загруженных файловых систем и их вызов по требованию. </w:t>
      </w:r>
    </w:p>
    <w:p w:rsidR="0043064D" w:rsidRDefault="008B3C4B">
      <w:pPr>
        <w:numPr>
          <w:ilvl w:val="0"/>
          <w:numId w:val="3"/>
        </w:numPr>
        <w:spacing w:after="22"/>
        <w:ind w:right="1" w:hanging="351"/>
      </w:pPr>
      <w:r>
        <w:t>Предоставление поддержки синхронного и асинхронного ввода-вывода. Асинхронный ввод-вывод особенно важен для</w:t>
      </w:r>
      <w:r>
        <w:t xml:space="preserve"> приложений хранения данных. Например, приложение резервного копирования может использовать асинхронный ввод-вывод для размещения в очереди нескольких запросов, что позволяет полностью загрузить устройство записи на ленту. </w:t>
      </w:r>
    </w:p>
    <w:p w:rsidR="0043064D" w:rsidRDefault="008B3C4B">
      <w:pPr>
        <w:numPr>
          <w:ilvl w:val="0"/>
          <w:numId w:val="3"/>
        </w:numPr>
        <w:spacing w:after="240"/>
        <w:ind w:right="1" w:hanging="351"/>
      </w:pPr>
      <w:r>
        <w:t>Управление буферами для операций</w:t>
      </w:r>
      <w:r>
        <w:t xml:space="preserve"> ввода-вывода. </w:t>
      </w:r>
    </w:p>
    <w:p w:rsidR="0043064D" w:rsidRDefault="008B3C4B">
      <w:pPr>
        <w:pStyle w:val="3"/>
        <w:spacing w:after="57" w:line="265" w:lineRule="auto"/>
        <w:ind w:left="-5"/>
      </w:pPr>
      <w:bookmarkStart w:id="5" w:name="_Toc68653"/>
      <w:r>
        <w:rPr>
          <w:rFonts w:ascii="Tahoma" w:eastAsia="Tahoma" w:hAnsi="Tahoma" w:cs="Tahoma"/>
          <w:b w:val="0"/>
        </w:rPr>
        <w:t xml:space="preserve">Типичная обработка ввода-вывода </w:t>
      </w:r>
      <w:bookmarkEnd w:id="5"/>
    </w:p>
    <w:p w:rsidR="0043064D" w:rsidRDefault="008B3C4B">
      <w:pPr>
        <w:ind w:left="-5" w:right="1"/>
      </w:pPr>
      <w:r>
        <w:t>Большинство операций ввода-вывода не требует участия всех компонентов подсистемы ввода-вывода. Как правило, запрос на ввод-вывод выдается приложением, выполняющим соответствующую операцию (например, чтение д</w:t>
      </w:r>
      <w:r>
        <w:t xml:space="preserve">анных с устройства); такие операции обрабатываются диспетчером ввода-вывода, одним или несколькими драйверами устройств и HAL. </w:t>
      </w:r>
    </w:p>
    <w:p w:rsidR="0043064D" w:rsidRDefault="008B3C4B">
      <w:pPr>
        <w:spacing w:after="1"/>
        <w:ind w:left="-5" w:right="1"/>
      </w:pPr>
      <w:r>
        <w:t xml:space="preserve">Как уже упоминалось, в </w:t>
      </w:r>
      <w:proofErr w:type="spellStart"/>
      <w:r>
        <w:t>Windows</w:t>
      </w:r>
      <w:proofErr w:type="spellEnd"/>
      <w:r>
        <w:t xml:space="preserve"> потоки выполняют операции ввода-вывода над виртуальными файлами. ОС абстрагирует все запросы на в</w:t>
      </w:r>
      <w:r>
        <w:t>вод-вывод, скрывая тот факт, что конечное устройство ввода-вывода может и не быть устройством с файловой структурой. Эти позволяет обобщить интерфейс между приложениями и устройствами. Приложения пользовательского режима (к какой бы подсистеме они ни относ</w:t>
      </w:r>
      <w:r>
        <w:t xml:space="preserve">ились — </w:t>
      </w:r>
      <w:proofErr w:type="spellStart"/>
      <w:r>
        <w:t>Windows</w:t>
      </w:r>
      <w:proofErr w:type="spellEnd"/>
      <w:r>
        <w:t xml:space="preserve"> или POSIX) вызывают документированные функции, которые в свою очередь обращаются к внутренним функциям подсистемы ввода-вывода для чтения/записи файла и для выполнения других операции-запросы, адресованные виртуальным файлам, диспетчер ввод</w:t>
      </w:r>
      <w:r>
        <w:t xml:space="preserve">а-вывода динамически направляет соответствующим драйверам устройств. Базовая схема обработки запроса на ввод-вывод показана на Рис. 2. </w:t>
      </w:r>
    </w:p>
    <w:p w:rsidR="0043064D" w:rsidRDefault="008B3C4B">
      <w:pPr>
        <w:spacing w:after="370" w:line="259" w:lineRule="auto"/>
        <w:ind w:left="2927" w:firstLine="0"/>
        <w:jc w:val="left"/>
      </w:pPr>
      <w:r>
        <w:rPr>
          <w:rFonts w:ascii="Calibri" w:eastAsia="Calibri" w:hAnsi="Calibri" w:cs="Calibri"/>
          <w:noProof/>
          <w:sz w:val="22"/>
        </w:rPr>
        <mc:AlternateContent>
          <mc:Choice Requires="wpg">
            <w:drawing>
              <wp:inline distT="0" distB="0" distL="0" distR="0">
                <wp:extent cx="2281188" cy="2985791"/>
                <wp:effectExtent l="0" t="0" r="0" b="0"/>
                <wp:docPr id="56751" name="Group 56751"/>
                <wp:cNvGraphicFramePr/>
                <a:graphic xmlns:a="http://schemas.openxmlformats.org/drawingml/2006/main">
                  <a:graphicData uri="http://schemas.microsoft.com/office/word/2010/wordprocessingGroup">
                    <wpg:wgp>
                      <wpg:cNvGrpSpPr/>
                      <wpg:grpSpPr>
                        <a:xfrm>
                          <a:off x="0" y="0"/>
                          <a:ext cx="2281188" cy="2985791"/>
                          <a:chOff x="0" y="0"/>
                          <a:chExt cx="2281188" cy="2985791"/>
                        </a:xfrm>
                      </wpg:grpSpPr>
                      <wps:wsp>
                        <wps:cNvPr id="992" name="Shape 992"/>
                        <wps:cNvSpPr/>
                        <wps:spPr>
                          <a:xfrm>
                            <a:off x="818840" y="0"/>
                            <a:ext cx="1400653" cy="323960"/>
                          </a:xfrm>
                          <a:custGeom>
                            <a:avLst/>
                            <a:gdLst/>
                            <a:ahLst/>
                            <a:cxnLst/>
                            <a:rect l="0" t="0" r="0" b="0"/>
                            <a:pathLst>
                              <a:path w="1400653" h="323960">
                                <a:moveTo>
                                  <a:pt x="0" y="323960"/>
                                </a:moveTo>
                                <a:lnTo>
                                  <a:pt x="1400653" y="323960"/>
                                </a:lnTo>
                                <a:lnTo>
                                  <a:pt x="1400653"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993" name="Rectangle 993"/>
                        <wps:cNvSpPr/>
                        <wps:spPr>
                          <a:xfrm>
                            <a:off x="853809" y="106664"/>
                            <a:ext cx="195564"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I</w:t>
                              </w:r>
                            </w:p>
                          </w:txbxContent>
                        </wps:txbx>
                        <wps:bodyPr horzOverflow="overflow" vert="horz" lIns="0" tIns="0" rIns="0" bIns="0" rtlCol="0">
                          <a:noAutofit/>
                        </wps:bodyPr>
                      </wps:wsp>
                      <wps:wsp>
                        <wps:cNvPr id="994" name="Rectangle 994"/>
                        <wps:cNvSpPr/>
                        <wps:spPr>
                          <a:xfrm>
                            <a:off x="1000830" y="106664"/>
                            <a:ext cx="33709"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995" name="Rectangle 995"/>
                        <wps:cNvSpPr/>
                        <wps:spPr>
                          <a:xfrm>
                            <a:off x="1026144" y="122844"/>
                            <a:ext cx="1540700" cy="1142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льзовательского режима</w:t>
                              </w:r>
                            </w:p>
                          </w:txbxContent>
                        </wps:txbx>
                        <wps:bodyPr horzOverflow="overflow" vert="horz" lIns="0" tIns="0" rIns="0" bIns="0" rtlCol="0">
                          <a:noAutofit/>
                        </wps:bodyPr>
                      </wps:wsp>
                      <wps:wsp>
                        <wps:cNvPr id="997" name="Shape 997"/>
                        <wps:cNvSpPr/>
                        <wps:spPr>
                          <a:xfrm>
                            <a:off x="818840" y="539958"/>
                            <a:ext cx="1400653" cy="323960"/>
                          </a:xfrm>
                          <a:custGeom>
                            <a:avLst/>
                            <a:gdLst/>
                            <a:ahLst/>
                            <a:cxnLst/>
                            <a:rect l="0" t="0" r="0" b="0"/>
                            <a:pathLst>
                              <a:path w="1400653" h="323960">
                                <a:moveTo>
                                  <a:pt x="0" y="323960"/>
                                </a:moveTo>
                                <a:lnTo>
                                  <a:pt x="1400653" y="323960"/>
                                </a:lnTo>
                                <a:lnTo>
                                  <a:pt x="1400653"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998" name="Rectangle 998"/>
                        <wps:cNvSpPr/>
                        <wps:spPr>
                          <a:xfrm>
                            <a:off x="931804" y="607946"/>
                            <a:ext cx="1521978" cy="1142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истемные сервисы ввода</w:t>
                              </w:r>
                            </w:p>
                          </w:txbxContent>
                        </wps:txbx>
                        <wps:bodyPr horzOverflow="overflow" vert="horz" lIns="0" tIns="0" rIns="0" bIns="0" rtlCol="0">
                          <a:noAutofit/>
                        </wps:bodyPr>
                      </wps:wsp>
                      <wps:wsp>
                        <wps:cNvPr id="999" name="Rectangle 999"/>
                        <wps:cNvSpPr/>
                        <wps:spPr>
                          <a:xfrm>
                            <a:off x="2076197" y="591765"/>
                            <a:ext cx="40403" cy="1355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00" name="Rectangle 1000"/>
                        <wps:cNvSpPr/>
                        <wps:spPr>
                          <a:xfrm>
                            <a:off x="1203497" y="717659"/>
                            <a:ext cx="421845" cy="1142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1001" name="Rectangle 1001"/>
                        <wps:cNvSpPr/>
                        <wps:spPr>
                          <a:xfrm>
                            <a:off x="1520725" y="701479"/>
                            <a:ext cx="33709"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02" name="Rectangle 1002"/>
                        <wps:cNvSpPr/>
                        <wps:spPr>
                          <a:xfrm>
                            <a:off x="1546039" y="701479"/>
                            <a:ext cx="40403"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03" name="Rectangle 1003"/>
                        <wps:cNvSpPr/>
                        <wps:spPr>
                          <a:xfrm>
                            <a:off x="1576447" y="701479"/>
                            <a:ext cx="303322" cy="13558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Ntxxx</w:t>
                              </w:r>
                              <w:proofErr w:type="spellEnd"/>
                            </w:p>
                          </w:txbxContent>
                        </wps:txbx>
                        <wps:bodyPr horzOverflow="overflow" vert="horz" lIns="0" tIns="0" rIns="0" bIns="0" rtlCol="0">
                          <a:noAutofit/>
                        </wps:bodyPr>
                      </wps:wsp>
                      <wps:wsp>
                        <wps:cNvPr id="1004" name="Rectangle 1004"/>
                        <wps:cNvSpPr/>
                        <wps:spPr>
                          <a:xfrm>
                            <a:off x="1804504" y="701479"/>
                            <a:ext cx="40403"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06" name="Shape 1006"/>
                        <wps:cNvSpPr/>
                        <wps:spPr>
                          <a:xfrm>
                            <a:off x="818840" y="1079840"/>
                            <a:ext cx="1400653" cy="323959"/>
                          </a:xfrm>
                          <a:custGeom>
                            <a:avLst/>
                            <a:gdLst/>
                            <a:ahLst/>
                            <a:cxnLst/>
                            <a:rect l="0" t="0" r="0" b="0"/>
                            <a:pathLst>
                              <a:path w="1400653" h="323959">
                                <a:moveTo>
                                  <a:pt x="0" y="323959"/>
                                </a:moveTo>
                                <a:lnTo>
                                  <a:pt x="1400653" y="323959"/>
                                </a:lnTo>
                                <a:lnTo>
                                  <a:pt x="1400653"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1007" name="Rectangle 1007"/>
                        <wps:cNvSpPr/>
                        <wps:spPr>
                          <a:xfrm>
                            <a:off x="835336" y="1202685"/>
                            <a:ext cx="965874" cy="1142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 ввода</w:t>
                              </w:r>
                            </w:p>
                          </w:txbxContent>
                        </wps:txbx>
                        <wps:bodyPr horzOverflow="overflow" vert="horz" lIns="0" tIns="0" rIns="0" bIns="0" rtlCol="0">
                          <a:noAutofit/>
                        </wps:bodyPr>
                      </wps:wsp>
                      <wps:wsp>
                        <wps:cNvPr id="1008" name="Rectangle 1008"/>
                        <wps:cNvSpPr/>
                        <wps:spPr>
                          <a:xfrm>
                            <a:off x="1561547" y="1186504"/>
                            <a:ext cx="40403"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09" name="Rectangle 1009"/>
                        <wps:cNvSpPr/>
                        <wps:spPr>
                          <a:xfrm>
                            <a:off x="1591954" y="1202685"/>
                            <a:ext cx="421845" cy="1142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1010" name="Rectangle 1010"/>
                        <wps:cNvSpPr/>
                        <wps:spPr>
                          <a:xfrm>
                            <a:off x="1909106" y="1186504"/>
                            <a:ext cx="33709"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11" name="Rectangle 1011"/>
                        <wps:cNvSpPr/>
                        <wps:spPr>
                          <a:xfrm>
                            <a:off x="1934497" y="1186504"/>
                            <a:ext cx="40403"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12" name="Rectangle 1012"/>
                        <wps:cNvSpPr/>
                        <wps:spPr>
                          <a:xfrm>
                            <a:off x="1964829" y="1186504"/>
                            <a:ext cx="276427" cy="13558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loxxx</w:t>
                              </w:r>
                              <w:proofErr w:type="spellEnd"/>
                            </w:p>
                          </w:txbxContent>
                        </wps:txbx>
                        <wps:bodyPr horzOverflow="overflow" vert="horz" lIns="0" tIns="0" rIns="0" bIns="0" rtlCol="0">
                          <a:noAutofit/>
                        </wps:bodyPr>
                      </wps:wsp>
                      <wps:wsp>
                        <wps:cNvPr id="1013" name="Rectangle 1013"/>
                        <wps:cNvSpPr/>
                        <wps:spPr>
                          <a:xfrm>
                            <a:off x="2172665" y="1186504"/>
                            <a:ext cx="40403"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15" name="Shape 1015"/>
                        <wps:cNvSpPr/>
                        <wps:spPr>
                          <a:xfrm>
                            <a:off x="818840" y="1619798"/>
                            <a:ext cx="1400653" cy="323959"/>
                          </a:xfrm>
                          <a:custGeom>
                            <a:avLst/>
                            <a:gdLst/>
                            <a:ahLst/>
                            <a:cxnLst/>
                            <a:rect l="0" t="0" r="0" b="0"/>
                            <a:pathLst>
                              <a:path w="1400653" h="323959">
                                <a:moveTo>
                                  <a:pt x="0" y="323959"/>
                                </a:moveTo>
                                <a:lnTo>
                                  <a:pt x="1400653" y="323959"/>
                                </a:lnTo>
                                <a:lnTo>
                                  <a:pt x="1400653"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1016" name="Rectangle 1016"/>
                        <wps:cNvSpPr/>
                        <wps:spPr>
                          <a:xfrm>
                            <a:off x="892199" y="1687786"/>
                            <a:ext cx="1667759" cy="1142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райверы устройств режима </w:t>
                              </w:r>
                            </w:p>
                          </w:txbxContent>
                        </wps:txbx>
                        <wps:bodyPr horzOverflow="overflow" vert="horz" lIns="0" tIns="0" rIns="0" bIns="0" rtlCol="0">
                          <a:noAutofit/>
                        </wps:bodyPr>
                      </wps:wsp>
                      <wps:wsp>
                        <wps:cNvPr id="1017" name="Rectangle 1017"/>
                        <wps:cNvSpPr/>
                        <wps:spPr>
                          <a:xfrm>
                            <a:off x="1417110" y="1797500"/>
                            <a:ext cx="271431" cy="1142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ядра</w:t>
                              </w:r>
                            </w:p>
                          </w:txbxContent>
                        </wps:txbx>
                        <wps:bodyPr horzOverflow="overflow" vert="horz" lIns="0" tIns="0" rIns="0" bIns="0" rtlCol="0">
                          <a:noAutofit/>
                        </wps:bodyPr>
                      </wps:wsp>
                      <wps:wsp>
                        <wps:cNvPr id="1019" name="Shape 1019"/>
                        <wps:cNvSpPr/>
                        <wps:spPr>
                          <a:xfrm>
                            <a:off x="818840" y="2159733"/>
                            <a:ext cx="1400653" cy="323959"/>
                          </a:xfrm>
                          <a:custGeom>
                            <a:avLst/>
                            <a:gdLst/>
                            <a:ahLst/>
                            <a:cxnLst/>
                            <a:rect l="0" t="0" r="0" b="0"/>
                            <a:pathLst>
                              <a:path w="1400653" h="323959">
                                <a:moveTo>
                                  <a:pt x="0" y="323959"/>
                                </a:moveTo>
                                <a:lnTo>
                                  <a:pt x="1400653" y="323959"/>
                                </a:lnTo>
                                <a:lnTo>
                                  <a:pt x="1400653"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1020" name="Rectangle 1020"/>
                        <wps:cNvSpPr/>
                        <wps:spPr>
                          <a:xfrm>
                            <a:off x="1006151" y="2211541"/>
                            <a:ext cx="236022" cy="13558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HAL</w:t>
                              </w:r>
                            </w:p>
                          </w:txbxContent>
                        </wps:txbx>
                        <wps:bodyPr horzOverflow="overflow" vert="horz" lIns="0" tIns="0" rIns="0" bIns="0" rtlCol="0">
                          <a:noAutofit/>
                        </wps:bodyPr>
                      </wps:wsp>
                      <wps:wsp>
                        <wps:cNvPr id="1021" name="Rectangle 1021"/>
                        <wps:cNvSpPr/>
                        <wps:spPr>
                          <a:xfrm>
                            <a:off x="1183656" y="2211541"/>
                            <a:ext cx="40403" cy="13558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22" name="Rectangle 1022"/>
                        <wps:cNvSpPr/>
                        <wps:spPr>
                          <a:xfrm>
                            <a:off x="1213988" y="2227722"/>
                            <a:ext cx="1088191" cy="1142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функции доступа к </w:t>
                              </w:r>
                            </w:p>
                          </w:txbxContent>
                        </wps:txbx>
                        <wps:bodyPr horzOverflow="overflow" vert="horz" lIns="0" tIns="0" rIns="0" bIns="0" rtlCol="0">
                          <a:noAutofit/>
                        </wps:bodyPr>
                      </wps:wsp>
                      <wps:wsp>
                        <wps:cNvPr id="1023" name="Rectangle 1023"/>
                        <wps:cNvSpPr/>
                        <wps:spPr>
                          <a:xfrm>
                            <a:off x="939559" y="2337435"/>
                            <a:ext cx="1079563" cy="1142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стройствам ввода</w:t>
                              </w:r>
                            </w:p>
                          </w:txbxContent>
                        </wps:txbx>
                        <wps:bodyPr horzOverflow="overflow" vert="horz" lIns="0" tIns="0" rIns="0" bIns="0" rtlCol="0">
                          <a:noAutofit/>
                        </wps:bodyPr>
                      </wps:wsp>
                      <wps:wsp>
                        <wps:cNvPr id="1024" name="Rectangle 1024"/>
                        <wps:cNvSpPr/>
                        <wps:spPr>
                          <a:xfrm>
                            <a:off x="1751290" y="2321255"/>
                            <a:ext cx="40403" cy="13558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25" name="Rectangle 1025"/>
                        <wps:cNvSpPr/>
                        <wps:spPr>
                          <a:xfrm>
                            <a:off x="1781622" y="2337435"/>
                            <a:ext cx="421845" cy="1142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1027" name="Shape 1027"/>
                        <wps:cNvSpPr/>
                        <wps:spPr>
                          <a:xfrm>
                            <a:off x="0" y="1425445"/>
                            <a:ext cx="603364" cy="691112"/>
                          </a:xfrm>
                          <a:custGeom>
                            <a:avLst/>
                            <a:gdLst/>
                            <a:ahLst/>
                            <a:cxnLst/>
                            <a:rect l="0" t="0" r="0" b="0"/>
                            <a:pathLst>
                              <a:path w="603364" h="691112">
                                <a:moveTo>
                                  <a:pt x="0" y="691112"/>
                                </a:moveTo>
                                <a:lnTo>
                                  <a:pt x="603364" y="691112"/>
                                </a:lnTo>
                                <a:lnTo>
                                  <a:pt x="603364"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1028" name="Rectangle 1028"/>
                        <wps:cNvSpPr/>
                        <wps:spPr>
                          <a:xfrm>
                            <a:off x="109300" y="1457540"/>
                            <a:ext cx="511757" cy="1142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Функции </w:t>
                              </w:r>
                            </w:p>
                          </w:txbxContent>
                        </wps:txbx>
                        <wps:bodyPr horzOverflow="overflow" vert="horz" lIns="0" tIns="0" rIns="0" bIns="0" rtlCol="0">
                          <a:noAutofit/>
                        </wps:bodyPr>
                      </wps:wsp>
                      <wps:wsp>
                        <wps:cNvPr id="1029" name="Rectangle 1029"/>
                        <wps:cNvSpPr/>
                        <wps:spPr>
                          <a:xfrm>
                            <a:off x="59036" y="1567253"/>
                            <a:ext cx="645466" cy="1142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ддержки </w:t>
                              </w:r>
                            </w:p>
                          </w:txbxContent>
                        </wps:txbx>
                        <wps:bodyPr horzOverflow="overflow" vert="horz" lIns="0" tIns="0" rIns="0" bIns="0" rtlCol="0">
                          <a:noAutofit/>
                        </wps:bodyPr>
                      </wps:wsp>
                      <wps:wsp>
                        <wps:cNvPr id="1030" name="Rectangle 1030"/>
                        <wps:cNvSpPr/>
                        <wps:spPr>
                          <a:xfrm>
                            <a:off x="61619" y="1676967"/>
                            <a:ext cx="604835" cy="1142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ов</w:t>
                              </w:r>
                            </w:p>
                          </w:txbxContent>
                        </wps:txbx>
                        <wps:bodyPr horzOverflow="overflow" vert="horz" lIns="0" tIns="0" rIns="0" bIns="0" rtlCol="0">
                          <a:noAutofit/>
                        </wps:bodyPr>
                      </wps:wsp>
                      <wps:wsp>
                        <wps:cNvPr id="1031" name="Rectangle 1031"/>
                        <wps:cNvSpPr/>
                        <wps:spPr>
                          <a:xfrm>
                            <a:off x="516405" y="1660786"/>
                            <a:ext cx="33709"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32" name="Rectangle 1032"/>
                        <wps:cNvSpPr/>
                        <wps:spPr>
                          <a:xfrm>
                            <a:off x="65939" y="1770500"/>
                            <a:ext cx="40404"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33" name="Rectangle 1033"/>
                        <wps:cNvSpPr/>
                        <wps:spPr>
                          <a:xfrm>
                            <a:off x="96316" y="1770500"/>
                            <a:ext cx="94433" cy="13558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lo</w:t>
                              </w:r>
                              <w:proofErr w:type="spellEnd"/>
                            </w:p>
                          </w:txbxContent>
                        </wps:txbx>
                        <wps:bodyPr horzOverflow="overflow" vert="horz" lIns="0" tIns="0" rIns="0" bIns="0" rtlCol="0">
                          <a:noAutofit/>
                        </wps:bodyPr>
                      </wps:wsp>
                      <wps:wsp>
                        <wps:cNvPr id="1034" name="Rectangle 1034"/>
                        <wps:cNvSpPr/>
                        <wps:spPr>
                          <a:xfrm>
                            <a:off x="167318" y="1770500"/>
                            <a:ext cx="67419"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35" name="Rectangle 1035"/>
                        <wps:cNvSpPr/>
                        <wps:spPr>
                          <a:xfrm>
                            <a:off x="218008" y="1770500"/>
                            <a:ext cx="141592" cy="13558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Ex</w:t>
                              </w:r>
                              <w:proofErr w:type="spellEnd"/>
                            </w:p>
                          </w:txbxContent>
                        </wps:txbx>
                        <wps:bodyPr horzOverflow="overflow" vert="horz" lIns="0" tIns="0" rIns="0" bIns="0" rtlCol="0">
                          <a:noAutofit/>
                        </wps:bodyPr>
                      </wps:wsp>
                      <wps:wsp>
                        <wps:cNvPr id="1036" name="Rectangle 1036"/>
                        <wps:cNvSpPr/>
                        <wps:spPr>
                          <a:xfrm>
                            <a:off x="324465" y="1770500"/>
                            <a:ext cx="67419"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37" name="Rectangle 1037"/>
                        <wps:cNvSpPr/>
                        <wps:spPr>
                          <a:xfrm>
                            <a:off x="375162" y="1770500"/>
                            <a:ext cx="148405" cy="13558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Ke</w:t>
                              </w:r>
                              <w:proofErr w:type="spellEnd"/>
                            </w:p>
                          </w:txbxContent>
                        </wps:txbx>
                        <wps:bodyPr horzOverflow="overflow" vert="horz" lIns="0" tIns="0" rIns="0" bIns="0" rtlCol="0">
                          <a:noAutofit/>
                        </wps:bodyPr>
                      </wps:wsp>
                      <wps:wsp>
                        <wps:cNvPr id="1038" name="Rectangle 1038"/>
                        <wps:cNvSpPr/>
                        <wps:spPr>
                          <a:xfrm>
                            <a:off x="486743" y="1770500"/>
                            <a:ext cx="67419"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39" name="Rectangle 1039"/>
                        <wps:cNvSpPr/>
                        <wps:spPr>
                          <a:xfrm>
                            <a:off x="106563" y="1880213"/>
                            <a:ext cx="202138" cy="13558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Mm</w:t>
                              </w:r>
                              <w:proofErr w:type="spellEnd"/>
                            </w:p>
                          </w:txbxContent>
                        </wps:txbx>
                        <wps:bodyPr horzOverflow="overflow" vert="horz" lIns="0" tIns="0" rIns="0" bIns="0" rtlCol="0">
                          <a:noAutofit/>
                        </wps:bodyPr>
                      </wps:wsp>
                      <wps:wsp>
                        <wps:cNvPr id="1040" name="Rectangle 1040"/>
                        <wps:cNvSpPr/>
                        <wps:spPr>
                          <a:xfrm>
                            <a:off x="258541" y="1880213"/>
                            <a:ext cx="67419"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41" name="Rectangle 1041"/>
                        <wps:cNvSpPr/>
                        <wps:spPr>
                          <a:xfrm>
                            <a:off x="309238" y="1880213"/>
                            <a:ext cx="182049" cy="13558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Hal</w:t>
                              </w:r>
                              <w:proofErr w:type="spellEnd"/>
                            </w:p>
                          </w:txbxContent>
                        </wps:txbx>
                        <wps:bodyPr horzOverflow="overflow" vert="horz" lIns="0" tIns="0" rIns="0" bIns="0" rtlCol="0">
                          <a:noAutofit/>
                        </wps:bodyPr>
                      </wps:wsp>
                      <wps:wsp>
                        <wps:cNvPr id="1042" name="Rectangle 1042"/>
                        <wps:cNvSpPr/>
                        <wps:spPr>
                          <a:xfrm>
                            <a:off x="446118" y="1880213"/>
                            <a:ext cx="67419"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43" name="Rectangle 1043"/>
                        <wps:cNvSpPr/>
                        <wps:spPr>
                          <a:xfrm>
                            <a:off x="56408" y="1989927"/>
                            <a:ext cx="283061" cy="13558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FsRtl</w:t>
                              </w:r>
                              <w:proofErr w:type="spellEnd"/>
                            </w:p>
                          </w:txbxContent>
                        </wps:txbx>
                        <wps:bodyPr horzOverflow="overflow" vert="horz" lIns="0" tIns="0" rIns="0" bIns="0" rtlCol="0">
                          <a:noAutofit/>
                        </wps:bodyPr>
                      </wps:wsp>
                      <wps:wsp>
                        <wps:cNvPr id="1044" name="Rectangle 1044"/>
                        <wps:cNvSpPr/>
                        <wps:spPr>
                          <a:xfrm>
                            <a:off x="269237" y="1989927"/>
                            <a:ext cx="33709"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45" name="Rectangle 1045"/>
                        <wps:cNvSpPr/>
                        <wps:spPr>
                          <a:xfrm>
                            <a:off x="294582" y="2006108"/>
                            <a:ext cx="157053" cy="1142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и т</w:t>
                              </w:r>
                            </w:p>
                          </w:txbxContent>
                        </wps:txbx>
                        <wps:bodyPr horzOverflow="overflow" vert="horz" lIns="0" tIns="0" rIns="0" bIns="0" rtlCol="0">
                          <a:noAutofit/>
                        </wps:bodyPr>
                      </wps:wsp>
                      <wps:wsp>
                        <wps:cNvPr id="1046" name="Rectangle 1046"/>
                        <wps:cNvSpPr/>
                        <wps:spPr>
                          <a:xfrm>
                            <a:off x="412662" y="1989927"/>
                            <a:ext cx="33709"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47" name="Rectangle 1047"/>
                        <wps:cNvSpPr/>
                        <wps:spPr>
                          <a:xfrm>
                            <a:off x="438007" y="2006108"/>
                            <a:ext cx="70735" cy="1142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w:t>
                              </w:r>
                            </w:p>
                          </w:txbxContent>
                        </wps:txbx>
                        <wps:bodyPr horzOverflow="overflow" vert="horz" lIns="0" tIns="0" rIns="0" bIns="0" rtlCol="0">
                          <a:noAutofit/>
                        </wps:bodyPr>
                      </wps:wsp>
                      <wps:wsp>
                        <wps:cNvPr id="1048" name="Rectangle 1048"/>
                        <wps:cNvSpPr/>
                        <wps:spPr>
                          <a:xfrm>
                            <a:off x="491236" y="1989927"/>
                            <a:ext cx="74113"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49" name="Rectangle 1049"/>
                        <wps:cNvSpPr/>
                        <wps:spPr>
                          <a:xfrm>
                            <a:off x="1129758" y="2735855"/>
                            <a:ext cx="1018049" cy="1142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рты и регистры</w:t>
                              </w:r>
                            </w:p>
                          </w:txbxContent>
                        </wps:txbx>
                        <wps:bodyPr horzOverflow="overflow" vert="horz" lIns="0" tIns="0" rIns="0" bIns="0" rtlCol="0">
                          <a:noAutofit/>
                        </wps:bodyPr>
                      </wps:wsp>
                      <wps:wsp>
                        <wps:cNvPr id="1050" name="Rectangle 1050"/>
                        <wps:cNvSpPr/>
                        <wps:spPr>
                          <a:xfrm>
                            <a:off x="1212923" y="2845570"/>
                            <a:ext cx="334643" cy="1142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1051" name="Rectangle 1051"/>
                        <wps:cNvSpPr/>
                        <wps:spPr>
                          <a:xfrm>
                            <a:off x="1464547" y="2829389"/>
                            <a:ext cx="40403" cy="13558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052" name="Rectangle 1052"/>
                        <wps:cNvSpPr/>
                        <wps:spPr>
                          <a:xfrm>
                            <a:off x="1494878" y="2845570"/>
                            <a:ext cx="421845" cy="1142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1053" name="Shape 1053"/>
                        <wps:cNvSpPr/>
                        <wps:spPr>
                          <a:xfrm>
                            <a:off x="1519204" y="863918"/>
                            <a:ext cx="0" cy="148113"/>
                          </a:xfrm>
                          <a:custGeom>
                            <a:avLst/>
                            <a:gdLst/>
                            <a:ahLst/>
                            <a:cxnLst/>
                            <a:rect l="0" t="0" r="0" b="0"/>
                            <a:pathLst>
                              <a:path h="148113">
                                <a:moveTo>
                                  <a:pt x="0" y="0"/>
                                </a:moveTo>
                                <a:lnTo>
                                  <a:pt x="0" y="148113"/>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54" name="Shape 1054"/>
                        <wps:cNvSpPr/>
                        <wps:spPr>
                          <a:xfrm>
                            <a:off x="1494574" y="1005860"/>
                            <a:ext cx="49260" cy="74057"/>
                          </a:xfrm>
                          <a:custGeom>
                            <a:avLst/>
                            <a:gdLst/>
                            <a:ahLst/>
                            <a:cxnLst/>
                            <a:rect l="0" t="0" r="0" b="0"/>
                            <a:pathLst>
                              <a:path w="49260" h="74057">
                                <a:moveTo>
                                  <a:pt x="0" y="0"/>
                                </a:moveTo>
                                <a:lnTo>
                                  <a:pt x="49260" y="0"/>
                                </a:lnTo>
                                <a:lnTo>
                                  <a:pt x="24630" y="7405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55" name="Shape 1055"/>
                        <wps:cNvSpPr/>
                        <wps:spPr>
                          <a:xfrm>
                            <a:off x="1519204" y="1403800"/>
                            <a:ext cx="0" cy="148113"/>
                          </a:xfrm>
                          <a:custGeom>
                            <a:avLst/>
                            <a:gdLst/>
                            <a:ahLst/>
                            <a:cxnLst/>
                            <a:rect l="0" t="0" r="0" b="0"/>
                            <a:pathLst>
                              <a:path h="148113">
                                <a:moveTo>
                                  <a:pt x="0" y="0"/>
                                </a:moveTo>
                                <a:lnTo>
                                  <a:pt x="0" y="148113"/>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56" name="Shape 1056"/>
                        <wps:cNvSpPr/>
                        <wps:spPr>
                          <a:xfrm>
                            <a:off x="1494574" y="1545741"/>
                            <a:ext cx="49260" cy="74057"/>
                          </a:xfrm>
                          <a:custGeom>
                            <a:avLst/>
                            <a:gdLst/>
                            <a:ahLst/>
                            <a:cxnLst/>
                            <a:rect l="0" t="0" r="0" b="0"/>
                            <a:pathLst>
                              <a:path w="49260" h="74057">
                                <a:moveTo>
                                  <a:pt x="0" y="0"/>
                                </a:moveTo>
                                <a:lnTo>
                                  <a:pt x="49260" y="0"/>
                                </a:lnTo>
                                <a:lnTo>
                                  <a:pt x="24630" y="7405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57" name="Shape 1057"/>
                        <wps:cNvSpPr/>
                        <wps:spPr>
                          <a:xfrm>
                            <a:off x="1519204" y="1943757"/>
                            <a:ext cx="0" cy="148113"/>
                          </a:xfrm>
                          <a:custGeom>
                            <a:avLst/>
                            <a:gdLst/>
                            <a:ahLst/>
                            <a:cxnLst/>
                            <a:rect l="0" t="0" r="0" b="0"/>
                            <a:pathLst>
                              <a:path h="148113">
                                <a:moveTo>
                                  <a:pt x="0" y="0"/>
                                </a:moveTo>
                                <a:lnTo>
                                  <a:pt x="0" y="148113"/>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58" name="Shape 1058"/>
                        <wps:cNvSpPr/>
                        <wps:spPr>
                          <a:xfrm>
                            <a:off x="1494574" y="2085700"/>
                            <a:ext cx="49260" cy="74056"/>
                          </a:xfrm>
                          <a:custGeom>
                            <a:avLst/>
                            <a:gdLst/>
                            <a:ahLst/>
                            <a:cxnLst/>
                            <a:rect l="0" t="0" r="0" b="0"/>
                            <a:pathLst>
                              <a:path w="49260" h="74056">
                                <a:moveTo>
                                  <a:pt x="0" y="0"/>
                                </a:moveTo>
                                <a:lnTo>
                                  <a:pt x="49260" y="0"/>
                                </a:lnTo>
                                <a:lnTo>
                                  <a:pt x="24630" y="7405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59" name="Shape 1059"/>
                        <wps:cNvSpPr/>
                        <wps:spPr>
                          <a:xfrm>
                            <a:off x="1519204" y="2483693"/>
                            <a:ext cx="0" cy="148083"/>
                          </a:xfrm>
                          <a:custGeom>
                            <a:avLst/>
                            <a:gdLst/>
                            <a:ahLst/>
                            <a:cxnLst/>
                            <a:rect l="0" t="0" r="0" b="0"/>
                            <a:pathLst>
                              <a:path h="148083">
                                <a:moveTo>
                                  <a:pt x="0" y="0"/>
                                </a:moveTo>
                                <a:lnTo>
                                  <a:pt x="0" y="148083"/>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60" name="Shape 1060"/>
                        <wps:cNvSpPr/>
                        <wps:spPr>
                          <a:xfrm>
                            <a:off x="1494574" y="2625604"/>
                            <a:ext cx="49260" cy="74057"/>
                          </a:xfrm>
                          <a:custGeom>
                            <a:avLst/>
                            <a:gdLst/>
                            <a:ahLst/>
                            <a:cxnLst/>
                            <a:rect l="0" t="0" r="0" b="0"/>
                            <a:pathLst>
                              <a:path w="49260" h="74057">
                                <a:moveTo>
                                  <a:pt x="0" y="0"/>
                                </a:moveTo>
                                <a:lnTo>
                                  <a:pt x="49260" y="0"/>
                                </a:lnTo>
                                <a:lnTo>
                                  <a:pt x="24630" y="7405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61" name="Shape 1061"/>
                        <wps:cNvSpPr/>
                        <wps:spPr>
                          <a:xfrm>
                            <a:off x="671013" y="1774387"/>
                            <a:ext cx="80170" cy="4039"/>
                          </a:xfrm>
                          <a:custGeom>
                            <a:avLst/>
                            <a:gdLst/>
                            <a:ahLst/>
                            <a:cxnLst/>
                            <a:rect l="0" t="0" r="0" b="0"/>
                            <a:pathLst>
                              <a:path w="80170" h="4039">
                                <a:moveTo>
                                  <a:pt x="0" y="0"/>
                                </a:moveTo>
                                <a:lnTo>
                                  <a:pt x="80170" y="4039"/>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62" name="Shape 1062"/>
                        <wps:cNvSpPr/>
                        <wps:spPr>
                          <a:xfrm>
                            <a:off x="603364" y="1750006"/>
                            <a:ext cx="75031" cy="49371"/>
                          </a:xfrm>
                          <a:custGeom>
                            <a:avLst/>
                            <a:gdLst/>
                            <a:ahLst/>
                            <a:cxnLst/>
                            <a:rect l="0" t="0" r="0" b="0"/>
                            <a:pathLst>
                              <a:path w="75031" h="49371">
                                <a:moveTo>
                                  <a:pt x="75031" y="0"/>
                                </a:moveTo>
                                <a:lnTo>
                                  <a:pt x="72568" y="49371"/>
                                </a:lnTo>
                                <a:lnTo>
                                  <a:pt x="0" y="20952"/>
                                </a:lnTo>
                                <a:lnTo>
                                  <a:pt x="75031"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63" name="Shape 1063"/>
                        <wps:cNvSpPr/>
                        <wps:spPr>
                          <a:xfrm>
                            <a:off x="743824" y="1753435"/>
                            <a:ext cx="75016" cy="49295"/>
                          </a:xfrm>
                          <a:custGeom>
                            <a:avLst/>
                            <a:gdLst/>
                            <a:ahLst/>
                            <a:cxnLst/>
                            <a:rect l="0" t="0" r="0" b="0"/>
                            <a:pathLst>
                              <a:path w="75016" h="49295">
                                <a:moveTo>
                                  <a:pt x="2455" y="0"/>
                                </a:moveTo>
                                <a:lnTo>
                                  <a:pt x="75016" y="28343"/>
                                </a:lnTo>
                                <a:lnTo>
                                  <a:pt x="0" y="49295"/>
                                </a:lnTo>
                                <a:lnTo>
                                  <a:pt x="245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64" name="Shape 1064"/>
                        <wps:cNvSpPr/>
                        <wps:spPr>
                          <a:xfrm>
                            <a:off x="1519204" y="323960"/>
                            <a:ext cx="0" cy="148113"/>
                          </a:xfrm>
                          <a:custGeom>
                            <a:avLst/>
                            <a:gdLst/>
                            <a:ahLst/>
                            <a:cxnLst/>
                            <a:rect l="0" t="0" r="0" b="0"/>
                            <a:pathLst>
                              <a:path h="148113">
                                <a:moveTo>
                                  <a:pt x="0" y="0"/>
                                </a:moveTo>
                                <a:lnTo>
                                  <a:pt x="0" y="148113"/>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65" name="Shape 1065"/>
                        <wps:cNvSpPr/>
                        <wps:spPr>
                          <a:xfrm>
                            <a:off x="1494574" y="465902"/>
                            <a:ext cx="49260" cy="74056"/>
                          </a:xfrm>
                          <a:custGeom>
                            <a:avLst/>
                            <a:gdLst/>
                            <a:ahLst/>
                            <a:cxnLst/>
                            <a:rect l="0" t="0" r="0" b="0"/>
                            <a:pathLst>
                              <a:path w="49260" h="74056">
                                <a:moveTo>
                                  <a:pt x="0" y="0"/>
                                </a:moveTo>
                                <a:lnTo>
                                  <a:pt x="49260" y="0"/>
                                </a:lnTo>
                                <a:lnTo>
                                  <a:pt x="24630" y="7405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66" name="Rectangle 1066"/>
                        <wps:cNvSpPr/>
                        <wps:spPr>
                          <a:xfrm>
                            <a:off x="2236127" y="2861025"/>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inline>
            </w:drawing>
          </mc:Choice>
          <mc:Fallback>
            <w:pict>
              <v:group id="Group 56751" o:spid="_x0000_s1137" style="width:179.6pt;height:235.1pt;mso-position-horizontal-relative:char;mso-position-vertical-relative:line" coordsize="22811,298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">
                <v:shape id="Shape 992" o:spid="_x0000_s1138" style="position:absolute;left:8188;width:14006;height:3239;visibility:visible;mso-wrap-style:square;v-text-anchor:top" coordsize="1400653,3239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" path="m,323960r1400653,l1400653,,,,,323960xe" filled="f" strokeweight=".05067mm">
                  <v:stroke endcap="round"/>
                  <v:path arrowok="t" textboxrect="0,0,1400653,323960"/>
                </v:shape>
                <v:rect id="Rectangle 993" o:spid="_x0000_s1139" style="position:absolute;left:8538;top:1066;width:1955;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API</w:t>
                        </w:r>
                      </w:p>
                    </w:txbxContent>
                  </v:textbox>
                </v:rect>
                <v:rect id="Rectangle 994" o:spid="_x0000_s1140" style="position:absolute;left:10008;top:1066;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995" o:spid="_x0000_s1141" style="position:absolute;left:10261;top:1228;width:1540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пользовательского режима</w:t>
                        </w:r>
                      </w:p>
                    </w:txbxContent>
                  </v:textbox>
                </v:rect>
                <v:shape id="Shape 997" o:spid="_x0000_s1142" style="position:absolute;left:8188;top:5399;width:14006;height:3240;visibility:visible;mso-wrap-style:square;v-text-anchor:top" coordsize="1400653,3239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" path="m,323960r1400653,l1400653,,,,,323960xe" filled="f" strokeweight=".05067mm">
                  <v:stroke endcap="round"/>
                  <v:path arrowok="t" textboxrect="0,0,1400653,323960"/>
                </v:shape>
                <v:rect id="Rectangle 998" o:spid="_x0000_s1143" style="position:absolute;left:9318;top:6079;width:1521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Системные сервисы ввода</w:t>
                        </w:r>
                      </w:p>
                    </w:txbxContent>
                  </v:textbox>
                </v:rect>
                <v:rect id="Rectangle 999" o:spid="_x0000_s1144" style="position:absolute;left:20761;top:5917;width:405;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000" o:spid="_x0000_s1145" style="position:absolute;left:12034;top:7176;width:421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rect id="Rectangle 1001" o:spid="_x0000_s1146" style="position:absolute;left:15207;top:7014;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1002" o:spid="_x0000_s1147" style="position:absolute;left:15460;top:7014;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003" o:spid="_x0000_s1148" style="position:absolute;left:15764;top:7014;width:3033;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Ntxxx</w:t>
                        </w:r>
                        <w:proofErr w:type="spellEnd"/>
                      </w:p>
                    </w:txbxContent>
                  </v:textbox>
                </v:rect>
                <v:rect id="Rectangle 1004" o:spid="_x0000_s1149" style="position:absolute;left:18045;top:7014;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1006" o:spid="_x0000_s1150" style="position:absolute;left:8188;top:10798;width:14006;height:3239;visibility:visible;mso-wrap-style:square;v-text-anchor:top" coordsize="1400653,3239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" path="m,323959r1400653,l1400653,,,,,323959xe" filled="f" strokeweight=".05067mm">
                  <v:stroke endcap="round"/>
                  <v:path arrowok="t" textboxrect="0,0,1400653,323959"/>
                </v:shape>
                <v:rect id="Rectangle 1007" o:spid="_x0000_s1151" style="position:absolute;left:8353;top:12026;width:965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 ввода</w:t>
                        </w:r>
                      </w:p>
                    </w:txbxContent>
                  </v:textbox>
                </v:rect>
                <v:rect id="Rectangle 1008" o:spid="_x0000_s1152" style="position:absolute;left:15615;top:11865;width:40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009" o:spid="_x0000_s1153" style="position:absolute;left:15919;top:12026;width:421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rect id="Rectangle 1010" o:spid="_x0000_s1154" style="position:absolute;left:19091;top:11865;width:337;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1011" o:spid="_x0000_s1155" style="position:absolute;left:19344;top:11865;width:405;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012" o:spid="_x0000_s1156" style="position:absolute;left:19648;top:11865;width:276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loxxx</w:t>
                        </w:r>
                        <w:proofErr w:type="spellEnd"/>
                      </w:p>
                    </w:txbxContent>
                  </v:textbox>
                </v:rect>
                <v:rect id="Rectangle 1013" o:spid="_x0000_s1157" style="position:absolute;left:21726;top:11865;width:40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1015" o:spid="_x0000_s1158" style="position:absolute;left:8188;top:16197;width:14006;height:3240;visibility:visible;mso-wrap-style:square;v-text-anchor:top" coordsize="1400653,3239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" path="m,323959r1400653,l1400653,,,,,323959xe" filled="f" strokeweight=".05067mm">
                  <v:stroke endcap="round"/>
                  <v:path arrowok="t" textboxrect="0,0,1400653,323959"/>
                </v:shape>
                <v:rect id="Rectangle 1016" o:spid="_x0000_s1159" style="position:absolute;left:8921;top:16877;width:1667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райверы устройств режима </w:t>
                        </w:r>
                      </w:p>
                    </w:txbxContent>
                  </v:textbox>
                </v:rect>
                <v:rect id="Rectangle 1017" o:spid="_x0000_s1160" style="position:absolute;left:14171;top:17975;width:2714;height:114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ядра</w:t>
                        </w:r>
                      </w:p>
                    </w:txbxContent>
                  </v:textbox>
                </v:rect>
                <v:shape id="Shape 1019" o:spid="_x0000_s1161" style="position:absolute;left:8188;top:21597;width:14006;height:3239;visibility:visible;mso-wrap-style:square;v-text-anchor:top" coordsize="1400653,3239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" path="m,323959r1400653,l1400653,,,,,323959xe" filled="f" strokeweight=".05067mm">
                  <v:stroke endcap="round"/>
                  <v:path arrowok="t" textboxrect="0,0,1400653,323959"/>
                </v:shape>
                <v:rect id="Rectangle 1020" o:spid="_x0000_s1162" style="position:absolute;left:10061;top:22115;width:2360;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HAL</w:t>
                        </w:r>
                      </w:p>
                    </w:txbxContent>
                  </v:textbox>
                </v:rect>
                <v:rect id="Rectangle 1021" o:spid="_x0000_s1163" style="position:absolute;left:11836;top:22115;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022" o:spid="_x0000_s1164" style="position:absolute;left:12139;top:22277;width:10882;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функции доступа к </w:t>
                        </w:r>
                      </w:p>
                    </w:txbxContent>
                  </v:textbox>
                </v:rect>
                <v:rect id="Rectangle 1023" o:spid="_x0000_s1165" style="position:absolute;left:9395;top:23374;width:1079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устройствам ввода</w:t>
                        </w:r>
                      </w:p>
                    </w:txbxContent>
                  </v:textbox>
                </v:rect>
                <v:rect id="Rectangle 1024" o:spid="_x0000_s1166" style="position:absolute;left:17512;top:23212;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025" o:spid="_x0000_s1167" style="position:absolute;left:17816;top:23374;width:421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1027" o:spid="_x0000_s1168" style="position:absolute;top:14254;width:6033;height:6911;visibility:visible;mso-wrap-style:square;v-text-anchor:top" coordsize="603364,6911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" path="m,691112r603364,l603364,,,,,691112xe" filled="f" strokeweight=".05067mm">
                  <v:stroke endcap="round"/>
                  <v:path arrowok="t" textboxrect="0,0,603364,691112"/>
                </v:shape>
                <v:rect id="Rectangle 1028" o:spid="_x0000_s1169" style="position:absolute;left:1093;top:14575;width:511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Функции </w:t>
                        </w:r>
                      </w:p>
                    </w:txbxContent>
                  </v:textbox>
                </v:rect>
                <v:rect id="Rectangle 1029" o:spid="_x0000_s1170" style="position:absolute;left:590;top:15672;width:6455;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ддержки </w:t>
                        </w:r>
                      </w:p>
                    </w:txbxContent>
                  </v:textbox>
                </v:rect>
                <v:rect id="Rectangle 1030" o:spid="_x0000_s1171" style="position:absolute;left:616;top:16769;width:604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ов</w:t>
                        </w:r>
                      </w:p>
                    </w:txbxContent>
                  </v:textbox>
                </v:rect>
                <v:rect id="Rectangle 1031" o:spid="_x0000_s1172" style="position:absolute;left:5164;top:16607;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1032" o:spid="_x0000_s1173" style="position:absolute;left:659;top:17705;width:40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033" o:spid="_x0000_s1174" style="position:absolute;left:963;top:17705;width:94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lo</w:t>
                        </w:r>
                        <w:proofErr w:type="spellEnd"/>
                      </w:p>
                    </w:txbxContent>
                  </v:textbox>
                </v:rect>
                <v:rect id="Rectangle 1034" o:spid="_x0000_s1175" style="position:absolute;left:1673;top:17705;width:67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1035" o:spid="_x0000_s1176" style="position:absolute;left:2180;top:17705;width:1416;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Ex</w:t>
                        </w:r>
                        <w:proofErr w:type="spellEnd"/>
                      </w:p>
                    </w:txbxContent>
                  </v:textbox>
                </v:rect>
                <v:rect id="Rectangle 1036" o:spid="_x0000_s1177" style="position:absolute;left:3244;top:17705;width:67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1037" o:spid="_x0000_s1178" style="position:absolute;left:3751;top:17705;width:148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Ke</w:t>
                        </w:r>
                        <w:proofErr w:type="spellEnd"/>
                      </w:p>
                    </w:txbxContent>
                  </v:textbox>
                </v:rect>
                <v:rect id="Rectangle 1038" o:spid="_x0000_s1179" style="position:absolute;left:4867;top:17705;width:67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1039" o:spid="_x0000_s1180" style="position:absolute;left:1065;top:18802;width:2022;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Mm</w:t>
                        </w:r>
                        <w:proofErr w:type="spellEnd"/>
                      </w:p>
                    </w:txbxContent>
                  </v:textbox>
                </v:rect>
                <v:rect id="Rectangle 1040" o:spid="_x0000_s1181" style="position:absolute;left:2585;top:18802;width:67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1041" o:spid="_x0000_s1182" style="position:absolute;left:3092;top:18802;width:1820;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Hal</w:t>
                        </w:r>
                        <w:proofErr w:type="spellEnd"/>
                      </w:p>
                    </w:txbxContent>
                  </v:textbox>
                </v:rect>
                <v:rect id="Rectangle 1042" o:spid="_x0000_s1183" style="position:absolute;left:4461;top:18802;width:67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1043" o:spid="_x0000_s1184" style="position:absolute;left:564;top:19899;width:2830;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FsRtl</w:t>
                        </w:r>
                        <w:proofErr w:type="spellEnd"/>
                      </w:p>
                    </w:txbxContent>
                  </v:textbox>
                </v:rect>
                <v:rect id="Rectangle 1044" o:spid="_x0000_s1185" style="position:absolute;left:2692;top:19899;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1045" o:spid="_x0000_s1186" style="position:absolute;left:2945;top:20061;width:1571;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и т</w:t>
                        </w:r>
                      </w:p>
                    </w:txbxContent>
                  </v:textbox>
                </v:rect>
                <v:rect id="Rectangle 1046" o:spid="_x0000_s1187" style="position:absolute;left:4126;top:19899;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047" o:spid="_x0000_s1188" style="position:absolute;left:4380;top:20061;width:70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д</w:t>
                        </w:r>
                      </w:p>
                    </w:txbxContent>
                  </v:textbox>
                </v:rect>
                <v:rect id="Rectangle 1048" o:spid="_x0000_s1189" style="position:absolute;left:4912;top:19899;width:741;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049" o:spid="_x0000_s1190" style="position:absolute;left:11297;top:27358;width:10181;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Порты и регистры</w:t>
                        </w:r>
                      </w:p>
                    </w:txbxContent>
                  </v:textbox>
                </v:rect>
                <v:rect id="Rectangle 1050" o:spid="_x0000_s1191" style="position:absolute;left:12129;top:28455;width:334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1051" o:spid="_x0000_s1192" style="position:absolute;left:14645;top:28293;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052" o:spid="_x0000_s1193" style="position:absolute;left:14948;top:28455;width:421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1053" o:spid="_x0000_s1194" style="position:absolute;left:15192;top:8639;width:0;height:1481;visibility:visible;mso-wrap-style:square;v-text-anchor:top" coordsize="0,1481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" path="m,l,148113e" filled="f" strokeweight=".15203mm">
                  <v:stroke endcap="round"/>
                  <v:path arrowok="t" textboxrect="0,0,0,148113"/>
                </v:shape>
                <v:shape id="Shape 1054" o:spid="_x0000_s1195" style="position:absolute;left:14945;top:10058;width:493;height:741;visibility:visible;mso-wrap-style:square;v-text-anchor:top" coordsize="49260,740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" path="m,l49260,,24630,74057,,xe" fillcolor="black" stroked="f" strokeweight="0">
                  <v:stroke endcap="round"/>
                  <v:path arrowok="t" textboxrect="0,0,49260,74057"/>
                </v:shape>
                <v:shape id="Shape 1055" o:spid="_x0000_s1196" style="position:absolute;left:15192;top:14038;width:0;height:1481;visibility:visible;mso-wrap-style:square;v-text-anchor:top" coordsize="0,1481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" path="m,l,148113e" filled="f" strokeweight=".15203mm">
                  <v:stroke endcap="round"/>
                  <v:path arrowok="t" textboxrect="0,0,0,148113"/>
                </v:shape>
                <v:shape id="Shape 1056" o:spid="_x0000_s1197" style="position:absolute;left:14945;top:15457;width:493;height:740;visibility:visible;mso-wrap-style:square;v-text-anchor:top" coordsize="49260,740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" path="m,l49260,,24630,74057,,xe" fillcolor="black" stroked="f" strokeweight="0">
                  <v:stroke endcap="round"/>
                  <v:path arrowok="t" textboxrect="0,0,49260,74057"/>
                </v:shape>
                <v:shape id="Shape 1057" o:spid="_x0000_s1198" style="position:absolute;left:15192;top:19437;width:0;height:1481;visibility:visible;mso-wrap-style:square;v-text-anchor:top" coordsize="0,1481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" path="m,l,148113e" filled="f" strokeweight=".15203mm">
                  <v:stroke endcap="round"/>
                  <v:path arrowok="t" textboxrect="0,0,0,148113"/>
                </v:shape>
                <v:shape id="Shape 1058" o:spid="_x0000_s1199" style="position:absolute;left:14945;top:20857;width:493;height:740;visibility:visible;mso-wrap-style:square;v-text-anchor:top" coordsize="49260,7405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" path="m,l49260,,24630,74056,,xe" fillcolor="black" stroked="f" strokeweight="0">
                  <v:stroke endcap="round"/>
                  <v:path arrowok="t" textboxrect="0,0,49260,74056"/>
                </v:shape>
                <v:shape id="Shape 1059" o:spid="_x0000_s1200" style="position:absolute;left:15192;top:24836;width:0;height:1481;visibility:visible;mso-wrap-style:square;v-text-anchor:top" coordsize="0,1480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" path="m,l,148083e" filled="f" strokeweight=".15203mm">
                  <v:stroke endcap="round"/>
                  <v:path arrowok="t" textboxrect="0,0,0,148083"/>
                </v:shape>
                <v:shape id="Shape 1060" o:spid="_x0000_s1201" style="position:absolute;left:14945;top:26256;width:493;height:740;visibility:visible;mso-wrap-style:square;v-text-anchor:top" coordsize="49260,740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" path="m,l49260,,24630,74057,,xe" fillcolor="black" stroked="f" strokeweight="0">
                  <v:stroke endcap="round"/>
                  <v:path arrowok="t" textboxrect="0,0,49260,74057"/>
                </v:shape>
                <v:shape id="Shape 1061" o:spid="_x0000_s1202" style="position:absolute;left:6710;top:17743;width:801;height:41;visibility:visible;mso-wrap-style:square;v-text-anchor:top" coordsize="80170,40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" path="m,l80170,4039e" filled="f" strokeweight=".15203mm">
                  <v:stroke endcap="round"/>
                  <v:path arrowok="t" textboxrect="0,0,80170,4039"/>
                </v:shape>
                <v:shape id="Shape 1062" o:spid="_x0000_s1203" style="position:absolute;left:6033;top:17500;width:750;height:493;visibility:visible;mso-wrap-style:square;v-text-anchor:top" coordsize="75031,4937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" path="m75031,l72568,49371,,20952,75031,xe" fillcolor="black" stroked="f" strokeweight="0">
                  <v:stroke endcap="round"/>
                  <v:path arrowok="t" textboxrect="0,0,75031,49371"/>
                </v:shape>
                <v:shape id="Shape 1063" o:spid="_x0000_s1204" style="position:absolute;left:7438;top:17534;width:750;height:493;visibility:visible;mso-wrap-style:square;v-text-anchor:top" coordsize="75016,492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" path="m2455,l75016,28343,,49295,2455,xe" fillcolor="black" stroked="f" strokeweight="0">
                  <v:stroke endcap="round"/>
                  <v:path arrowok="t" textboxrect="0,0,75016,49295"/>
                </v:shape>
                <v:shape id="Shape 1064" o:spid="_x0000_s1205" style="position:absolute;left:15192;top:3239;width:0;height:1481;visibility:visible;mso-wrap-style:square;v-text-anchor:top" coordsize="0,1481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" path="m,l,148113e" filled="f" strokeweight=".15203mm">
                  <v:stroke endcap="round"/>
                  <v:path arrowok="t" textboxrect="0,0,0,148113"/>
                </v:shape>
                <v:shape id="Shape 1065" o:spid="_x0000_s1206" style="position:absolute;left:14945;top:4659;width:493;height:740;visibility:visible;mso-wrap-style:square;v-text-anchor:top" coordsize="49260,7405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" path="m,l49260,,24630,74056,,xe" fillcolor="black" stroked="f" strokeweight="0">
                  <v:stroke endcap="round"/>
                  <v:path arrowok="t" textboxrect="0,0,49260,74056"/>
                </v:shape>
                <v:rect id="Rectangle 1066" o:spid="_x0000_s1207" style="position:absolute;left:22361;top:28610;width:599;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" filled="f" stroked="f">
                  <v:textbox inset="0,0,0,0">
                    <w:txbxContent>
                      <w:p w:rsidR="0043064D" w:rsidRDefault="008B3C4B">
                        <w:pPr>
                          <w:spacing w:after="160" w:line="259" w:lineRule="auto"/>
                          <w:ind w:left="0" w:firstLine="0"/>
                          <w:jc w:val="left"/>
                        </w:pPr>
                        <w:r>
                          <w:t xml:space="preserve"> </w:t>
                        </w:r>
                      </w:p>
                    </w:txbxContent>
                  </v:textbox>
                </v:rect>
                <w10:anchorlock/>
              </v:group>
            </w:pict>
          </mc:Fallback>
        </mc:AlternateContent>
      </w:r>
    </w:p>
    <w:p w:rsidR="0043064D" w:rsidRDefault="008B3C4B">
      <w:pPr>
        <w:spacing w:after="364" w:line="265" w:lineRule="auto"/>
        <w:ind w:right="6"/>
        <w:jc w:val="center"/>
      </w:pPr>
      <w:r>
        <w:t xml:space="preserve">Рис. 2. Схема обработки типичного запроса на ввод-вывод </w:t>
      </w:r>
    </w:p>
    <w:p w:rsidR="0043064D" w:rsidRDefault="008B3C4B">
      <w:pPr>
        <w:pStyle w:val="2"/>
        <w:ind w:left="-5"/>
      </w:pPr>
      <w:bookmarkStart w:id="6" w:name="_Toc68654"/>
      <w:r>
        <w:t xml:space="preserve">Драйверы устройств </w:t>
      </w:r>
      <w:bookmarkEnd w:id="6"/>
    </w:p>
    <w:p w:rsidR="0043064D" w:rsidRDefault="008B3C4B">
      <w:pPr>
        <w:ind w:left="-5" w:right="1"/>
      </w:pPr>
      <w:r>
        <w:t>Для интеграции с диспетчером ввода-вывода и другими компонентами подсистемы ввода-</w:t>
      </w:r>
      <w:r>
        <w:t xml:space="preserve">вывода драйвер устройства должен быть написан в соответствии с правилами, специфичными для управляемого им типа устройств и для его роли в управлении такими устройствами. Здесь мы познакомимся с типами драйверов устройств, поддерживаемых </w:t>
      </w:r>
      <w:proofErr w:type="spellStart"/>
      <w:r>
        <w:t>Windows</w:t>
      </w:r>
      <w:proofErr w:type="spellEnd"/>
      <w:r>
        <w:t>, и исследу</w:t>
      </w:r>
      <w:r>
        <w:t xml:space="preserve">ем внутреннюю структуру драйвера устройства. </w:t>
      </w:r>
    </w:p>
    <w:p w:rsidR="0043064D" w:rsidRDefault="008B3C4B">
      <w:pPr>
        <w:pStyle w:val="3"/>
        <w:spacing w:after="57" w:line="265" w:lineRule="auto"/>
        <w:ind w:left="-5"/>
      </w:pPr>
      <w:bookmarkStart w:id="7" w:name="_Toc68655"/>
      <w:r>
        <w:rPr>
          <w:rFonts w:ascii="Tahoma" w:eastAsia="Tahoma" w:hAnsi="Tahoma" w:cs="Tahoma"/>
          <w:b w:val="0"/>
        </w:rPr>
        <w:lastRenderedPageBreak/>
        <w:t xml:space="preserve">Типы драйверов устройств </w:t>
      </w:r>
      <w:bookmarkEnd w:id="7"/>
    </w:p>
    <w:p w:rsidR="0043064D" w:rsidRDefault="008B3C4B">
      <w:pPr>
        <w:spacing w:after="142"/>
        <w:ind w:left="-5" w:right="1"/>
      </w:pPr>
      <w:r>
        <w:t xml:space="preserve">Драйверы могут работать в двух режимах: в пользовательском или в режиме ядра. </w:t>
      </w:r>
      <w:proofErr w:type="spellStart"/>
      <w:r>
        <w:t>Windows</w:t>
      </w:r>
      <w:proofErr w:type="spellEnd"/>
      <w:r>
        <w:t xml:space="preserve"> поддерживает несколько типов драйверов пользовательского режима: </w:t>
      </w:r>
    </w:p>
    <w:p w:rsidR="0043064D" w:rsidRDefault="008B3C4B">
      <w:pPr>
        <w:numPr>
          <w:ilvl w:val="0"/>
          <w:numId w:val="4"/>
        </w:numPr>
        <w:spacing w:after="21"/>
        <w:ind w:right="1" w:hanging="361"/>
      </w:pPr>
      <w:r>
        <w:rPr>
          <w:b/>
        </w:rPr>
        <w:t>Драйверы виртуальных устройств</w:t>
      </w:r>
      <w:r>
        <w:t xml:space="preserve"> (</w:t>
      </w:r>
      <w:proofErr w:type="spellStart"/>
      <w:r>
        <w:t>virtual</w:t>
      </w:r>
      <w:proofErr w:type="spellEnd"/>
      <w:r>
        <w:t xml:space="preserve"> </w:t>
      </w:r>
      <w:proofErr w:type="spellStart"/>
      <w:r>
        <w:t>device</w:t>
      </w:r>
      <w:proofErr w:type="spellEnd"/>
      <w:r>
        <w:t xml:space="preserve"> </w:t>
      </w:r>
      <w:proofErr w:type="spellStart"/>
      <w:r>
        <w:t>drivers</w:t>
      </w:r>
      <w:proofErr w:type="spellEnd"/>
      <w:r>
        <w:t xml:space="preserve">, VDD). Используются для эмуляции 16-разрядных программ MS-DOS. Они перехватывают обращения таких программ к портам ввода-вывода и транслируют их в вызовы </w:t>
      </w:r>
      <w:proofErr w:type="spellStart"/>
      <w:r>
        <w:t>Windowsфункций</w:t>
      </w:r>
      <w:proofErr w:type="spellEnd"/>
      <w:r>
        <w:t xml:space="preserve"> ввода-вывода, передаваемые реальным драйверам устройств. Посколь</w:t>
      </w:r>
      <w:r>
        <w:t xml:space="preserve">ку </w:t>
      </w:r>
      <w:proofErr w:type="spellStart"/>
      <w:r>
        <w:t>Windows</w:t>
      </w:r>
      <w:proofErr w:type="spellEnd"/>
      <w:r>
        <w:t xml:space="preserve"> является полностью защищенной ОС, программы MS-DOS пользовательского режима не могут напрямую обращаться к аппаратным средствам — они должны делать это через драйверы устройств режима ядра. </w:t>
      </w:r>
    </w:p>
    <w:p w:rsidR="0043064D" w:rsidRDefault="008B3C4B">
      <w:pPr>
        <w:numPr>
          <w:ilvl w:val="0"/>
          <w:numId w:val="4"/>
        </w:numPr>
        <w:ind w:right="1" w:hanging="361"/>
      </w:pPr>
      <w:r>
        <w:rPr>
          <w:b/>
        </w:rPr>
        <w:t>Драйверы принтеров</w:t>
      </w:r>
      <w:r>
        <w:t xml:space="preserve">. Драйверы подсистемы </w:t>
      </w:r>
      <w:proofErr w:type="spellStart"/>
      <w:r>
        <w:t>Windows</w:t>
      </w:r>
      <w:proofErr w:type="spellEnd"/>
      <w:r>
        <w:t>, котор</w:t>
      </w:r>
      <w:r>
        <w:t xml:space="preserve">ые транслируют аппаратно-независимые запросы на графические операции в команды, специфичные для принтера. Далее эти команды обычно направляются драйверу режима ядра, </w:t>
      </w:r>
      <w:proofErr w:type="gramStart"/>
      <w:r>
        <w:t>например</w:t>
      </w:r>
      <w:proofErr w:type="gramEnd"/>
      <w:r>
        <w:t xml:space="preserve"> драйверу параллельного порта (Parport.sys) или драйверу порта принтера на USB-шин</w:t>
      </w:r>
      <w:r>
        <w:t xml:space="preserve">е (Usb-print.sys). </w:t>
      </w:r>
    </w:p>
    <w:p w:rsidR="0043064D" w:rsidRDefault="008B3C4B">
      <w:pPr>
        <w:spacing w:after="142"/>
        <w:ind w:left="-5" w:right="1"/>
      </w:pPr>
      <w:r>
        <w:t xml:space="preserve">Далее будут рассматриваться драйвера устройств, работающих в режиме ядра. Эти драйверы можно разбить на несколько основных категорий. </w:t>
      </w:r>
    </w:p>
    <w:p w:rsidR="0043064D" w:rsidRDefault="008B3C4B">
      <w:pPr>
        <w:numPr>
          <w:ilvl w:val="0"/>
          <w:numId w:val="4"/>
        </w:numPr>
        <w:spacing w:after="21"/>
        <w:ind w:right="1" w:hanging="361"/>
      </w:pPr>
      <w:r>
        <w:rPr>
          <w:b/>
        </w:rPr>
        <w:t>Драйверы файловой системы</w:t>
      </w:r>
      <w:r>
        <w:t>. Принимают запросы на ввод-вывод и выполняют их, выдавая более специфически</w:t>
      </w:r>
      <w:r>
        <w:t xml:space="preserve">е запросы драйверам устройств массовой памяти или сетевым драйверам. </w:t>
      </w:r>
    </w:p>
    <w:p w:rsidR="0043064D" w:rsidRDefault="008B3C4B">
      <w:pPr>
        <w:numPr>
          <w:ilvl w:val="0"/>
          <w:numId w:val="4"/>
        </w:numPr>
        <w:spacing w:after="21"/>
        <w:ind w:right="1" w:hanging="361"/>
      </w:pPr>
      <w:proofErr w:type="spellStart"/>
      <w:r>
        <w:rPr>
          <w:b/>
        </w:rPr>
        <w:t>PnP</w:t>
      </w:r>
      <w:proofErr w:type="spellEnd"/>
      <w:r>
        <w:rPr>
          <w:b/>
        </w:rPr>
        <w:t>-драйверы</w:t>
      </w:r>
      <w:r>
        <w:t xml:space="preserve">. Драйверы, работающие с оборудованием и интегрируемые с диспетчерами электропитания и </w:t>
      </w:r>
      <w:proofErr w:type="spellStart"/>
      <w:r>
        <w:t>PnP</w:t>
      </w:r>
      <w:proofErr w:type="spellEnd"/>
      <w:r>
        <w:t>. В их число входят драйверы для устройств массовой памяти, видеоадаптеров, устройст</w:t>
      </w:r>
      <w:r>
        <w:t xml:space="preserve">в ввода и сетевых адаптеров. </w:t>
      </w:r>
    </w:p>
    <w:p w:rsidR="0043064D" w:rsidRDefault="008B3C4B">
      <w:pPr>
        <w:numPr>
          <w:ilvl w:val="0"/>
          <w:numId w:val="4"/>
        </w:numPr>
        <w:spacing w:after="285"/>
        <w:ind w:right="1" w:hanging="361"/>
      </w:pPr>
      <w:r>
        <w:t xml:space="preserve">Драйверы, не отвечающие спецификации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 также называются </w:t>
      </w:r>
      <w:r>
        <w:rPr>
          <w:b/>
        </w:rPr>
        <w:t>расширениями ядра</w:t>
      </w:r>
      <w:r>
        <w:t>. Расширяют функциональность системы, предоставляя доступ из пользовательского режима к сервисам и драйверам режима ядра. Они не интегрирую</w:t>
      </w:r>
      <w:r>
        <w:t xml:space="preserve">тся с диспетчерами </w:t>
      </w:r>
      <w:proofErr w:type="spellStart"/>
      <w:r>
        <w:t>PnP</w:t>
      </w:r>
      <w:proofErr w:type="spellEnd"/>
      <w:r>
        <w:t xml:space="preserve"> и электропитания. К ним, в частности, относятся драйверы протоколов и сетевого API. Категория драйверов режима ядра подразделяется на группы в зависимости от модели, на которой они основаны, и их роли в обслуживании запросов к устрой</w:t>
      </w:r>
      <w:r>
        <w:t xml:space="preserve">ствам. </w:t>
      </w:r>
    </w:p>
    <w:p w:rsidR="0043064D" w:rsidRDefault="008B3C4B">
      <w:pPr>
        <w:pStyle w:val="4"/>
        <w:ind w:left="-5"/>
      </w:pPr>
      <w:r>
        <w:t>WDM-драйверы</w:t>
      </w:r>
      <w:r>
        <w:rPr>
          <w:rFonts w:ascii="Times New Roman" w:eastAsia="Times New Roman" w:hAnsi="Times New Roman" w:cs="Times New Roman"/>
        </w:rPr>
        <w:t xml:space="preserve"> </w:t>
      </w:r>
    </w:p>
    <w:p w:rsidR="0043064D" w:rsidRDefault="008B3C4B">
      <w:pPr>
        <w:spacing w:after="10"/>
        <w:ind w:left="-5" w:right="1"/>
      </w:pPr>
      <w:r>
        <w:t xml:space="preserve">Это драйверы устройств, отвечающие спецификации </w:t>
      </w:r>
      <w:proofErr w:type="spellStart"/>
      <w:r>
        <w:rPr>
          <w:b/>
        </w:rPr>
        <w:t>Windows</w:t>
      </w:r>
      <w:proofErr w:type="spellEnd"/>
      <w:r>
        <w:rPr>
          <w:b/>
        </w:rPr>
        <w:t xml:space="preserve"> </w:t>
      </w:r>
      <w:proofErr w:type="spellStart"/>
      <w:r>
        <w:rPr>
          <w:b/>
        </w:rPr>
        <w:t>Driver</w:t>
      </w:r>
      <w:proofErr w:type="spellEnd"/>
      <w:r>
        <w:rPr>
          <w:b/>
        </w:rPr>
        <w:t xml:space="preserve"> </w:t>
      </w:r>
      <w:proofErr w:type="spellStart"/>
      <w:r>
        <w:rPr>
          <w:b/>
        </w:rPr>
        <w:t>Model</w:t>
      </w:r>
      <w:proofErr w:type="spellEnd"/>
      <w:r>
        <w:t xml:space="preserve"> (WDM). </w:t>
      </w:r>
    </w:p>
    <w:p w:rsidR="0043064D" w:rsidRDefault="008B3C4B">
      <w:pPr>
        <w:spacing w:after="137"/>
        <w:ind w:left="-5" w:right="1"/>
      </w:pPr>
      <w:r>
        <w:t xml:space="preserve">WDM требует от драйверов поддержки управления электропитанием,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и WMT. Большинство драйверов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построены как раз на модели WDM. Эта </w:t>
      </w:r>
      <w:r>
        <w:t xml:space="preserve">модель реализована в </w:t>
      </w:r>
      <w:proofErr w:type="spellStart"/>
      <w:r>
        <w:t>Windows</w:t>
      </w:r>
      <w:proofErr w:type="spellEnd"/>
      <w:r>
        <w:t xml:space="preserve">, </w:t>
      </w:r>
      <w:proofErr w:type="spellStart"/>
      <w:r>
        <w:t>Windows</w:t>
      </w:r>
      <w:proofErr w:type="spellEnd"/>
      <w:r>
        <w:t xml:space="preserve"> 98 и </w:t>
      </w:r>
      <w:proofErr w:type="spellStart"/>
      <w:r>
        <w:t>Windows</w:t>
      </w:r>
      <w:proofErr w:type="spellEnd"/>
      <w:r>
        <w:t xml:space="preserve"> </w:t>
      </w:r>
      <w:proofErr w:type="spellStart"/>
      <w:r>
        <w:t>Millennium</w:t>
      </w:r>
      <w:proofErr w:type="spellEnd"/>
      <w:r>
        <w:t xml:space="preserve"> </w:t>
      </w:r>
      <w:proofErr w:type="spellStart"/>
      <w:r>
        <w:t>Edition</w:t>
      </w:r>
      <w:proofErr w:type="spellEnd"/>
      <w:r>
        <w:t xml:space="preserve">, поэтому WDM-драйверы этих ОС совместимы на уровне исходного кода, а во многих случаях и на уровне двоичного кода. Существует три типа WDM-драйверов. </w:t>
      </w:r>
    </w:p>
    <w:p w:rsidR="0043064D" w:rsidRDefault="008B3C4B">
      <w:pPr>
        <w:numPr>
          <w:ilvl w:val="0"/>
          <w:numId w:val="5"/>
        </w:numPr>
        <w:spacing w:after="22"/>
        <w:ind w:right="1" w:hanging="361"/>
      </w:pPr>
      <w:r>
        <w:rPr>
          <w:b/>
        </w:rPr>
        <w:t>Драйверы шин</w:t>
      </w:r>
      <w:r>
        <w:t>. Управляют логическими</w:t>
      </w:r>
      <w:r>
        <w:t xml:space="preserve"> или физическими шинами. Примеры шин — PCMCIA, PCI, USB, IEEE 1394, ISA. Драйвер шины отвечает за распознавание устройств, подключенных к управляемой им шине, оповещение о них диспетчера </w:t>
      </w:r>
      <w:proofErr w:type="spellStart"/>
      <w:r>
        <w:t>PnP</w:t>
      </w:r>
      <w:proofErr w:type="spellEnd"/>
      <w:r>
        <w:t xml:space="preserve"> и управление параметрами электропитания шины. </w:t>
      </w:r>
    </w:p>
    <w:p w:rsidR="0043064D" w:rsidRDefault="008B3C4B">
      <w:pPr>
        <w:numPr>
          <w:ilvl w:val="0"/>
          <w:numId w:val="5"/>
        </w:numPr>
        <w:spacing w:after="17"/>
        <w:ind w:right="1" w:hanging="361"/>
      </w:pPr>
      <w:r>
        <w:rPr>
          <w:b/>
        </w:rPr>
        <w:t>Функциональные драйверы</w:t>
      </w:r>
      <w:r>
        <w:t xml:space="preserve">. Управляют конкретным типом устройств. Драйверы шин представляют устройства функциональным драйверам </w:t>
      </w:r>
      <w:proofErr w:type="gramStart"/>
      <w:r>
        <w:t>через диспетчер</w:t>
      </w:r>
      <w:proofErr w:type="gramEnd"/>
      <w:r>
        <w:t xml:space="preserve"> </w:t>
      </w:r>
      <w:proofErr w:type="spellStart"/>
      <w:r>
        <w:t>PnP</w:t>
      </w:r>
      <w:proofErr w:type="spellEnd"/>
      <w:r>
        <w:t xml:space="preserve">. Функциональным считается драйвер, экспортирующий рабочий интерфейс устройства ОС.  </w:t>
      </w:r>
    </w:p>
    <w:p w:rsidR="0043064D" w:rsidRDefault="008B3C4B">
      <w:pPr>
        <w:numPr>
          <w:ilvl w:val="0"/>
          <w:numId w:val="5"/>
        </w:numPr>
        <w:spacing w:after="285"/>
        <w:ind w:right="1" w:hanging="361"/>
      </w:pPr>
      <w:r>
        <w:rPr>
          <w:b/>
        </w:rPr>
        <w:t xml:space="preserve">Драйверы фильтров. </w:t>
      </w:r>
      <w:r>
        <w:t>Занимаю</w:t>
      </w:r>
      <w:r>
        <w:t xml:space="preserve">щие более высокий логический уровень, чем функциональные драйверы, они дополняют функциональность или изменяют поведение устройства либо другого драйвера. Так, утилиту для перехвата ввода с клавиатуры </w:t>
      </w:r>
      <w:r>
        <w:rPr>
          <w:b/>
        </w:rPr>
        <w:t>можно реализовать</w:t>
      </w:r>
      <w:r>
        <w:t xml:space="preserve"> в виде драйвера фильтра клавиатуры, р</w:t>
      </w:r>
      <w:r>
        <w:t xml:space="preserve">асположенного на более высоком уровне, чем функциональный драйвер клавиатуры. </w:t>
      </w:r>
    </w:p>
    <w:p w:rsidR="0043064D" w:rsidRDefault="008B3C4B">
      <w:pPr>
        <w:pStyle w:val="4"/>
        <w:ind w:left="-5"/>
      </w:pPr>
      <w:r>
        <w:t>Многоуровневые драйверы</w:t>
      </w:r>
      <w:r>
        <w:rPr>
          <w:rFonts w:ascii="Times New Roman" w:eastAsia="Times New Roman" w:hAnsi="Times New Roman" w:cs="Times New Roman"/>
        </w:rPr>
        <w:t xml:space="preserve"> </w:t>
      </w:r>
    </w:p>
    <w:p w:rsidR="0043064D" w:rsidRDefault="008B3C4B">
      <w:pPr>
        <w:spacing w:after="143"/>
        <w:ind w:left="-5" w:right="1"/>
      </w:pPr>
      <w:r>
        <w:t xml:space="preserve">Кроме WDM-драйверов шин, функциональных драйверов и драйверов фильтров, оборудованием могут поддерживать следующие компоненты: </w:t>
      </w:r>
    </w:p>
    <w:p w:rsidR="0043064D" w:rsidRDefault="008B3C4B">
      <w:pPr>
        <w:numPr>
          <w:ilvl w:val="0"/>
          <w:numId w:val="6"/>
        </w:numPr>
        <w:ind w:right="1" w:hanging="361"/>
      </w:pPr>
      <w:r>
        <w:rPr>
          <w:b/>
        </w:rPr>
        <w:t>Драйверы классов устройс</w:t>
      </w:r>
      <w:r>
        <w:rPr>
          <w:b/>
        </w:rPr>
        <w:t>тв</w:t>
      </w:r>
      <w:r>
        <w:t xml:space="preserve"> (</w:t>
      </w:r>
      <w:proofErr w:type="spellStart"/>
      <w:r>
        <w:t>class</w:t>
      </w:r>
      <w:proofErr w:type="spellEnd"/>
      <w:r>
        <w:t xml:space="preserve"> </w:t>
      </w:r>
      <w:proofErr w:type="spellStart"/>
      <w:r>
        <w:t>drivers</w:t>
      </w:r>
      <w:proofErr w:type="spellEnd"/>
      <w:r>
        <w:t xml:space="preserve">). Реализуют обработку </w:t>
      </w:r>
      <w:proofErr w:type="spellStart"/>
      <w:r>
        <w:t>вводавывода</w:t>
      </w:r>
      <w:proofErr w:type="spellEnd"/>
      <w:r>
        <w:t xml:space="preserve"> для конкретного класса устройств, </w:t>
      </w:r>
      <w:proofErr w:type="gramStart"/>
      <w:r>
        <w:t>например</w:t>
      </w:r>
      <w:proofErr w:type="gramEnd"/>
      <w:r>
        <w:t xml:space="preserve"> дисковых устройств, ленточных накопителей или приводов CD-ROM, где аппаратные интерфейсы </w:t>
      </w:r>
      <w:r>
        <w:lastRenderedPageBreak/>
        <w:t>стандартизированы и один драйвер может обслуживать аналогичные устройств</w:t>
      </w:r>
      <w:r>
        <w:t xml:space="preserve">а от множества производителей. </w:t>
      </w:r>
    </w:p>
    <w:p w:rsidR="0043064D" w:rsidRDefault="008B3C4B">
      <w:pPr>
        <w:numPr>
          <w:ilvl w:val="0"/>
          <w:numId w:val="6"/>
        </w:numPr>
        <w:spacing w:after="22"/>
        <w:ind w:right="1" w:hanging="361"/>
      </w:pPr>
      <w:r>
        <w:rPr>
          <w:b/>
        </w:rPr>
        <w:t>Порт-драйверы</w:t>
      </w:r>
      <w:r>
        <w:t xml:space="preserve"> (</w:t>
      </w:r>
      <w:proofErr w:type="spellStart"/>
      <w:r>
        <w:t>port</w:t>
      </w:r>
      <w:proofErr w:type="spellEnd"/>
      <w:r>
        <w:t xml:space="preserve"> </w:t>
      </w:r>
      <w:proofErr w:type="spellStart"/>
      <w:r>
        <w:t>drivers</w:t>
      </w:r>
      <w:proofErr w:type="spellEnd"/>
      <w:r>
        <w:t xml:space="preserve">). Обрабатывают запросы на ввод-вывод, специфичные для определенного типа порта ввода-вывода, </w:t>
      </w:r>
      <w:proofErr w:type="gramStart"/>
      <w:r>
        <w:t>например</w:t>
      </w:r>
      <w:proofErr w:type="gramEnd"/>
      <w:r>
        <w:t xml:space="preserve"> SCSI. </w:t>
      </w:r>
      <w:proofErr w:type="spellStart"/>
      <w:r>
        <w:t>Портдрайверы</w:t>
      </w:r>
      <w:proofErr w:type="spellEnd"/>
      <w:r>
        <w:t xml:space="preserve"> реализуются как библиотеки функций режима ядра, а не как драйверы устройств</w:t>
      </w:r>
      <w:r>
        <w:t xml:space="preserve">. </w:t>
      </w:r>
    </w:p>
    <w:p w:rsidR="0043064D" w:rsidRDefault="008B3C4B">
      <w:pPr>
        <w:numPr>
          <w:ilvl w:val="0"/>
          <w:numId w:val="6"/>
        </w:numPr>
        <w:ind w:right="1" w:hanging="361"/>
      </w:pPr>
      <w:proofErr w:type="spellStart"/>
      <w:r>
        <w:rPr>
          <w:b/>
        </w:rPr>
        <w:t>Минипорт</w:t>
      </w:r>
      <w:proofErr w:type="spellEnd"/>
      <w:r>
        <w:rPr>
          <w:b/>
        </w:rPr>
        <w:t>-драйверы</w:t>
      </w:r>
      <w:r>
        <w:t xml:space="preserve"> (</w:t>
      </w:r>
      <w:proofErr w:type="spellStart"/>
      <w:r>
        <w:t>miniport</w:t>
      </w:r>
      <w:proofErr w:type="spellEnd"/>
      <w:r>
        <w:t xml:space="preserve"> </w:t>
      </w:r>
      <w:proofErr w:type="spellStart"/>
      <w:r>
        <w:t>drivers</w:t>
      </w:r>
      <w:proofErr w:type="spellEnd"/>
      <w:r>
        <w:t xml:space="preserve">). Преобразуют универсальные запросы ввода-вывода к порту конкретного типа в запросы, специфичные для адаптера конкретного типа, </w:t>
      </w:r>
      <w:proofErr w:type="gramStart"/>
      <w:r>
        <w:t>например</w:t>
      </w:r>
      <w:proofErr w:type="gramEnd"/>
      <w:r>
        <w:t xml:space="preserve"> для SCSI-адаптера. </w:t>
      </w:r>
      <w:proofErr w:type="spellStart"/>
      <w:r>
        <w:t>Минипорт</w:t>
      </w:r>
      <w:proofErr w:type="spellEnd"/>
      <w:r>
        <w:t>-драйверы являются истинными драйверами устройств, ко</w:t>
      </w:r>
      <w:r>
        <w:t xml:space="preserve">торые импортируют функции, предоставляемые порт-драйвером. </w:t>
      </w:r>
    </w:p>
    <w:p w:rsidR="0043064D" w:rsidRDefault="008B3C4B">
      <w:pPr>
        <w:ind w:left="-5" w:right="1"/>
      </w:pPr>
      <w:r>
        <w:t>Вот пример, который демонстрирует, как работают драйверы устройств. Драйвер файловой системы принимает запрос на запись данных в определенное место конкретного файла. Он преобразует его в запрос н</w:t>
      </w:r>
      <w:r>
        <w:t>а запись определенного числа байтов по определенному «логическому» адресу на диске. После этого он передает этот запрос (</w:t>
      </w:r>
      <w:proofErr w:type="gramStart"/>
      <w:r>
        <w:t>через диспетчер</w:t>
      </w:r>
      <w:proofErr w:type="gramEnd"/>
      <w:r>
        <w:t xml:space="preserve"> ввода-вывода) простому драйверу диска. Последний в свою очередь преобразует запрос в физический адрес на диске (цилиндр</w:t>
      </w:r>
      <w:r>
        <w:t xml:space="preserve">/дорожка/сектор) и позиционирует головки дискового устройства для записи данных. Эта схема действий показана на Рис. 3. </w:t>
      </w:r>
    </w:p>
    <w:p w:rsidR="0043064D" w:rsidRDefault="008B3C4B">
      <w:pPr>
        <w:spacing w:after="11"/>
        <w:ind w:left="-5" w:right="1"/>
      </w:pPr>
      <w:r>
        <w:t xml:space="preserve">Эта схема иллюстрирует разделение труда между двумя драйверами. Диспетчер </w:t>
      </w:r>
      <w:proofErr w:type="spellStart"/>
      <w:r>
        <w:t>вводавывода</w:t>
      </w:r>
      <w:proofErr w:type="spellEnd"/>
      <w:r>
        <w:t xml:space="preserve"> получает запрос на запись, в котором адрес записи</w:t>
      </w:r>
      <w:r>
        <w:t xml:space="preserve"> относителен началу конкретного файла. Далее диспетчер ввода-вывода передает запрос драйверу файловой системы, который преобразует информацию запроса в адрес начала записи на диске и число байтов, которые нужно записать на диск. Драйвер файловой системы пе</w:t>
      </w:r>
      <w:r>
        <w:t xml:space="preserve">редает </w:t>
      </w:r>
      <w:proofErr w:type="gramStart"/>
      <w:r>
        <w:t>через диспетчер</w:t>
      </w:r>
      <w:proofErr w:type="gramEnd"/>
      <w:r>
        <w:t xml:space="preserve"> ввода-вывода запрос драйверу диска, который транслирует его в физический адрес на диске и переносит нужные данные. </w:t>
      </w:r>
    </w:p>
    <w:p w:rsidR="0043064D" w:rsidRDefault="008B3C4B">
      <w:pPr>
        <w:spacing w:after="136" w:line="259" w:lineRule="auto"/>
        <w:ind w:left="1602" w:firstLine="0"/>
        <w:jc w:val="left"/>
      </w:pPr>
      <w:r>
        <w:rPr>
          <w:rFonts w:ascii="Calibri" w:eastAsia="Calibri" w:hAnsi="Calibri" w:cs="Calibri"/>
          <w:noProof/>
          <w:sz w:val="22"/>
        </w:rPr>
        <mc:AlternateContent>
          <mc:Choice Requires="wpg">
            <w:drawing>
              <wp:inline distT="0" distB="0" distL="0" distR="0">
                <wp:extent cx="3770422" cy="3822861"/>
                <wp:effectExtent l="0" t="0" r="0" b="0"/>
                <wp:docPr id="59500" name="Group 59500"/>
                <wp:cNvGraphicFramePr/>
                <a:graphic xmlns:a="http://schemas.openxmlformats.org/drawingml/2006/main">
                  <a:graphicData uri="http://schemas.microsoft.com/office/word/2010/wordprocessingGroup">
                    <wpg:wgp>
                      <wpg:cNvGrpSpPr/>
                      <wpg:grpSpPr>
                        <a:xfrm>
                          <a:off x="0" y="0"/>
                          <a:ext cx="3770422" cy="3822861"/>
                          <a:chOff x="0" y="0"/>
                          <a:chExt cx="3770422" cy="3822861"/>
                        </a:xfrm>
                      </wpg:grpSpPr>
                      <wps:wsp>
                        <wps:cNvPr id="1457" name="Shape 1457"/>
                        <wps:cNvSpPr/>
                        <wps:spPr>
                          <a:xfrm>
                            <a:off x="1225859" y="0"/>
                            <a:ext cx="1225821" cy="365403"/>
                          </a:xfrm>
                          <a:custGeom>
                            <a:avLst/>
                            <a:gdLst/>
                            <a:ahLst/>
                            <a:cxnLst/>
                            <a:rect l="0" t="0" r="0" b="0"/>
                            <a:pathLst>
                              <a:path w="1225821" h="365403">
                                <a:moveTo>
                                  <a:pt x="612948" y="0"/>
                                </a:moveTo>
                                <a:cubicBezTo>
                                  <a:pt x="951401" y="0"/>
                                  <a:pt x="1225821" y="81816"/>
                                  <a:pt x="1225821" y="182740"/>
                                </a:cubicBezTo>
                                <a:cubicBezTo>
                                  <a:pt x="1225821" y="283587"/>
                                  <a:pt x="951401" y="365403"/>
                                  <a:pt x="612948" y="365403"/>
                                </a:cubicBezTo>
                                <a:cubicBezTo>
                                  <a:pt x="274420" y="365403"/>
                                  <a:pt x="0" y="283587"/>
                                  <a:pt x="0" y="182740"/>
                                </a:cubicBezTo>
                                <a:cubicBezTo>
                                  <a:pt x="0" y="81816"/>
                                  <a:pt x="274420" y="0"/>
                                  <a:pt x="612948" y="0"/>
                                </a:cubicBezTo>
                                <a:close/>
                              </a:path>
                            </a:pathLst>
                          </a:custGeom>
                          <a:ln w="0" cap="flat">
                            <a:miter lim="127000"/>
                          </a:ln>
                        </wps:spPr>
                        <wps:style>
                          <a:lnRef idx="0">
                            <a:srgbClr val="000000">
                              <a:alpha val="0"/>
                            </a:srgbClr>
                          </a:lnRef>
                          <a:fillRef idx="1">
                            <a:srgbClr val="F2F2F2"/>
                          </a:fillRef>
                          <a:effectRef idx="0">
                            <a:scrgbClr r="0" g="0" b="0"/>
                          </a:effectRef>
                          <a:fontRef idx="none"/>
                        </wps:style>
                        <wps:bodyPr/>
                      </wps:wsp>
                      <wps:wsp>
                        <wps:cNvPr id="1458" name="Shape 1458"/>
                        <wps:cNvSpPr/>
                        <wps:spPr>
                          <a:xfrm>
                            <a:off x="1225859" y="0"/>
                            <a:ext cx="1225821" cy="365403"/>
                          </a:xfrm>
                          <a:custGeom>
                            <a:avLst/>
                            <a:gdLst/>
                            <a:ahLst/>
                            <a:cxnLst/>
                            <a:rect l="0" t="0" r="0" b="0"/>
                            <a:pathLst>
                              <a:path w="1225821" h="365403">
                                <a:moveTo>
                                  <a:pt x="1225821" y="182740"/>
                                </a:moveTo>
                                <a:cubicBezTo>
                                  <a:pt x="1225821" y="81816"/>
                                  <a:pt x="951401" y="0"/>
                                  <a:pt x="612948" y="0"/>
                                </a:cubicBezTo>
                                <a:cubicBezTo>
                                  <a:pt x="274420" y="0"/>
                                  <a:pt x="0" y="81816"/>
                                  <a:pt x="0" y="182740"/>
                                </a:cubicBezTo>
                                <a:cubicBezTo>
                                  <a:pt x="0" y="283587"/>
                                  <a:pt x="274420" y="365403"/>
                                  <a:pt x="612948" y="365403"/>
                                </a:cubicBezTo>
                                <a:cubicBezTo>
                                  <a:pt x="951401" y="365403"/>
                                  <a:pt x="1225821" y="283587"/>
                                  <a:pt x="1225821" y="182740"/>
                                </a:cubicBezTo>
                                <a:close/>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459" name="Rectangle 1459"/>
                        <wps:cNvSpPr/>
                        <wps:spPr>
                          <a:xfrm>
                            <a:off x="1343532" y="89197"/>
                            <a:ext cx="1351103"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дсистема окружения </w:t>
                              </w:r>
                            </w:p>
                          </w:txbxContent>
                        </wps:txbx>
                        <wps:bodyPr horzOverflow="overflow" vert="horz" lIns="0" tIns="0" rIns="0" bIns="0" rtlCol="0">
                          <a:noAutofit/>
                        </wps:bodyPr>
                      </wps:wsp>
                      <wps:wsp>
                        <wps:cNvPr id="1460" name="Rectangle 1460"/>
                        <wps:cNvSpPr/>
                        <wps:spPr>
                          <a:xfrm>
                            <a:off x="1665218" y="198386"/>
                            <a:ext cx="239601"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ли </w:t>
                              </w:r>
                            </w:p>
                          </w:txbxContent>
                        </wps:txbx>
                        <wps:bodyPr horzOverflow="overflow" vert="horz" lIns="0" tIns="0" rIns="0" bIns="0" rtlCol="0">
                          <a:noAutofit/>
                        </wps:bodyPr>
                      </wps:wsp>
                      <wps:wsp>
                        <wps:cNvPr id="1461" name="Rectangle 1461"/>
                        <wps:cNvSpPr/>
                        <wps:spPr>
                          <a:xfrm>
                            <a:off x="1845332" y="182283"/>
                            <a:ext cx="222133"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LL</w:t>
                              </w:r>
                            </w:p>
                          </w:txbxContent>
                        </wps:txbx>
                        <wps:bodyPr horzOverflow="overflow" vert="horz" lIns="0" tIns="0" rIns="0" bIns="0" rtlCol="0">
                          <a:noAutofit/>
                        </wps:bodyPr>
                      </wps:wsp>
                      <wps:wsp>
                        <wps:cNvPr id="1462" name="Rectangle 1462"/>
                        <wps:cNvSpPr/>
                        <wps:spPr>
                          <a:xfrm>
                            <a:off x="2681487" y="422602"/>
                            <a:ext cx="1448283"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wps:txbx>
                        <wps:bodyPr horzOverflow="overflow" vert="horz" lIns="0" tIns="0" rIns="0" bIns="0" rtlCol="0">
                          <a:noAutofit/>
                        </wps:bodyPr>
                      </wps:wsp>
                      <wps:wsp>
                        <wps:cNvPr id="1463" name="Rectangle 1463"/>
                        <wps:cNvSpPr/>
                        <wps:spPr>
                          <a:xfrm>
                            <a:off x="3241478" y="574253"/>
                            <a:ext cx="684544"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 ядра</w:t>
                              </w:r>
                            </w:p>
                          </w:txbxContent>
                        </wps:txbx>
                        <wps:bodyPr horzOverflow="overflow" vert="horz" lIns="0" tIns="0" rIns="0" bIns="0" rtlCol="0">
                          <a:noAutofit/>
                        </wps:bodyPr>
                      </wps:wsp>
                      <wps:wsp>
                        <wps:cNvPr id="1464" name="Shape 1464"/>
                        <wps:cNvSpPr/>
                        <wps:spPr>
                          <a:xfrm>
                            <a:off x="0" y="537376"/>
                            <a:ext cx="3763611" cy="0"/>
                          </a:xfrm>
                          <a:custGeom>
                            <a:avLst/>
                            <a:gdLst/>
                            <a:ahLst/>
                            <a:cxnLst/>
                            <a:rect l="0" t="0" r="0" b="0"/>
                            <a:pathLst>
                              <a:path w="3763611">
                                <a:moveTo>
                                  <a:pt x="0" y="0"/>
                                </a:moveTo>
                                <a:lnTo>
                                  <a:pt x="3763611" y="0"/>
                                </a:lnTo>
                              </a:path>
                            </a:pathLst>
                          </a:custGeom>
                          <a:ln w="17061" cap="rnd">
                            <a:round/>
                          </a:ln>
                        </wps:spPr>
                        <wps:style>
                          <a:lnRef idx="1">
                            <a:srgbClr val="000000"/>
                          </a:lnRef>
                          <a:fillRef idx="0">
                            <a:srgbClr val="000000">
                              <a:alpha val="0"/>
                            </a:srgbClr>
                          </a:fillRef>
                          <a:effectRef idx="0">
                            <a:scrgbClr r="0" g="0" b="0"/>
                          </a:effectRef>
                          <a:fontRef idx="none"/>
                        </wps:style>
                        <wps:bodyPr/>
                      </wps:wsp>
                      <wps:wsp>
                        <wps:cNvPr id="1465" name="Shape 1465"/>
                        <wps:cNvSpPr/>
                        <wps:spPr>
                          <a:xfrm>
                            <a:off x="1182841" y="601828"/>
                            <a:ext cx="150525" cy="150514"/>
                          </a:xfrm>
                          <a:custGeom>
                            <a:avLst/>
                            <a:gdLst/>
                            <a:ahLst/>
                            <a:cxnLst/>
                            <a:rect l="0" t="0" r="0" b="0"/>
                            <a:pathLst>
                              <a:path w="150525" h="150514">
                                <a:moveTo>
                                  <a:pt x="75262" y="0"/>
                                </a:moveTo>
                                <a:cubicBezTo>
                                  <a:pt x="116839" y="0"/>
                                  <a:pt x="150525" y="33743"/>
                                  <a:pt x="150525" y="75219"/>
                                </a:cubicBezTo>
                                <a:cubicBezTo>
                                  <a:pt x="150525" y="116771"/>
                                  <a:pt x="116839" y="150514"/>
                                  <a:pt x="75262" y="150514"/>
                                </a:cubicBezTo>
                                <a:cubicBezTo>
                                  <a:pt x="33686" y="150514"/>
                                  <a:pt x="0" y="116771"/>
                                  <a:pt x="0" y="75219"/>
                                </a:cubicBezTo>
                                <a:cubicBezTo>
                                  <a:pt x="0" y="33743"/>
                                  <a:pt x="33686" y="0"/>
                                  <a:pt x="75262"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1466" name="Shape 1466"/>
                        <wps:cNvSpPr/>
                        <wps:spPr>
                          <a:xfrm>
                            <a:off x="1182841" y="601828"/>
                            <a:ext cx="150525" cy="150514"/>
                          </a:xfrm>
                          <a:custGeom>
                            <a:avLst/>
                            <a:gdLst/>
                            <a:ahLst/>
                            <a:cxnLst/>
                            <a:rect l="0" t="0" r="0" b="0"/>
                            <a:pathLst>
                              <a:path w="150525" h="150514">
                                <a:moveTo>
                                  <a:pt x="150525" y="75219"/>
                                </a:moveTo>
                                <a:cubicBezTo>
                                  <a:pt x="150525" y="33743"/>
                                  <a:pt x="116839" y="0"/>
                                  <a:pt x="75262" y="0"/>
                                </a:cubicBezTo>
                                <a:cubicBezTo>
                                  <a:pt x="33686" y="0"/>
                                  <a:pt x="0" y="33743"/>
                                  <a:pt x="0" y="75219"/>
                                </a:cubicBezTo>
                                <a:cubicBezTo>
                                  <a:pt x="0" y="116771"/>
                                  <a:pt x="33686" y="150514"/>
                                  <a:pt x="75262" y="150514"/>
                                </a:cubicBezTo>
                                <a:cubicBezTo>
                                  <a:pt x="116839" y="150514"/>
                                  <a:pt x="150525" y="116771"/>
                                  <a:pt x="150525" y="75219"/>
                                </a:cubicBezTo>
                                <a:close/>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467" name="Rectangle 1467"/>
                        <wps:cNvSpPr/>
                        <wps:spPr>
                          <a:xfrm>
                            <a:off x="1232763" y="621996"/>
                            <a:ext cx="67344"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1468" name="Rectangle 1468"/>
                        <wps:cNvSpPr/>
                        <wps:spPr>
                          <a:xfrm>
                            <a:off x="1374411" y="621465"/>
                            <a:ext cx="598706" cy="13493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NtWriteFile</w:t>
                              </w:r>
                              <w:proofErr w:type="spellEnd"/>
                            </w:p>
                          </w:txbxContent>
                        </wps:txbx>
                        <wps:bodyPr horzOverflow="overflow" vert="horz" lIns="0" tIns="0" rIns="0" bIns="0" rtlCol="0">
                          <a:noAutofit/>
                        </wps:bodyPr>
                      </wps:wsp>
                      <wps:wsp>
                        <wps:cNvPr id="1469" name="Rectangle 1469"/>
                        <wps:cNvSpPr/>
                        <wps:spPr>
                          <a:xfrm>
                            <a:off x="1824543" y="621465"/>
                            <a:ext cx="40324"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470" name="Rectangle 1470"/>
                        <wps:cNvSpPr/>
                        <wps:spPr>
                          <a:xfrm>
                            <a:off x="1854891" y="621465"/>
                            <a:ext cx="154792" cy="13493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file</w:t>
                              </w:r>
                              <w:proofErr w:type="spellEnd"/>
                            </w:p>
                          </w:txbxContent>
                        </wps:txbx>
                        <wps:bodyPr horzOverflow="overflow" vert="horz" lIns="0" tIns="0" rIns="0" bIns="0" rtlCol="0">
                          <a:noAutofit/>
                        </wps:bodyPr>
                      </wps:wsp>
                      <wps:wsp>
                        <wps:cNvPr id="1471" name="Rectangle 1471"/>
                        <wps:cNvSpPr/>
                        <wps:spPr>
                          <a:xfrm>
                            <a:off x="1971275" y="621465"/>
                            <a:ext cx="67344"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_</w:t>
                              </w:r>
                            </w:p>
                          </w:txbxContent>
                        </wps:txbx>
                        <wps:bodyPr horzOverflow="overflow" vert="horz" lIns="0" tIns="0" rIns="0" bIns="0" rtlCol="0">
                          <a:noAutofit/>
                        </wps:bodyPr>
                      </wps:wsp>
                      <wps:wsp>
                        <wps:cNvPr id="1472" name="Rectangle 1472"/>
                        <wps:cNvSpPr/>
                        <wps:spPr>
                          <a:xfrm>
                            <a:off x="2021880" y="621465"/>
                            <a:ext cx="363621" cy="13493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handle</w:t>
                              </w:r>
                              <w:proofErr w:type="spellEnd"/>
                            </w:p>
                          </w:txbxContent>
                        </wps:txbx>
                        <wps:bodyPr horzOverflow="overflow" vert="horz" lIns="0" tIns="0" rIns="0" bIns="0" rtlCol="0">
                          <a:noAutofit/>
                        </wps:bodyPr>
                      </wps:wsp>
                      <wps:wsp>
                        <wps:cNvPr id="1473" name="Rectangle 1473"/>
                        <wps:cNvSpPr/>
                        <wps:spPr>
                          <a:xfrm>
                            <a:off x="2295313" y="621465"/>
                            <a:ext cx="67286"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474" name="Rectangle 1474"/>
                        <wps:cNvSpPr/>
                        <wps:spPr>
                          <a:xfrm>
                            <a:off x="2345918" y="621465"/>
                            <a:ext cx="235557" cy="13493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char</w:t>
                              </w:r>
                              <w:proofErr w:type="spellEnd"/>
                            </w:p>
                          </w:txbxContent>
                        </wps:txbx>
                        <wps:bodyPr horzOverflow="overflow" vert="horz" lIns="0" tIns="0" rIns="0" bIns="0" rtlCol="0">
                          <a:noAutofit/>
                        </wps:bodyPr>
                      </wps:wsp>
                      <wps:wsp>
                        <wps:cNvPr id="1475" name="Rectangle 1475"/>
                        <wps:cNvSpPr/>
                        <wps:spPr>
                          <a:xfrm>
                            <a:off x="2522997" y="621465"/>
                            <a:ext cx="67344"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_</w:t>
                              </w:r>
                            </w:p>
                          </w:txbxContent>
                        </wps:txbx>
                        <wps:bodyPr horzOverflow="overflow" vert="horz" lIns="0" tIns="0" rIns="0" bIns="0" rtlCol="0">
                          <a:noAutofit/>
                        </wps:bodyPr>
                      </wps:wsp>
                      <wps:wsp>
                        <wps:cNvPr id="1476" name="Rectangle 1476"/>
                        <wps:cNvSpPr/>
                        <wps:spPr>
                          <a:xfrm>
                            <a:off x="2573601" y="621465"/>
                            <a:ext cx="309641" cy="13493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butter</w:t>
                              </w:r>
                              <w:proofErr w:type="spellEnd"/>
                            </w:p>
                          </w:txbxContent>
                        </wps:txbx>
                        <wps:bodyPr horzOverflow="overflow" vert="horz" lIns="0" tIns="0" rIns="0" bIns="0" rtlCol="0">
                          <a:noAutofit/>
                        </wps:bodyPr>
                      </wps:wsp>
                      <wps:wsp>
                        <wps:cNvPr id="1477" name="Rectangle 1477"/>
                        <wps:cNvSpPr/>
                        <wps:spPr>
                          <a:xfrm>
                            <a:off x="2806444" y="621465"/>
                            <a:ext cx="40324"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478" name="Shape 1478"/>
                        <wps:cNvSpPr/>
                        <wps:spPr>
                          <a:xfrm>
                            <a:off x="1828034" y="365327"/>
                            <a:ext cx="0" cy="235363"/>
                          </a:xfrm>
                          <a:custGeom>
                            <a:avLst/>
                            <a:gdLst/>
                            <a:ahLst/>
                            <a:cxnLst/>
                            <a:rect l="0" t="0" r="0" b="0"/>
                            <a:pathLst>
                              <a:path h="235363">
                                <a:moveTo>
                                  <a:pt x="0" y="0"/>
                                </a:moveTo>
                                <a:lnTo>
                                  <a:pt x="0" y="235363"/>
                                </a:lnTo>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479" name="Shape 1479"/>
                        <wps:cNvSpPr/>
                        <wps:spPr>
                          <a:xfrm>
                            <a:off x="1828034" y="752341"/>
                            <a:ext cx="0" cy="147329"/>
                          </a:xfrm>
                          <a:custGeom>
                            <a:avLst/>
                            <a:gdLst/>
                            <a:ahLst/>
                            <a:cxnLst/>
                            <a:rect l="0" t="0" r="0" b="0"/>
                            <a:pathLst>
                              <a:path h="147329">
                                <a:moveTo>
                                  <a:pt x="0" y="0"/>
                                </a:moveTo>
                                <a:lnTo>
                                  <a:pt x="0" y="147329"/>
                                </a:lnTo>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480" name="Shape 1480"/>
                        <wps:cNvSpPr/>
                        <wps:spPr>
                          <a:xfrm>
                            <a:off x="1803452" y="893529"/>
                            <a:ext cx="49163" cy="73702"/>
                          </a:xfrm>
                          <a:custGeom>
                            <a:avLst/>
                            <a:gdLst/>
                            <a:ahLst/>
                            <a:cxnLst/>
                            <a:rect l="0" t="0" r="0" b="0"/>
                            <a:pathLst>
                              <a:path w="49163" h="73702">
                                <a:moveTo>
                                  <a:pt x="0" y="0"/>
                                </a:moveTo>
                                <a:lnTo>
                                  <a:pt x="49163" y="0"/>
                                </a:lnTo>
                                <a:lnTo>
                                  <a:pt x="24582" y="73702"/>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9367" name="Shape 69367"/>
                        <wps:cNvSpPr/>
                        <wps:spPr>
                          <a:xfrm>
                            <a:off x="1182841" y="967262"/>
                            <a:ext cx="2150592" cy="214935"/>
                          </a:xfrm>
                          <a:custGeom>
                            <a:avLst/>
                            <a:gdLst/>
                            <a:ahLst/>
                            <a:cxnLst/>
                            <a:rect l="0" t="0" r="0" b="0"/>
                            <a:pathLst>
                              <a:path w="2150592" h="214935">
                                <a:moveTo>
                                  <a:pt x="0" y="0"/>
                                </a:moveTo>
                                <a:lnTo>
                                  <a:pt x="2150592" y="0"/>
                                </a:lnTo>
                                <a:lnTo>
                                  <a:pt x="2150592" y="214935"/>
                                </a:lnTo>
                                <a:lnTo>
                                  <a:pt x="0" y="214935"/>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1482" name="Shape 1482"/>
                        <wps:cNvSpPr/>
                        <wps:spPr>
                          <a:xfrm>
                            <a:off x="1182841" y="967262"/>
                            <a:ext cx="2150592" cy="214935"/>
                          </a:xfrm>
                          <a:custGeom>
                            <a:avLst/>
                            <a:gdLst/>
                            <a:ahLst/>
                            <a:cxnLst/>
                            <a:rect l="0" t="0" r="0" b="0"/>
                            <a:pathLst>
                              <a:path w="2150592" h="214935">
                                <a:moveTo>
                                  <a:pt x="0" y="214935"/>
                                </a:moveTo>
                                <a:lnTo>
                                  <a:pt x="2150592" y="214935"/>
                                </a:lnTo>
                                <a:lnTo>
                                  <a:pt x="2150592" y="0"/>
                                </a:lnTo>
                                <a:lnTo>
                                  <a:pt x="0" y="0"/>
                                </a:lnTo>
                                <a:close/>
                              </a:path>
                            </a:pathLst>
                          </a:custGeom>
                          <a:ln w="1820" cap="rnd">
                            <a:round/>
                          </a:ln>
                        </wps:spPr>
                        <wps:style>
                          <a:lnRef idx="1">
                            <a:srgbClr val="000000"/>
                          </a:lnRef>
                          <a:fillRef idx="0">
                            <a:srgbClr val="000000">
                              <a:alpha val="0"/>
                            </a:srgbClr>
                          </a:fillRef>
                          <a:effectRef idx="0">
                            <a:scrgbClr r="0" g="0" b="0"/>
                          </a:effectRef>
                          <a:fontRef idx="none"/>
                        </wps:style>
                        <wps:bodyPr/>
                      </wps:wsp>
                      <wps:wsp>
                        <wps:cNvPr id="1483" name="Rectangle 1483"/>
                        <wps:cNvSpPr/>
                        <wps:spPr>
                          <a:xfrm>
                            <a:off x="1825302" y="1035803"/>
                            <a:ext cx="1151386"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истемные сервисы</w:t>
                              </w:r>
                            </w:p>
                          </w:txbxContent>
                        </wps:txbx>
                        <wps:bodyPr horzOverflow="overflow" vert="horz" lIns="0" tIns="0" rIns="0" bIns="0" rtlCol="0">
                          <a:noAutofit/>
                        </wps:bodyPr>
                      </wps:wsp>
                      <wps:wsp>
                        <wps:cNvPr id="69368" name="Shape 69368"/>
                        <wps:cNvSpPr/>
                        <wps:spPr>
                          <a:xfrm>
                            <a:off x="2688316" y="1182121"/>
                            <a:ext cx="645185" cy="1504607"/>
                          </a:xfrm>
                          <a:custGeom>
                            <a:avLst/>
                            <a:gdLst/>
                            <a:ahLst/>
                            <a:cxnLst/>
                            <a:rect l="0" t="0" r="0" b="0"/>
                            <a:pathLst>
                              <a:path w="645185" h="1504607">
                                <a:moveTo>
                                  <a:pt x="0" y="0"/>
                                </a:moveTo>
                                <a:lnTo>
                                  <a:pt x="645185" y="0"/>
                                </a:lnTo>
                                <a:lnTo>
                                  <a:pt x="645185" y="1504607"/>
                                </a:lnTo>
                                <a:lnTo>
                                  <a:pt x="0" y="1504607"/>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1485" name="Shape 1485"/>
                        <wps:cNvSpPr/>
                        <wps:spPr>
                          <a:xfrm>
                            <a:off x="2688316" y="1182121"/>
                            <a:ext cx="645185" cy="1504607"/>
                          </a:xfrm>
                          <a:custGeom>
                            <a:avLst/>
                            <a:gdLst/>
                            <a:ahLst/>
                            <a:cxnLst/>
                            <a:rect l="0" t="0" r="0" b="0"/>
                            <a:pathLst>
                              <a:path w="645185" h="1504607">
                                <a:moveTo>
                                  <a:pt x="0" y="1504607"/>
                                </a:moveTo>
                                <a:lnTo>
                                  <a:pt x="645185" y="1504607"/>
                                </a:lnTo>
                                <a:lnTo>
                                  <a:pt x="645185" y="0"/>
                                </a:lnTo>
                                <a:lnTo>
                                  <a:pt x="0" y="0"/>
                                </a:lnTo>
                                <a:close/>
                              </a:path>
                            </a:pathLst>
                          </a:custGeom>
                          <a:ln w="1820" cap="rnd">
                            <a:round/>
                          </a:ln>
                        </wps:spPr>
                        <wps:style>
                          <a:lnRef idx="1">
                            <a:srgbClr val="000000"/>
                          </a:lnRef>
                          <a:fillRef idx="0">
                            <a:srgbClr val="000000">
                              <a:alpha val="0"/>
                            </a:srgbClr>
                          </a:fillRef>
                          <a:effectRef idx="0">
                            <a:scrgbClr r="0" g="0" b="0"/>
                          </a:effectRef>
                          <a:fontRef idx="none"/>
                        </wps:style>
                        <wps:bodyPr/>
                      </wps:wsp>
                      <wps:wsp>
                        <wps:cNvPr id="1486" name="Rectangle 1486"/>
                        <wps:cNvSpPr/>
                        <wps:spPr>
                          <a:xfrm>
                            <a:off x="2786718" y="1622542"/>
                            <a:ext cx="596327"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w:t>
                              </w:r>
                            </w:p>
                          </w:txbxContent>
                        </wps:txbx>
                        <wps:bodyPr horzOverflow="overflow" vert="horz" lIns="0" tIns="0" rIns="0" bIns="0" rtlCol="0">
                          <a:noAutofit/>
                        </wps:bodyPr>
                      </wps:wsp>
                      <wps:wsp>
                        <wps:cNvPr id="1487" name="Rectangle 1487"/>
                        <wps:cNvSpPr/>
                        <wps:spPr>
                          <a:xfrm>
                            <a:off x="2711911" y="1731730"/>
                            <a:ext cx="333983"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1488" name="Rectangle 1488"/>
                        <wps:cNvSpPr/>
                        <wps:spPr>
                          <a:xfrm>
                            <a:off x="2963039" y="1715628"/>
                            <a:ext cx="40324"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489" name="Rectangle 1489"/>
                        <wps:cNvSpPr/>
                        <wps:spPr>
                          <a:xfrm>
                            <a:off x="2993310" y="1731730"/>
                            <a:ext cx="421013"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1490" name="Rectangle 1490"/>
                        <wps:cNvSpPr/>
                        <wps:spPr>
                          <a:xfrm>
                            <a:off x="1397020" y="1238258"/>
                            <a:ext cx="1180108" cy="113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Записать данные по </w:t>
                              </w:r>
                            </w:p>
                          </w:txbxContent>
                        </wps:txbx>
                        <wps:bodyPr horzOverflow="overflow" vert="horz" lIns="0" tIns="0" rIns="0" bIns="0" rtlCol="0">
                          <a:noAutofit/>
                        </wps:bodyPr>
                      </wps:wsp>
                      <wps:wsp>
                        <wps:cNvPr id="1491" name="Rectangle 1491"/>
                        <wps:cNvSpPr/>
                        <wps:spPr>
                          <a:xfrm>
                            <a:off x="1344973" y="1347447"/>
                            <a:ext cx="1318528"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указанному байтовому </w:t>
                              </w:r>
                            </w:p>
                          </w:txbxContent>
                        </wps:txbx>
                        <wps:bodyPr horzOverflow="overflow" vert="horz" lIns="0" tIns="0" rIns="0" bIns="0" rtlCol="0">
                          <a:noAutofit/>
                        </wps:bodyPr>
                      </wps:wsp>
                      <wps:wsp>
                        <wps:cNvPr id="1492" name="Rectangle 1492"/>
                        <wps:cNvSpPr/>
                        <wps:spPr>
                          <a:xfrm>
                            <a:off x="1411587" y="1456636"/>
                            <a:ext cx="1141331" cy="113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мещению в файле </w:t>
                              </w:r>
                            </w:p>
                          </w:txbxContent>
                        </wps:txbx>
                        <wps:bodyPr horzOverflow="overflow" vert="horz" lIns="0" tIns="0" rIns="0" bIns="0" rtlCol="0">
                          <a:noAutofit/>
                        </wps:bodyPr>
                      </wps:wsp>
                      <wps:wsp>
                        <wps:cNvPr id="1493" name="Shape 1493"/>
                        <wps:cNvSpPr/>
                        <wps:spPr>
                          <a:xfrm>
                            <a:off x="1182841" y="1246648"/>
                            <a:ext cx="150525" cy="150514"/>
                          </a:xfrm>
                          <a:custGeom>
                            <a:avLst/>
                            <a:gdLst/>
                            <a:ahLst/>
                            <a:cxnLst/>
                            <a:rect l="0" t="0" r="0" b="0"/>
                            <a:pathLst>
                              <a:path w="150525" h="150514">
                                <a:moveTo>
                                  <a:pt x="75262" y="0"/>
                                </a:moveTo>
                                <a:cubicBezTo>
                                  <a:pt x="116839" y="0"/>
                                  <a:pt x="150525" y="33667"/>
                                  <a:pt x="150525" y="75219"/>
                                </a:cubicBezTo>
                                <a:cubicBezTo>
                                  <a:pt x="150525" y="116771"/>
                                  <a:pt x="116839" y="150514"/>
                                  <a:pt x="75262" y="150514"/>
                                </a:cubicBezTo>
                                <a:cubicBezTo>
                                  <a:pt x="33686" y="150514"/>
                                  <a:pt x="0" y="116771"/>
                                  <a:pt x="0" y="75219"/>
                                </a:cubicBezTo>
                                <a:cubicBezTo>
                                  <a:pt x="0" y="33667"/>
                                  <a:pt x="33686" y="0"/>
                                  <a:pt x="75262"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1494" name="Shape 1494"/>
                        <wps:cNvSpPr/>
                        <wps:spPr>
                          <a:xfrm>
                            <a:off x="1182841" y="1246648"/>
                            <a:ext cx="150525" cy="150514"/>
                          </a:xfrm>
                          <a:custGeom>
                            <a:avLst/>
                            <a:gdLst/>
                            <a:ahLst/>
                            <a:cxnLst/>
                            <a:rect l="0" t="0" r="0" b="0"/>
                            <a:pathLst>
                              <a:path w="150525" h="150514">
                                <a:moveTo>
                                  <a:pt x="150525" y="75219"/>
                                </a:moveTo>
                                <a:cubicBezTo>
                                  <a:pt x="150525" y="33667"/>
                                  <a:pt x="116839" y="0"/>
                                  <a:pt x="75262" y="0"/>
                                </a:cubicBezTo>
                                <a:cubicBezTo>
                                  <a:pt x="33686" y="0"/>
                                  <a:pt x="0" y="33667"/>
                                  <a:pt x="0" y="75219"/>
                                </a:cubicBezTo>
                                <a:cubicBezTo>
                                  <a:pt x="0" y="116771"/>
                                  <a:pt x="33686" y="150514"/>
                                  <a:pt x="75262" y="150514"/>
                                </a:cubicBezTo>
                                <a:cubicBezTo>
                                  <a:pt x="116839" y="150514"/>
                                  <a:pt x="150525" y="116771"/>
                                  <a:pt x="150525" y="75219"/>
                                </a:cubicBezTo>
                                <a:close/>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495" name="Rectangle 1495"/>
                        <wps:cNvSpPr/>
                        <wps:spPr>
                          <a:xfrm>
                            <a:off x="1232763" y="1266817"/>
                            <a:ext cx="67344"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69369" name="Shape 69369"/>
                        <wps:cNvSpPr/>
                        <wps:spPr>
                          <a:xfrm>
                            <a:off x="41077" y="1719527"/>
                            <a:ext cx="926668" cy="214935"/>
                          </a:xfrm>
                          <a:custGeom>
                            <a:avLst/>
                            <a:gdLst/>
                            <a:ahLst/>
                            <a:cxnLst/>
                            <a:rect l="0" t="0" r="0" b="0"/>
                            <a:pathLst>
                              <a:path w="926668" h="214935">
                                <a:moveTo>
                                  <a:pt x="0" y="0"/>
                                </a:moveTo>
                                <a:lnTo>
                                  <a:pt x="926668" y="0"/>
                                </a:lnTo>
                                <a:lnTo>
                                  <a:pt x="926668" y="214935"/>
                                </a:lnTo>
                                <a:lnTo>
                                  <a:pt x="0" y="214935"/>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1497" name="Shape 1497"/>
                        <wps:cNvSpPr/>
                        <wps:spPr>
                          <a:xfrm>
                            <a:off x="41077" y="1719527"/>
                            <a:ext cx="926668" cy="214935"/>
                          </a:xfrm>
                          <a:custGeom>
                            <a:avLst/>
                            <a:gdLst/>
                            <a:ahLst/>
                            <a:cxnLst/>
                            <a:rect l="0" t="0" r="0" b="0"/>
                            <a:pathLst>
                              <a:path w="926668" h="214935">
                                <a:moveTo>
                                  <a:pt x="0" y="214935"/>
                                </a:moveTo>
                                <a:lnTo>
                                  <a:pt x="926668" y="214935"/>
                                </a:lnTo>
                                <a:lnTo>
                                  <a:pt x="926668" y="0"/>
                                </a:lnTo>
                                <a:lnTo>
                                  <a:pt x="0" y="0"/>
                                </a:lnTo>
                                <a:close/>
                              </a:path>
                            </a:pathLst>
                          </a:custGeom>
                          <a:ln w="1820" cap="rnd">
                            <a:round/>
                          </a:ln>
                        </wps:spPr>
                        <wps:style>
                          <a:lnRef idx="1">
                            <a:srgbClr val="000000"/>
                          </a:lnRef>
                          <a:fillRef idx="0">
                            <a:srgbClr val="000000">
                              <a:alpha val="0"/>
                            </a:srgbClr>
                          </a:fillRef>
                          <a:effectRef idx="0">
                            <a:scrgbClr r="0" g="0" b="0"/>
                          </a:effectRef>
                          <a:fontRef idx="none"/>
                        </wps:style>
                        <wps:bodyPr/>
                      </wps:wsp>
                      <wps:wsp>
                        <wps:cNvPr id="1498" name="Rectangle 1498"/>
                        <wps:cNvSpPr/>
                        <wps:spPr>
                          <a:xfrm>
                            <a:off x="82417" y="1733475"/>
                            <a:ext cx="1122587"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райвер файловой </w:t>
                              </w:r>
                            </w:p>
                          </w:txbxContent>
                        </wps:txbx>
                        <wps:bodyPr horzOverflow="overflow" vert="horz" lIns="0" tIns="0" rIns="0" bIns="0" rtlCol="0">
                          <a:noAutofit/>
                        </wps:bodyPr>
                      </wps:wsp>
                      <wps:wsp>
                        <wps:cNvPr id="1499" name="Rectangle 1499"/>
                        <wps:cNvSpPr/>
                        <wps:spPr>
                          <a:xfrm>
                            <a:off x="323302" y="1842664"/>
                            <a:ext cx="481852"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истемы</w:t>
                              </w:r>
                            </w:p>
                          </w:txbxContent>
                        </wps:txbx>
                        <wps:bodyPr horzOverflow="overflow" vert="horz" lIns="0" tIns="0" rIns="0" bIns="0" rtlCol="0">
                          <a:noAutofit/>
                        </wps:bodyPr>
                      </wps:wsp>
                      <wps:wsp>
                        <wps:cNvPr id="1500" name="Shape 1500"/>
                        <wps:cNvSpPr/>
                        <wps:spPr>
                          <a:xfrm>
                            <a:off x="997568" y="1599162"/>
                            <a:ext cx="1691430" cy="167195"/>
                          </a:xfrm>
                          <a:custGeom>
                            <a:avLst/>
                            <a:gdLst/>
                            <a:ahLst/>
                            <a:cxnLst/>
                            <a:rect l="0" t="0" r="0" b="0"/>
                            <a:pathLst>
                              <a:path w="1691430" h="167195">
                                <a:moveTo>
                                  <a:pt x="1690748" y="120335"/>
                                </a:moveTo>
                                <a:cubicBezTo>
                                  <a:pt x="1691430" y="67560"/>
                                  <a:pt x="1306318" y="19411"/>
                                  <a:pt x="830466" y="12890"/>
                                </a:cubicBezTo>
                                <a:cubicBezTo>
                                  <a:pt x="830466" y="12890"/>
                                  <a:pt x="830466" y="12890"/>
                                  <a:pt x="830466" y="12890"/>
                                </a:cubicBezTo>
                                <a:cubicBezTo>
                                  <a:pt x="442925" y="0"/>
                                  <a:pt x="101665" y="63390"/>
                                  <a:pt x="0" y="167195"/>
                                </a:cubicBezTo>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501" name="Shape 1501"/>
                        <wps:cNvSpPr/>
                        <wps:spPr>
                          <a:xfrm>
                            <a:off x="967751" y="1749979"/>
                            <a:ext cx="54626" cy="77039"/>
                          </a:xfrm>
                          <a:custGeom>
                            <a:avLst/>
                            <a:gdLst/>
                            <a:ahLst/>
                            <a:cxnLst/>
                            <a:rect l="0" t="0" r="0" b="0"/>
                            <a:pathLst>
                              <a:path w="54626" h="77039">
                                <a:moveTo>
                                  <a:pt x="10470" y="0"/>
                                </a:moveTo>
                                <a:lnTo>
                                  <a:pt x="54626" y="21685"/>
                                </a:lnTo>
                                <a:lnTo>
                                  <a:pt x="0" y="77039"/>
                                </a:lnTo>
                                <a:lnTo>
                                  <a:pt x="1047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502" name="Shape 1502"/>
                        <wps:cNvSpPr/>
                        <wps:spPr>
                          <a:xfrm>
                            <a:off x="967751" y="1827018"/>
                            <a:ext cx="1664725" cy="107445"/>
                          </a:xfrm>
                          <a:custGeom>
                            <a:avLst/>
                            <a:gdLst/>
                            <a:ahLst/>
                            <a:cxnLst/>
                            <a:rect l="0" t="0" r="0" b="0"/>
                            <a:pathLst>
                              <a:path w="1664725" h="107445">
                                <a:moveTo>
                                  <a:pt x="0" y="0"/>
                                </a:moveTo>
                                <a:cubicBezTo>
                                  <a:pt x="0" y="59371"/>
                                  <a:pt x="385189" y="107445"/>
                                  <a:pt x="860282" y="107445"/>
                                </a:cubicBezTo>
                                <a:cubicBezTo>
                                  <a:pt x="1217778" y="107445"/>
                                  <a:pt x="1538023" y="79844"/>
                                  <a:pt x="1664725" y="38064"/>
                                </a:cubicBezTo>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503" name="Shape 1503"/>
                        <wps:cNvSpPr/>
                        <wps:spPr>
                          <a:xfrm>
                            <a:off x="2613509" y="1827018"/>
                            <a:ext cx="74807" cy="61798"/>
                          </a:xfrm>
                          <a:custGeom>
                            <a:avLst/>
                            <a:gdLst/>
                            <a:ahLst/>
                            <a:cxnLst/>
                            <a:rect l="0" t="0" r="0" b="0"/>
                            <a:pathLst>
                              <a:path w="74807" h="61798">
                                <a:moveTo>
                                  <a:pt x="74807" y="0"/>
                                </a:moveTo>
                                <a:lnTo>
                                  <a:pt x="27692" y="61798"/>
                                </a:lnTo>
                                <a:lnTo>
                                  <a:pt x="0" y="21231"/>
                                </a:lnTo>
                                <a:lnTo>
                                  <a:pt x="7480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504" name="Shape 1504"/>
                        <wps:cNvSpPr/>
                        <wps:spPr>
                          <a:xfrm>
                            <a:off x="2688316" y="1827018"/>
                            <a:ext cx="258032" cy="752266"/>
                          </a:xfrm>
                          <a:custGeom>
                            <a:avLst/>
                            <a:gdLst/>
                            <a:ahLst/>
                            <a:cxnLst/>
                            <a:rect l="0" t="0" r="0" b="0"/>
                            <a:pathLst>
                              <a:path w="258032" h="752266">
                                <a:moveTo>
                                  <a:pt x="0" y="0"/>
                                </a:moveTo>
                                <a:cubicBezTo>
                                  <a:pt x="142482" y="0"/>
                                  <a:pt x="258032" y="173186"/>
                                  <a:pt x="258032" y="386862"/>
                                </a:cubicBezTo>
                                <a:cubicBezTo>
                                  <a:pt x="258032" y="588710"/>
                                  <a:pt x="142482" y="752266"/>
                                  <a:pt x="0" y="752266"/>
                                </a:cubicBezTo>
                                <a:cubicBezTo>
                                  <a:pt x="0" y="752266"/>
                                  <a:pt x="0" y="752266"/>
                                  <a:pt x="0" y="752266"/>
                                </a:cubicBezTo>
                              </a:path>
                            </a:pathLst>
                          </a:custGeom>
                          <a:ln w="5459" cap="rnd">
                            <a:custDash>
                              <a:ds d="300914" sp="214939"/>
                            </a:custDash>
                            <a:round/>
                          </a:ln>
                        </wps:spPr>
                        <wps:style>
                          <a:lnRef idx="1">
                            <a:srgbClr val="000000"/>
                          </a:lnRef>
                          <a:fillRef idx="0">
                            <a:srgbClr val="000000">
                              <a:alpha val="0"/>
                            </a:srgbClr>
                          </a:fillRef>
                          <a:effectRef idx="0">
                            <a:scrgbClr r="0" g="0" b="0"/>
                          </a:effectRef>
                          <a:fontRef idx="none"/>
                        </wps:style>
                        <wps:bodyPr/>
                      </wps:wsp>
                      <wps:wsp>
                        <wps:cNvPr id="1505" name="Rectangle 1505"/>
                        <wps:cNvSpPr/>
                        <wps:spPr>
                          <a:xfrm>
                            <a:off x="1362955" y="2710564"/>
                            <a:ext cx="1671269" cy="113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звать драйвер для записи </w:t>
                              </w:r>
                            </w:p>
                          </w:txbxContent>
                        </wps:txbx>
                        <wps:bodyPr horzOverflow="overflow" vert="horz" lIns="0" tIns="0" rIns="0" bIns="0" rtlCol="0">
                          <a:noAutofit/>
                        </wps:bodyPr>
                      </wps:wsp>
                      <wps:wsp>
                        <wps:cNvPr id="1506" name="Rectangle 1506"/>
                        <wps:cNvSpPr/>
                        <wps:spPr>
                          <a:xfrm>
                            <a:off x="1519094" y="2819752"/>
                            <a:ext cx="1255791"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анных по байтовому </w:t>
                              </w:r>
                            </w:p>
                          </w:txbxContent>
                        </wps:txbx>
                        <wps:bodyPr horzOverflow="overflow" vert="horz" lIns="0" tIns="0" rIns="0" bIns="0" rtlCol="0">
                          <a:noAutofit/>
                        </wps:bodyPr>
                      </wps:wsp>
                      <wps:wsp>
                        <wps:cNvPr id="1507" name="Rectangle 1507"/>
                        <wps:cNvSpPr/>
                        <wps:spPr>
                          <a:xfrm>
                            <a:off x="1573188" y="2928941"/>
                            <a:ext cx="1112004"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мещению на томе </w:t>
                              </w:r>
                            </w:p>
                          </w:txbxContent>
                        </wps:txbx>
                        <wps:bodyPr horzOverflow="overflow" vert="horz" lIns="0" tIns="0" rIns="0" bIns="0" rtlCol="0">
                          <a:noAutofit/>
                        </wps:bodyPr>
                      </wps:wsp>
                      <wps:wsp>
                        <wps:cNvPr id="1508" name="Shape 1508"/>
                        <wps:cNvSpPr/>
                        <wps:spPr>
                          <a:xfrm>
                            <a:off x="1182841" y="1966688"/>
                            <a:ext cx="150525" cy="150514"/>
                          </a:xfrm>
                          <a:custGeom>
                            <a:avLst/>
                            <a:gdLst/>
                            <a:ahLst/>
                            <a:cxnLst/>
                            <a:rect l="0" t="0" r="0" b="0"/>
                            <a:pathLst>
                              <a:path w="150525" h="150514">
                                <a:moveTo>
                                  <a:pt x="75262" y="0"/>
                                </a:moveTo>
                                <a:cubicBezTo>
                                  <a:pt x="116839" y="0"/>
                                  <a:pt x="150525" y="33742"/>
                                  <a:pt x="150525" y="75219"/>
                                </a:cubicBezTo>
                                <a:cubicBezTo>
                                  <a:pt x="150525" y="116771"/>
                                  <a:pt x="116839" y="150514"/>
                                  <a:pt x="75262" y="150514"/>
                                </a:cubicBezTo>
                                <a:cubicBezTo>
                                  <a:pt x="33686" y="150514"/>
                                  <a:pt x="0" y="116771"/>
                                  <a:pt x="0" y="75219"/>
                                </a:cubicBezTo>
                                <a:cubicBezTo>
                                  <a:pt x="0" y="33742"/>
                                  <a:pt x="33686" y="0"/>
                                  <a:pt x="75262"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1509" name="Shape 1509"/>
                        <wps:cNvSpPr/>
                        <wps:spPr>
                          <a:xfrm>
                            <a:off x="1182841" y="1966688"/>
                            <a:ext cx="150525" cy="150514"/>
                          </a:xfrm>
                          <a:custGeom>
                            <a:avLst/>
                            <a:gdLst/>
                            <a:ahLst/>
                            <a:cxnLst/>
                            <a:rect l="0" t="0" r="0" b="0"/>
                            <a:pathLst>
                              <a:path w="150525" h="150514">
                                <a:moveTo>
                                  <a:pt x="150525" y="75219"/>
                                </a:moveTo>
                                <a:cubicBezTo>
                                  <a:pt x="150525" y="33742"/>
                                  <a:pt x="116839" y="0"/>
                                  <a:pt x="75262" y="0"/>
                                </a:cubicBezTo>
                                <a:cubicBezTo>
                                  <a:pt x="33686" y="0"/>
                                  <a:pt x="0" y="33742"/>
                                  <a:pt x="0" y="75219"/>
                                </a:cubicBezTo>
                                <a:cubicBezTo>
                                  <a:pt x="0" y="116771"/>
                                  <a:pt x="33686" y="150514"/>
                                  <a:pt x="75262" y="150514"/>
                                </a:cubicBezTo>
                                <a:cubicBezTo>
                                  <a:pt x="116839" y="150514"/>
                                  <a:pt x="150525" y="116771"/>
                                  <a:pt x="150525" y="75219"/>
                                </a:cubicBezTo>
                                <a:close/>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510" name="Rectangle 1510"/>
                        <wps:cNvSpPr/>
                        <wps:spPr>
                          <a:xfrm>
                            <a:off x="1232763" y="1986856"/>
                            <a:ext cx="67344" cy="13493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w:t>
                              </w:r>
                            </w:p>
                          </w:txbxContent>
                        </wps:txbx>
                        <wps:bodyPr horzOverflow="overflow" vert="horz" lIns="0" tIns="0" rIns="0" bIns="0" rtlCol="0">
                          <a:noAutofit/>
                        </wps:bodyPr>
                      </wps:wsp>
                      <wps:wsp>
                        <wps:cNvPr id="69370" name="Shape 69370"/>
                        <wps:cNvSpPr/>
                        <wps:spPr>
                          <a:xfrm>
                            <a:off x="41077" y="2579314"/>
                            <a:ext cx="926668" cy="214935"/>
                          </a:xfrm>
                          <a:custGeom>
                            <a:avLst/>
                            <a:gdLst/>
                            <a:ahLst/>
                            <a:cxnLst/>
                            <a:rect l="0" t="0" r="0" b="0"/>
                            <a:pathLst>
                              <a:path w="926668" h="214935">
                                <a:moveTo>
                                  <a:pt x="0" y="0"/>
                                </a:moveTo>
                                <a:lnTo>
                                  <a:pt x="926668" y="0"/>
                                </a:lnTo>
                                <a:lnTo>
                                  <a:pt x="926668" y="214935"/>
                                </a:lnTo>
                                <a:lnTo>
                                  <a:pt x="0" y="214935"/>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1512" name="Shape 1512"/>
                        <wps:cNvSpPr/>
                        <wps:spPr>
                          <a:xfrm>
                            <a:off x="41077" y="2579314"/>
                            <a:ext cx="926668" cy="214935"/>
                          </a:xfrm>
                          <a:custGeom>
                            <a:avLst/>
                            <a:gdLst/>
                            <a:ahLst/>
                            <a:cxnLst/>
                            <a:rect l="0" t="0" r="0" b="0"/>
                            <a:pathLst>
                              <a:path w="926668" h="214935">
                                <a:moveTo>
                                  <a:pt x="0" y="214935"/>
                                </a:moveTo>
                                <a:lnTo>
                                  <a:pt x="926668" y="214935"/>
                                </a:lnTo>
                                <a:lnTo>
                                  <a:pt x="926668" y="0"/>
                                </a:lnTo>
                                <a:lnTo>
                                  <a:pt x="0" y="0"/>
                                </a:lnTo>
                                <a:close/>
                              </a:path>
                            </a:pathLst>
                          </a:custGeom>
                          <a:ln w="1820" cap="rnd">
                            <a:round/>
                          </a:ln>
                        </wps:spPr>
                        <wps:style>
                          <a:lnRef idx="1">
                            <a:srgbClr val="000000"/>
                          </a:lnRef>
                          <a:fillRef idx="0">
                            <a:srgbClr val="000000">
                              <a:alpha val="0"/>
                            </a:srgbClr>
                          </a:fillRef>
                          <a:effectRef idx="0">
                            <a:scrgbClr r="0" g="0" b="0"/>
                          </a:effectRef>
                          <a:fontRef idx="none"/>
                        </wps:style>
                        <wps:bodyPr/>
                      </wps:wsp>
                      <wps:wsp>
                        <wps:cNvPr id="1513" name="Rectangle 1513"/>
                        <wps:cNvSpPr/>
                        <wps:spPr>
                          <a:xfrm>
                            <a:off x="190083" y="2647780"/>
                            <a:ext cx="836143"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 диска</w:t>
                              </w:r>
                            </w:p>
                          </w:txbxContent>
                        </wps:txbx>
                        <wps:bodyPr horzOverflow="overflow" vert="horz" lIns="0" tIns="0" rIns="0" bIns="0" rtlCol="0">
                          <a:noAutofit/>
                        </wps:bodyPr>
                      </wps:wsp>
                      <wps:wsp>
                        <wps:cNvPr id="1514" name="Shape 1514"/>
                        <wps:cNvSpPr/>
                        <wps:spPr>
                          <a:xfrm>
                            <a:off x="1029129" y="2579283"/>
                            <a:ext cx="1659186" cy="79010"/>
                          </a:xfrm>
                          <a:custGeom>
                            <a:avLst/>
                            <a:gdLst/>
                            <a:ahLst/>
                            <a:cxnLst/>
                            <a:rect l="0" t="0" r="0" b="0"/>
                            <a:pathLst>
                              <a:path w="1659186" h="79010">
                                <a:moveTo>
                                  <a:pt x="1659186" y="0"/>
                                </a:moveTo>
                                <a:cubicBezTo>
                                  <a:pt x="884257" y="0"/>
                                  <a:pt x="204999" y="32377"/>
                                  <a:pt x="0" y="79010"/>
                                </a:cubicBezTo>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515" name="Shape 1515"/>
                        <wps:cNvSpPr/>
                        <wps:spPr>
                          <a:xfrm>
                            <a:off x="967751" y="2633423"/>
                            <a:ext cx="77235" cy="53305"/>
                          </a:xfrm>
                          <a:custGeom>
                            <a:avLst/>
                            <a:gdLst/>
                            <a:ahLst/>
                            <a:cxnLst/>
                            <a:rect l="0" t="0" r="0" b="0"/>
                            <a:pathLst>
                              <a:path w="77235" h="53305">
                                <a:moveTo>
                                  <a:pt x="56598" y="0"/>
                                </a:moveTo>
                                <a:lnTo>
                                  <a:pt x="77235" y="44586"/>
                                </a:lnTo>
                                <a:lnTo>
                                  <a:pt x="0" y="53305"/>
                                </a:lnTo>
                                <a:lnTo>
                                  <a:pt x="56598"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516" name="Rectangle 1516"/>
                        <wps:cNvSpPr/>
                        <wps:spPr>
                          <a:xfrm>
                            <a:off x="1366065" y="1978089"/>
                            <a:ext cx="1662996" cy="113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Транслировать смещение от </w:t>
                              </w:r>
                            </w:p>
                          </w:txbxContent>
                        </wps:txbx>
                        <wps:bodyPr horzOverflow="overflow" vert="horz" lIns="0" tIns="0" rIns="0" bIns="0" rtlCol="0">
                          <a:noAutofit/>
                        </wps:bodyPr>
                      </wps:wsp>
                      <wps:wsp>
                        <wps:cNvPr id="1517" name="Rectangle 1517"/>
                        <wps:cNvSpPr/>
                        <wps:spPr>
                          <a:xfrm>
                            <a:off x="1343835" y="2087277"/>
                            <a:ext cx="1722003"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начала файла в смещение на </w:t>
                              </w:r>
                            </w:p>
                          </w:txbxContent>
                        </wps:txbx>
                        <wps:bodyPr horzOverflow="overflow" vert="horz" lIns="0" tIns="0" rIns="0" bIns="0" rtlCol="0">
                          <a:noAutofit/>
                        </wps:bodyPr>
                      </wps:wsp>
                      <wps:wsp>
                        <wps:cNvPr id="1518" name="Rectangle 1518"/>
                        <wps:cNvSpPr/>
                        <wps:spPr>
                          <a:xfrm>
                            <a:off x="1394137" y="2196466"/>
                            <a:ext cx="1588202" cy="113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томе и вызвать следующий </w:t>
                              </w:r>
                            </w:p>
                          </w:txbxContent>
                        </wps:txbx>
                        <wps:bodyPr horzOverflow="overflow" vert="horz" lIns="0" tIns="0" rIns="0" bIns="0" rtlCol="0">
                          <a:noAutofit/>
                        </wps:bodyPr>
                      </wps:wsp>
                      <wps:wsp>
                        <wps:cNvPr id="1519" name="Rectangle 1519"/>
                        <wps:cNvSpPr/>
                        <wps:spPr>
                          <a:xfrm>
                            <a:off x="1420236" y="2305654"/>
                            <a:ext cx="505663"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райвер </w:t>
                              </w:r>
                            </w:p>
                          </w:txbxContent>
                        </wps:txbx>
                        <wps:bodyPr horzOverflow="overflow" vert="horz" lIns="0" tIns="0" rIns="0" bIns="0" rtlCol="0">
                          <a:noAutofit/>
                        </wps:bodyPr>
                      </wps:wsp>
                      <wps:wsp>
                        <wps:cNvPr id="1520" name="Rectangle 1520"/>
                        <wps:cNvSpPr/>
                        <wps:spPr>
                          <a:xfrm>
                            <a:off x="1800417" y="2289552"/>
                            <a:ext cx="40324" cy="1349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521" name="Rectangle 1521"/>
                        <wps:cNvSpPr/>
                        <wps:spPr>
                          <a:xfrm>
                            <a:off x="1830689" y="2305654"/>
                            <a:ext cx="972933" cy="113752"/>
                          </a:xfrm>
                          <a:prstGeom prst="rect">
                            <a:avLst/>
                          </a:prstGeom>
                          <a:ln>
                            <a:noFill/>
                          </a:ln>
                        </wps:spPr>
                        <wps:txbx>
                          <w:txbxContent>
                            <w:p w:rsidR="0043064D" w:rsidRDefault="008B3C4B">
                              <w:pPr>
                                <w:spacing w:after="160" w:line="259" w:lineRule="auto"/>
                                <w:ind w:left="0" w:firstLine="0"/>
                                <w:jc w:val="left"/>
                              </w:pPr>
                              <w:proofErr w:type="gramStart"/>
                              <w:r>
                                <w:rPr>
                                  <w:rFonts w:ascii="Arial" w:eastAsia="Arial" w:hAnsi="Arial" w:cs="Arial"/>
                                  <w:sz w:val="14"/>
                                </w:rPr>
                                <w:t>через диспетчер</w:t>
                              </w:r>
                              <w:proofErr w:type="gramEnd"/>
                              <w:r>
                                <w:rPr>
                                  <w:rFonts w:ascii="Arial" w:eastAsia="Arial" w:hAnsi="Arial" w:cs="Arial"/>
                                  <w:sz w:val="14"/>
                                </w:rPr>
                                <w:t xml:space="preserve"> </w:t>
                              </w:r>
                            </w:p>
                          </w:txbxContent>
                        </wps:txbx>
                        <wps:bodyPr horzOverflow="overflow" vert="horz" lIns="0" tIns="0" rIns="0" bIns="0" rtlCol="0">
                          <a:noAutofit/>
                        </wps:bodyPr>
                      </wps:wsp>
                      <wps:wsp>
                        <wps:cNvPr id="1522" name="Rectangle 1522"/>
                        <wps:cNvSpPr/>
                        <wps:spPr>
                          <a:xfrm>
                            <a:off x="1664383" y="2414844"/>
                            <a:ext cx="333983"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1523" name="Rectangle 1523"/>
                        <wps:cNvSpPr/>
                        <wps:spPr>
                          <a:xfrm>
                            <a:off x="1915511" y="2398741"/>
                            <a:ext cx="40324"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524" name="Rectangle 1524"/>
                        <wps:cNvSpPr/>
                        <wps:spPr>
                          <a:xfrm>
                            <a:off x="1945858" y="2414844"/>
                            <a:ext cx="421013" cy="113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1525" name="Rectangle 1525"/>
                        <wps:cNvSpPr/>
                        <wps:spPr>
                          <a:xfrm>
                            <a:off x="2262461" y="2398741"/>
                            <a:ext cx="40324"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526" name="Shape 1526"/>
                        <wps:cNvSpPr/>
                        <wps:spPr>
                          <a:xfrm>
                            <a:off x="1182841" y="2719030"/>
                            <a:ext cx="150525" cy="150438"/>
                          </a:xfrm>
                          <a:custGeom>
                            <a:avLst/>
                            <a:gdLst/>
                            <a:ahLst/>
                            <a:cxnLst/>
                            <a:rect l="0" t="0" r="0" b="0"/>
                            <a:pathLst>
                              <a:path w="150525" h="150438">
                                <a:moveTo>
                                  <a:pt x="75262" y="0"/>
                                </a:moveTo>
                                <a:cubicBezTo>
                                  <a:pt x="116839" y="0"/>
                                  <a:pt x="150525" y="33666"/>
                                  <a:pt x="150525" y="75219"/>
                                </a:cubicBezTo>
                                <a:cubicBezTo>
                                  <a:pt x="150525" y="116771"/>
                                  <a:pt x="116839" y="150438"/>
                                  <a:pt x="75262" y="150438"/>
                                </a:cubicBezTo>
                                <a:cubicBezTo>
                                  <a:pt x="33686" y="150438"/>
                                  <a:pt x="0" y="116771"/>
                                  <a:pt x="0" y="75219"/>
                                </a:cubicBezTo>
                                <a:cubicBezTo>
                                  <a:pt x="0" y="33666"/>
                                  <a:pt x="33686" y="0"/>
                                  <a:pt x="75262"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1527" name="Shape 1527"/>
                        <wps:cNvSpPr/>
                        <wps:spPr>
                          <a:xfrm>
                            <a:off x="1182841" y="2719030"/>
                            <a:ext cx="150525" cy="150438"/>
                          </a:xfrm>
                          <a:custGeom>
                            <a:avLst/>
                            <a:gdLst/>
                            <a:ahLst/>
                            <a:cxnLst/>
                            <a:rect l="0" t="0" r="0" b="0"/>
                            <a:pathLst>
                              <a:path w="150525" h="150438">
                                <a:moveTo>
                                  <a:pt x="150525" y="75219"/>
                                </a:moveTo>
                                <a:cubicBezTo>
                                  <a:pt x="150525" y="33666"/>
                                  <a:pt x="116839" y="0"/>
                                  <a:pt x="75262" y="0"/>
                                </a:cubicBezTo>
                                <a:cubicBezTo>
                                  <a:pt x="33686" y="0"/>
                                  <a:pt x="0" y="33666"/>
                                  <a:pt x="0" y="75219"/>
                                </a:cubicBezTo>
                                <a:cubicBezTo>
                                  <a:pt x="0" y="116771"/>
                                  <a:pt x="33686" y="150438"/>
                                  <a:pt x="75262" y="150438"/>
                                </a:cubicBezTo>
                                <a:cubicBezTo>
                                  <a:pt x="116839" y="150438"/>
                                  <a:pt x="150525" y="116771"/>
                                  <a:pt x="150525" y="75219"/>
                                </a:cubicBezTo>
                                <a:close/>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528" name="Rectangle 1528"/>
                        <wps:cNvSpPr/>
                        <wps:spPr>
                          <a:xfrm>
                            <a:off x="1232763" y="2739198"/>
                            <a:ext cx="67344"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4</w:t>
                              </w:r>
                            </w:p>
                          </w:txbxContent>
                        </wps:txbx>
                        <wps:bodyPr horzOverflow="overflow" vert="horz" lIns="0" tIns="0" rIns="0" bIns="0" rtlCol="0">
                          <a:noAutofit/>
                        </wps:bodyPr>
                      </wps:wsp>
                      <wps:wsp>
                        <wps:cNvPr id="1529" name="Shape 1529"/>
                        <wps:cNvSpPr/>
                        <wps:spPr>
                          <a:xfrm>
                            <a:off x="1182841" y="3116659"/>
                            <a:ext cx="150525" cy="150430"/>
                          </a:xfrm>
                          <a:custGeom>
                            <a:avLst/>
                            <a:gdLst/>
                            <a:ahLst/>
                            <a:cxnLst/>
                            <a:rect l="0" t="0" r="0" b="0"/>
                            <a:pathLst>
                              <a:path w="150525" h="150430">
                                <a:moveTo>
                                  <a:pt x="75262" y="0"/>
                                </a:moveTo>
                                <a:cubicBezTo>
                                  <a:pt x="116839" y="0"/>
                                  <a:pt x="150525" y="33666"/>
                                  <a:pt x="150525" y="75219"/>
                                </a:cubicBezTo>
                                <a:cubicBezTo>
                                  <a:pt x="150525" y="116771"/>
                                  <a:pt x="116839" y="150430"/>
                                  <a:pt x="75262" y="150430"/>
                                </a:cubicBezTo>
                                <a:cubicBezTo>
                                  <a:pt x="33686" y="150430"/>
                                  <a:pt x="0" y="116771"/>
                                  <a:pt x="0" y="75219"/>
                                </a:cubicBezTo>
                                <a:cubicBezTo>
                                  <a:pt x="0" y="33666"/>
                                  <a:pt x="33686" y="0"/>
                                  <a:pt x="75262"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1530" name="Shape 1530"/>
                        <wps:cNvSpPr/>
                        <wps:spPr>
                          <a:xfrm>
                            <a:off x="1182841" y="3116659"/>
                            <a:ext cx="150525" cy="150430"/>
                          </a:xfrm>
                          <a:custGeom>
                            <a:avLst/>
                            <a:gdLst/>
                            <a:ahLst/>
                            <a:cxnLst/>
                            <a:rect l="0" t="0" r="0" b="0"/>
                            <a:pathLst>
                              <a:path w="150525" h="150430">
                                <a:moveTo>
                                  <a:pt x="150525" y="75219"/>
                                </a:moveTo>
                                <a:cubicBezTo>
                                  <a:pt x="150525" y="33666"/>
                                  <a:pt x="116839" y="0"/>
                                  <a:pt x="75262" y="0"/>
                                </a:cubicBezTo>
                                <a:cubicBezTo>
                                  <a:pt x="33686" y="0"/>
                                  <a:pt x="0" y="33666"/>
                                  <a:pt x="0" y="75219"/>
                                </a:cubicBezTo>
                                <a:cubicBezTo>
                                  <a:pt x="0" y="116771"/>
                                  <a:pt x="33686" y="150430"/>
                                  <a:pt x="75262" y="150430"/>
                                </a:cubicBezTo>
                                <a:cubicBezTo>
                                  <a:pt x="116839" y="150430"/>
                                  <a:pt x="150525" y="116771"/>
                                  <a:pt x="150525" y="75219"/>
                                </a:cubicBezTo>
                                <a:close/>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531" name="Rectangle 1531"/>
                        <wps:cNvSpPr/>
                        <wps:spPr>
                          <a:xfrm>
                            <a:off x="1232763" y="3136827"/>
                            <a:ext cx="67344" cy="1349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5</w:t>
                              </w:r>
                            </w:p>
                          </w:txbxContent>
                        </wps:txbx>
                        <wps:bodyPr horzOverflow="overflow" vert="horz" lIns="0" tIns="0" rIns="0" bIns="0" rtlCol="0">
                          <a:noAutofit/>
                        </wps:bodyPr>
                      </wps:wsp>
                      <wps:wsp>
                        <wps:cNvPr id="1532" name="Rectangle 1532"/>
                        <wps:cNvSpPr/>
                        <wps:spPr>
                          <a:xfrm>
                            <a:off x="1383288" y="3086735"/>
                            <a:ext cx="1674406" cy="113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Транслировать смещение на </w:t>
                              </w:r>
                            </w:p>
                          </w:txbxContent>
                        </wps:txbx>
                        <wps:bodyPr horzOverflow="overflow" vert="horz" lIns="0" tIns="0" rIns="0" bIns="0" rtlCol="0">
                          <a:noAutofit/>
                        </wps:bodyPr>
                      </wps:wsp>
                      <wps:wsp>
                        <wps:cNvPr id="1533" name="Rectangle 1533"/>
                        <wps:cNvSpPr/>
                        <wps:spPr>
                          <a:xfrm>
                            <a:off x="1395047" y="3195909"/>
                            <a:ext cx="1643073" cy="113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томе в физический адрес на </w:t>
                              </w:r>
                            </w:p>
                          </w:txbxContent>
                        </wps:txbx>
                        <wps:bodyPr horzOverflow="overflow" vert="horz" lIns="0" tIns="0" rIns="0" bIns="0" rtlCol="0">
                          <a:noAutofit/>
                        </wps:bodyPr>
                      </wps:wsp>
                      <wps:wsp>
                        <wps:cNvPr id="1534" name="Rectangle 1534"/>
                        <wps:cNvSpPr/>
                        <wps:spPr>
                          <a:xfrm>
                            <a:off x="1436396" y="3305097"/>
                            <a:ext cx="1532972" cy="113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ке и перенести данные </w:t>
                              </w:r>
                            </w:p>
                          </w:txbxContent>
                        </wps:txbx>
                        <wps:bodyPr horzOverflow="overflow" vert="horz" lIns="0" tIns="0" rIns="0" bIns="0" rtlCol="0">
                          <a:noAutofit/>
                        </wps:bodyPr>
                      </wps:wsp>
                      <pic:pic xmlns:pic="http://schemas.openxmlformats.org/drawingml/2006/picture">
                        <pic:nvPicPr>
                          <pic:cNvPr id="67447" name="Picture 67447"/>
                          <pic:cNvPicPr/>
                        </pic:nvPicPr>
                        <pic:blipFill>
                          <a:blip r:embed="rId5"/>
                          <a:stretch>
                            <a:fillRect/>
                          </a:stretch>
                        </pic:blipFill>
                        <pic:spPr>
                          <a:xfrm>
                            <a:off x="211630" y="3435174"/>
                            <a:ext cx="542544" cy="316992"/>
                          </a:xfrm>
                          <a:prstGeom prst="rect">
                            <a:avLst/>
                          </a:prstGeom>
                        </pic:spPr>
                      </pic:pic>
                      <pic:pic xmlns:pic="http://schemas.openxmlformats.org/drawingml/2006/picture">
                        <pic:nvPicPr>
                          <pic:cNvPr id="67448" name="Picture 67448"/>
                          <pic:cNvPicPr/>
                        </pic:nvPicPr>
                        <pic:blipFill>
                          <a:blip r:embed="rId6"/>
                          <a:stretch>
                            <a:fillRect/>
                          </a:stretch>
                        </pic:blipFill>
                        <pic:spPr>
                          <a:xfrm>
                            <a:off x="441246" y="3568270"/>
                            <a:ext cx="313944" cy="256032"/>
                          </a:xfrm>
                          <a:prstGeom prst="rect">
                            <a:avLst/>
                          </a:prstGeom>
                        </pic:spPr>
                      </pic:pic>
                      <wps:wsp>
                        <wps:cNvPr id="1540" name="Shape 1540"/>
                        <wps:cNvSpPr/>
                        <wps:spPr>
                          <a:xfrm>
                            <a:off x="445489" y="3573379"/>
                            <a:ext cx="307248" cy="249482"/>
                          </a:xfrm>
                          <a:custGeom>
                            <a:avLst/>
                            <a:gdLst/>
                            <a:ahLst/>
                            <a:cxnLst/>
                            <a:rect l="0" t="0" r="0" b="0"/>
                            <a:pathLst>
                              <a:path w="307248" h="249482">
                                <a:moveTo>
                                  <a:pt x="0" y="249482"/>
                                </a:moveTo>
                                <a:lnTo>
                                  <a:pt x="291847" y="80603"/>
                                </a:lnTo>
                                <a:lnTo>
                                  <a:pt x="291847" y="65248"/>
                                </a:lnTo>
                                <a:lnTo>
                                  <a:pt x="307248" y="57574"/>
                                </a:lnTo>
                                <a:lnTo>
                                  <a:pt x="307248" y="0"/>
                                </a:lnTo>
                                <a:lnTo>
                                  <a:pt x="0" y="176560"/>
                                </a:lnTo>
                                <a:lnTo>
                                  <a:pt x="0" y="249482"/>
                                </a:lnTo>
                                <a:close/>
                              </a:path>
                            </a:pathLst>
                          </a:custGeom>
                          <a:ln w="5459"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67449" name="Picture 67449"/>
                          <pic:cNvPicPr/>
                        </pic:nvPicPr>
                        <pic:blipFill>
                          <a:blip r:embed="rId7"/>
                          <a:stretch>
                            <a:fillRect/>
                          </a:stretch>
                        </pic:blipFill>
                        <pic:spPr>
                          <a:xfrm>
                            <a:off x="211630" y="3609925"/>
                            <a:ext cx="234696" cy="213361"/>
                          </a:xfrm>
                          <a:prstGeom prst="rect">
                            <a:avLst/>
                          </a:prstGeom>
                        </pic:spPr>
                      </pic:pic>
                      <wps:wsp>
                        <wps:cNvPr id="1543" name="Shape 1543"/>
                        <wps:cNvSpPr/>
                        <wps:spPr>
                          <a:xfrm>
                            <a:off x="215059" y="3615599"/>
                            <a:ext cx="230430" cy="207262"/>
                          </a:xfrm>
                          <a:custGeom>
                            <a:avLst/>
                            <a:gdLst/>
                            <a:ahLst/>
                            <a:cxnLst/>
                            <a:rect l="0" t="0" r="0" b="0"/>
                            <a:pathLst>
                              <a:path w="230430" h="207262">
                                <a:moveTo>
                                  <a:pt x="0" y="57574"/>
                                </a:moveTo>
                                <a:lnTo>
                                  <a:pt x="15364" y="67166"/>
                                </a:lnTo>
                                <a:lnTo>
                                  <a:pt x="15364" y="82521"/>
                                </a:lnTo>
                                <a:lnTo>
                                  <a:pt x="230430" y="207262"/>
                                </a:lnTo>
                                <a:lnTo>
                                  <a:pt x="230430" y="134340"/>
                                </a:lnTo>
                                <a:lnTo>
                                  <a:pt x="0" y="0"/>
                                </a:lnTo>
                                <a:lnTo>
                                  <a:pt x="0" y="57574"/>
                                </a:lnTo>
                                <a:close/>
                              </a:path>
                            </a:pathLst>
                          </a:custGeom>
                          <a:ln w="5459" cap="rnd">
                            <a:round/>
                          </a:ln>
                        </wps:spPr>
                        <wps:style>
                          <a:lnRef idx="1">
                            <a:srgbClr val="000000"/>
                          </a:lnRef>
                          <a:fillRef idx="0">
                            <a:srgbClr val="000000">
                              <a:alpha val="0"/>
                            </a:srgbClr>
                          </a:fillRef>
                          <a:effectRef idx="0">
                            <a:scrgbClr r="0" g="0" b="0"/>
                          </a:effectRef>
                          <a:fontRef idx="none"/>
                        </wps:style>
                        <wps:bodyPr/>
                      </wps:wsp>
                      <wps:wsp>
                        <wps:cNvPr id="1544" name="Shape 1544"/>
                        <wps:cNvSpPr/>
                        <wps:spPr>
                          <a:xfrm>
                            <a:off x="215059" y="3439046"/>
                            <a:ext cx="537678" cy="383815"/>
                          </a:xfrm>
                          <a:custGeom>
                            <a:avLst/>
                            <a:gdLst/>
                            <a:ahLst/>
                            <a:cxnLst/>
                            <a:rect l="0" t="0" r="0" b="0"/>
                            <a:pathLst>
                              <a:path w="537678" h="383815">
                                <a:moveTo>
                                  <a:pt x="0" y="176553"/>
                                </a:moveTo>
                                <a:lnTo>
                                  <a:pt x="0" y="234127"/>
                                </a:lnTo>
                                <a:lnTo>
                                  <a:pt x="15364" y="243719"/>
                                </a:lnTo>
                                <a:lnTo>
                                  <a:pt x="15364" y="259073"/>
                                </a:lnTo>
                                <a:lnTo>
                                  <a:pt x="230430" y="383815"/>
                                </a:lnTo>
                                <a:lnTo>
                                  <a:pt x="522277" y="214936"/>
                                </a:lnTo>
                                <a:lnTo>
                                  <a:pt x="522277" y="199581"/>
                                </a:lnTo>
                                <a:lnTo>
                                  <a:pt x="537678" y="191907"/>
                                </a:lnTo>
                                <a:lnTo>
                                  <a:pt x="537678" y="134333"/>
                                </a:lnTo>
                                <a:lnTo>
                                  <a:pt x="307233" y="0"/>
                                </a:lnTo>
                                <a:lnTo>
                                  <a:pt x="0" y="176553"/>
                                </a:lnTo>
                                <a:close/>
                              </a:path>
                            </a:pathLst>
                          </a:custGeom>
                          <a:ln w="11374"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50" name="Picture 67450"/>
                          <pic:cNvPicPr/>
                        </pic:nvPicPr>
                        <pic:blipFill>
                          <a:blip r:embed="rId8"/>
                          <a:stretch>
                            <a:fillRect/>
                          </a:stretch>
                        </pic:blipFill>
                        <pic:spPr>
                          <a:xfrm>
                            <a:off x="402638" y="3733877"/>
                            <a:ext cx="21336" cy="30480"/>
                          </a:xfrm>
                          <a:prstGeom prst="rect">
                            <a:avLst/>
                          </a:prstGeom>
                        </pic:spPr>
                      </pic:pic>
                      <wps:wsp>
                        <wps:cNvPr id="1547" name="Shape 1547"/>
                        <wps:cNvSpPr/>
                        <wps:spPr>
                          <a:xfrm>
                            <a:off x="406607" y="3739165"/>
                            <a:ext cx="16190" cy="24355"/>
                          </a:xfrm>
                          <a:custGeom>
                            <a:avLst/>
                            <a:gdLst/>
                            <a:ahLst/>
                            <a:cxnLst/>
                            <a:rect l="0" t="0" r="0" b="0"/>
                            <a:pathLst>
                              <a:path w="16190" h="24355">
                                <a:moveTo>
                                  <a:pt x="0" y="15741"/>
                                </a:moveTo>
                                <a:lnTo>
                                  <a:pt x="16190" y="24355"/>
                                </a:lnTo>
                                <a:lnTo>
                                  <a:pt x="16190" y="8948"/>
                                </a:lnTo>
                                <a:lnTo>
                                  <a:pt x="0" y="0"/>
                                </a:lnTo>
                                <a:lnTo>
                                  <a:pt x="0" y="15741"/>
                                </a:lnTo>
                                <a:close/>
                              </a:path>
                            </a:pathLst>
                          </a:custGeom>
                          <a:ln w="1820"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51" name="Picture 67451"/>
                          <pic:cNvPicPr/>
                        </pic:nvPicPr>
                        <pic:blipFill>
                          <a:blip r:embed="rId9"/>
                          <a:stretch>
                            <a:fillRect/>
                          </a:stretch>
                        </pic:blipFill>
                        <pic:spPr>
                          <a:xfrm>
                            <a:off x="247190" y="3644470"/>
                            <a:ext cx="39624" cy="60960"/>
                          </a:xfrm>
                          <a:prstGeom prst="rect">
                            <a:avLst/>
                          </a:prstGeom>
                        </pic:spPr>
                      </pic:pic>
                      <wps:wsp>
                        <wps:cNvPr id="1550" name="Shape 1550"/>
                        <wps:cNvSpPr/>
                        <wps:spPr>
                          <a:xfrm>
                            <a:off x="250778" y="3649849"/>
                            <a:ext cx="36106" cy="54329"/>
                          </a:xfrm>
                          <a:custGeom>
                            <a:avLst/>
                            <a:gdLst/>
                            <a:ahLst/>
                            <a:cxnLst/>
                            <a:rect l="0" t="0" r="0" b="0"/>
                            <a:pathLst>
                              <a:path w="36106" h="54329">
                                <a:moveTo>
                                  <a:pt x="0" y="35108"/>
                                </a:moveTo>
                                <a:lnTo>
                                  <a:pt x="36106" y="54329"/>
                                </a:lnTo>
                                <a:lnTo>
                                  <a:pt x="36106" y="19958"/>
                                </a:lnTo>
                                <a:lnTo>
                                  <a:pt x="0" y="0"/>
                                </a:lnTo>
                                <a:lnTo>
                                  <a:pt x="0" y="35108"/>
                                </a:lnTo>
                                <a:close/>
                              </a:path>
                            </a:pathLst>
                          </a:custGeom>
                          <a:ln w="1820"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52" name="Picture 67452"/>
                          <pic:cNvPicPr/>
                        </pic:nvPicPr>
                        <pic:blipFill>
                          <a:blip r:embed="rId10"/>
                          <a:stretch>
                            <a:fillRect/>
                          </a:stretch>
                        </pic:blipFill>
                        <pic:spPr>
                          <a:xfrm>
                            <a:off x="357934" y="3708477"/>
                            <a:ext cx="21336" cy="30480"/>
                          </a:xfrm>
                          <a:prstGeom prst="rect">
                            <a:avLst/>
                          </a:prstGeom>
                        </pic:spPr>
                      </pic:pic>
                      <wps:wsp>
                        <wps:cNvPr id="1553" name="Shape 1553"/>
                        <wps:cNvSpPr/>
                        <wps:spPr>
                          <a:xfrm>
                            <a:off x="361001" y="3713323"/>
                            <a:ext cx="16183" cy="24355"/>
                          </a:xfrm>
                          <a:custGeom>
                            <a:avLst/>
                            <a:gdLst/>
                            <a:ahLst/>
                            <a:cxnLst/>
                            <a:rect l="0" t="0" r="0" b="0"/>
                            <a:pathLst>
                              <a:path w="16183" h="24355">
                                <a:moveTo>
                                  <a:pt x="0" y="15742"/>
                                </a:moveTo>
                                <a:lnTo>
                                  <a:pt x="16183" y="24355"/>
                                </a:lnTo>
                                <a:lnTo>
                                  <a:pt x="16183" y="8948"/>
                                </a:lnTo>
                                <a:lnTo>
                                  <a:pt x="0" y="0"/>
                                </a:lnTo>
                                <a:lnTo>
                                  <a:pt x="0" y="15742"/>
                                </a:lnTo>
                                <a:close/>
                              </a:path>
                            </a:pathLst>
                          </a:custGeom>
                          <a:ln w="1820" cap="rnd">
                            <a:round/>
                          </a:ln>
                        </wps:spPr>
                        <wps:style>
                          <a:lnRef idx="1">
                            <a:srgbClr val="000000"/>
                          </a:lnRef>
                          <a:fillRef idx="0">
                            <a:srgbClr val="000000">
                              <a:alpha val="0"/>
                            </a:srgbClr>
                          </a:fillRef>
                          <a:effectRef idx="0">
                            <a:scrgbClr r="0" g="0" b="0"/>
                          </a:effectRef>
                          <a:fontRef idx="none"/>
                        </wps:style>
                        <wps:bodyPr/>
                      </wps:wsp>
                      <wps:wsp>
                        <wps:cNvPr id="1554" name="Shape 1554"/>
                        <wps:cNvSpPr/>
                        <wps:spPr>
                          <a:xfrm>
                            <a:off x="504432" y="2794249"/>
                            <a:ext cx="0" cy="752266"/>
                          </a:xfrm>
                          <a:custGeom>
                            <a:avLst/>
                            <a:gdLst/>
                            <a:ahLst/>
                            <a:cxnLst/>
                            <a:rect l="0" t="0" r="0" b="0"/>
                            <a:pathLst>
                              <a:path h="752266">
                                <a:moveTo>
                                  <a:pt x="0" y="0"/>
                                </a:moveTo>
                                <a:lnTo>
                                  <a:pt x="0" y="752266"/>
                                </a:lnTo>
                              </a:path>
                            </a:pathLst>
                          </a:custGeom>
                          <a:ln w="5459" cap="rnd">
                            <a:round/>
                          </a:ln>
                        </wps:spPr>
                        <wps:style>
                          <a:lnRef idx="1">
                            <a:srgbClr val="000000"/>
                          </a:lnRef>
                          <a:fillRef idx="0">
                            <a:srgbClr val="000000">
                              <a:alpha val="0"/>
                            </a:srgbClr>
                          </a:fillRef>
                          <a:effectRef idx="0">
                            <a:scrgbClr r="0" g="0" b="0"/>
                          </a:effectRef>
                          <a:fontRef idx="none"/>
                        </wps:style>
                        <wps:bodyPr/>
                      </wps:wsp>
                    </wpg:wgp>
                  </a:graphicData>
                </a:graphic>
              </wp:inline>
            </w:drawing>
          </mc:Choice>
          <mc:Fallback>
            <w:pict>
              <v:group id="Group 59500" o:spid="_x0000_s1208" style="width:296.9pt;height:301pt;mso-position-horizontal-relative:char;mso-position-vertical-relative:line" coordsize="37704,3822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">
                <v:shape id="Shape 1457" o:spid="_x0000_s1209" style="position:absolute;left:12258;width:12258;height:3654;visibility:visible;mso-wrap-style:square;v-text-anchor:top" coordsize="1225821,3654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" path="m612948,v338453,,612873,81816,612873,182740c1225821,283587,951401,365403,612948,365403,274420,365403,,283587,,182740,,81816,274420,,612948,xe" fillcolor="#f2f2f2" stroked="f" strokeweight="0">
                  <v:stroke miterlimit="83231f" joinstyle="miter"/>
                  <v:path arrowok="t" textboxrect="0,0,1225821,365403"/>
                </v:shape>
                <v:shape id="Shape 1458" o:spid="_x0000_s1210" style="position:absolute;left:12258;width:12258;height:3654;visibility:visible;mso-wrap-style:square;v-text-anchor:top" coordsize="1225821,3654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" path="m1225821,182740c1225821,81816,951401,,612948,,274420,,,81816,,182740,,283587,274420,365403,612948,365403v338453,,612873,-81816,612873,-182663xe" filled="f" strokeweight=".15164mm">
                  <v:stroke endcap="round"/>
                  <v:path arrowok="t" textboxrect="0,0,1225821,365403"/>
                </v:shape>
                <v:rect id="Rectangle 1459" o:spid="_x0000_s1211" style="position:absolute;left:13435;top:891;width:13511;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дсистема окружения </w:t>
                        </w:r>
                      </w:p>
                    </w:txbxContent>
                  </v:textbox>
                </v:rect>
                <v:rect id="Rectangle 1460" o:spid="_x0000_s1212" style="position:absolute;left:16652;top:1983;width:2396;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ли </w:t>
                        </w:r>
                      </w:p>
                    </w:txbxContent>
                  </v:textbox>
                </v:rect>
                <v:rect id="Rectangle 1461" o:spid="_x0000_s1213" style="position:absolute;left:18453;top:1822;width:2221;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DLL</w:t>
                        </w:r>
                      </w:p>
                    </w:txbxContent>
                  </v:textbox>
                </v:rect>
                <v:rect id="Rectangle 1462" o:spid="_x0000_s1214" style="position:absolute;left:26814;top:4226;width:14483;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v:textbox>
                </v:rect>
                <v:rect id="Rectangle 1463" o:spid="_x0000_s1215" style="position:absolute;left:32414;top:5742;width:6846;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Режим ядра</w:t>
                        </w:r>
                      </w:p>
                    </w:txbxContent>
                  </v:textbox>
                </v:rect>
                <v:shape id="Shape 1464" o:spid="_x0000_s1216" style="position:absolute;top:5373;width:37636;height:0;visibility:visible;mso-wrap-style:square;v-text-anchor:top" coordsize="37636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" path="m,l3763611,e" filled="f" strokeweight=".47392mm">
                  <v:stroke endcap="round"/>
                  <v:path arrowok="t" textboxrect="0,0,3763611,0"/>
                </v:shape>
                <v:shape id="Shape 1465" o:spid="_x0000_s1217" style="position:absolute;left:11828;top:6018;width:1505;height:1505;visibility:visible;mso-wrap-style:square;v-text-anchor:top" coordsize="150525,1505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" path="m75262,v41577,,75263,33743,75263,75219c150525,116771,116839,150514,75262,150514,33686,150514,,116771,,75219,,33743,33686,,75262,xe" fillcolor="#a6a6a6" stroked="f" strokeweight="0">
                  <v:stroke endcap="round"/>
                  <v:path arrowok="t" textboxrect="0,0,150525,150514"/>
                </v:shape>
                <v:shape id="Shape 1466" o:spid="_x0000_s1218" style="position:absolute;left:11828;top:6018;width:1505;height:1505;visibility:visible;mso-wrap-style:square;v-text-anchor:top" coordsize="150525,1505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" path="m150525,75219c150525,33743,116839,,75262,,33686,,,33743,,75219v,41552,33686,75295,75262,75295c116839,150514,150525,116771,150525,75219xe" filled="f" strokeweight=".15164mm">
                  <v:stroke endcap="round"/>
                  <v:path arrowok="t" textboxrect="0,0,150525,150514"/>
                </v:shape>
                <v:rect id="Rectangle 1467" o:spid="_x0000_s1219" style="position:absolute;left:12327;top:6219;width:674;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rect id="Rectangle 1468" o:spid="_x0000_s1220" style="position:absolute;left:13744;top:6214;width:5987;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NtWriteFile</w:t>
                        </w:r>
                        <w:proofErr w:type="spellEnd"/>
                      </w:p>
                    </w:txbxContent>
                  </v:textbox>
                </v:rect>
                <v:rect id="Rectangle 1469" o:spid="_x0000_s1221" style="position:absolute;left:18245;top:6214;width:403;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470" o:spid="_x0000_s1222" style="position:absolute;left:18548;top:6214;width:1548;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file</w:t>
                        </w:r>
                        <w:proofErr w:type="spellEnd"/>
                      </w:p>
                    </w:txbxContent>
                  </v:textbox>
                </v:rect>
                <v:rect id="Rectangle 1471" o:spid="_x0000_s1223" style="position:absolute;left:19712;top:6214;width:674;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_</w:t>
                        </w:r>
                      </w:p>
                    </w:txbxContent>
                  </v:textbox>
                </v:rect>
                <v:rect id="Rectangle 1472" o:spid="_x0000_s1224" style="position:absolute;left:20218;top:6214;width:3637;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handle</w:t>
                        </w:r>
                        <w:proofErr w:type="spellEnd"/>
                      </w:p>
                    </w:txbxContent>
                  </v:textbox>
                </v:rect>
                <v:rect id="Rectangle 1473" o:spid="_x0000_s1225" style="position:absolute;left:22953;top:6214;width:672;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1474" o:spid="_x0000_s1226" style="position:absolute;left:23459;top:6214;width:2355;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char</w:t>
                        </w:r>
                        <w:proofErr w:type="spellEnd"/>
                      </w:p>
                    </w:txbxContent>
                  </v:textbox>
                </v:rect>
                <v:rect id="Rectangle 1475" o:spid="_x0000_s1227" style="position:absolute;left:25229;top:6214;width:674;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_</w:t>
                        </w:r>
                      </w:p>
                    </w:txbxContent>
                  </v:textbox>
                </v:rect>
                <v:rect id="Rectangle 1476" o:spid="_x0000_s1228" style="position:absolute;left:25736;top:6214;width:3096;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butter</w:t>
                        </w:r>
                        <w:proofErr w:type="spellEnd"/>
                      </w:p>
                    </w:txbxContent>
                  </v:textbox>
                </v:rect>
                <v:rect id="Rectangle 1477" o:spid="_x0000_s1229" style="position:absolute;left:28064;top:6214;width:403;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1478" o:spid="_x0000_s1230" style="position:absolute;left:18280;top:3653;width:0;height:2353;visibility:visible;mso-wrap-style:square;v-text-anchor:top" coordsize="0,2353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" path="m,l,235363e" filled="f" strokeweight=".15164mm">
                  <v:stroke endcap="round"/>
                  <v:path arrowok="t" textboxrect="0,0,0,235363"/>
                </v:shape>
                <v:shape id="Shape 1479" o:spid="_x0000_s1231" style="position:absolute;left:18280;top:7523;width:0;height:1473;visibility:visible;mso-wrap-style:square;v-text-anchor:top" coordsize="0,1473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" path="m,l,147329e" filled="f" strokeweight=".15164mm">
                  <v:stroke endcap="round"/>
                  <v:path arrowok="t" textboxrect="0,0,0,147329"/>
                </v:shape>
                <v:shape id="Shape 1480" o:spid="_x0000_s1232" style="position:absolute;left:18034;top:8935;width:492;height:737;visibility:visible;mso-wrap-style:square;v-text-anchor:top" coordsize="49163,737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" path="m,l49163,,24582,73702,,xe" fillcolor="black" stroked="f" strokeweight="0">
                  <v:stroke endcap="round"/>
                  <v:path arrowok="t" textboxrect="0,0,49163,73702"/>
                </v:shape>
                <v:shape id="Shape 69367" o:spid="_x0000_s1233" style="position:absolute;left:11828;top:9672;width:21506;height:2149;visibility:visible;mso-wrap-style:square;v-text-anchor:top" coordsize="2150592,2149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" path="m,l2150592,r,214935l,214935,,e" fillcolor="#f2f2f2" stroked="f" strokeweight="0">
                  <v:stroke endcap="round"/>
                  <v:path arrowok="t" textboxrect="0,0,2150592,214935"/>
                </v:shape>
                <v:shape id="Shape 1482" o:spid="_x0000_s1234" style="position:absolute;left:11828;top:9672;width:21506;height:2149;visibility:visible;mso-wrap-style:square;v-text-anchor:top" coordsize="2150592,2149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" path="m,214935r2150592,l2150592,,,,,214935xe" filled="f" strokeweight=".05056mm">
                  <v:stroke endcap="round"/>
                  <v:path arrowok="t" textboxrect="0,0,2150592,214935"/>
                </v:shape>
                <v:rect id="Rectangle 1483" o:spid="_x0000_s1235" style="position:absolute;left:18253;top:10358;width:11513;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Системные сервисы</w:t>
                        </w:r>
                      </w:p>
                    </w:txbxContent>
                  </v:textbox>
                </v:rect>
                <v:shape id="Shape 69368" o:spid="_x0000_s1236" style="position:absolute;left:26883;top:11821;width:6452;height:15046;visibility:visible;mso-wrap-style:square;v-text-anchor:top" coordsize="645185,15046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" path="m,l645185,r,1504607l,1504607,,e" fillcolor="#f2f2f2" stroked="f" strokeweight="0">
                  <v:stroke endcap="round"/>
                  <v:path arrowok="t" textboxrect="0,0,645185,1504607"/>
                </v:shape>
                <v:shape id="Shape 1485" o:spid="_x0000_s1237" style="position:absolute;left:26883;top:11821;width:6452;height:15046;visibility:visible;mso-wrap-style:square;v-text-anchor:top" coordsize="645185,15046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" path="m,1504607r645185,l645185,,,,,1504607xe" filled="f" strokeweight=".05056mm">
                  <v:stroke endcap="round"/>
                  <v:path arrowok="t" textboxrect="0,0,645185,1504607"/>
                </v:shape>
                <v:rect id="Rectangle 1486" o:spid="_x0000_s1238" style="position:absolute;left:27867;top:16225;width:5963;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w:t>
                        </w:r>
                      </w:p>
                    </w:txbxContent>
                  </v:textbox>
                </v:rect>
                <v:rect id="Rectangle 1487" o:spid="_x0000_s1239" style="position:absolute;left:27119;top:17317;width:3339;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1488" o:spid="_x0000_s1240" style="position:absolute;left:29630;top:17156;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489" o:spid="_x0000_s1241" style="position:absolute;left:29933;top:17317;width:4210;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rect id="Rectangle 1490" o:spid="_x0000_s1242" style="position:absolute;left:13970;top:12382;width:11801;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Записать данные по </w:t>
                        </w:r>
                      </w:p>
                    </w:txbxContent>
                  </v:textbox>
                </v:rect>
                <v:rect id="Rectangle 1491" o:spid="_x0000_s1243" style="position:absolute;left:13449;top:13474;width:13186;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указанному байтовому </w:t>
                        </w:r>
                      </w:p>
                    </w:txbxContent>
                  </v:textbox>
                </v:rect>
                <v:rect id="Rectangle 1492" o:spid="_x0000_s1244" style="position:absolute;left:14115;top:14566;width:11414;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мещению в файле </w:t>
                        </w:r>
                      </w:p>
                    </w:txbxContent>
                  </v:textbox>
                </v:rect>
                <v:shape id="Shape 1493" o:spid="_x0000_s1245" style="position:absolute;left:11828;top:12466;width:1505;height:1505;visibility:visible;mso-wrap-style:square;v-text-anchor:top" coordsize="150525,1505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" path="m75262,v41577,,75263,33667,75263,75219c150525,116771,116839,150514,75262,150514,33686,150514,,116771,,75219,,33667,33686,,75262,xe" fillcolor="#a6a6a6" stroked="f" strokeweight="0">
                  <v:stroke endcap="round"/>
                  <v:path arrowok="t" textboxrect="0,0,150525,150514"/>
                </v:shape>
                <v:shape id="Shape 1494" o:spid="_x0000_s1246" style="position:absolute;left:11828;top:12466;width:1505;height:1505;visibility:visible;mso-wrap-style:square;v-text-anchor:top" coordsize="150525,1505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" path="m150525,75219c150525,33667,116839,,75262,,33686,,,33667,,75219v,41552,33686,75295,75262,75295c116839,150514,150525,116771,150525,75219xe" filled="f" strokeweight=".15164mm">
                  <v:stroke endcap="round"/>
                  <v:path arrowok="t" textboxrect="0,0,150525,150514"/>
                </v:shape>
                <v:rect id="Rectangle 1495" o:spid="_x0000_s1247" style="position:absolute;left:12327;top:12668;width:674;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shape id="Shape 69369" o:spid="_x0000_s1248" style="position:absolute;left:410;top:17195;width:9267;height:2149;visibility:visible;mso-wrap-style:square;v-text-anchor:top" coordsize="926668,2149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" path="m,l926668,r,214935l,214935,,e" fillcolor="#f2f2f2" stroked="f" strokeweight="0">
                  <v:stroke endcap="round"/>
                  <v:path arrowok="t" textboxrect="0,0,926668,214935"/>
                </v:shape>
                <v:shape id="Shape 1497" o:spid="_x0000_s1249" style="position:absolute;left:410;top:17195;width:9267;height:2149;visibility:visible;mso-wrap-style:square;v-text-anchor:top" coordsize="926668,2149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" path="m,214935r926668,l926668,,,,,214935xe" filled="f" strokeweight=".05056mm">
                  <v:stroke endcap="round"/>
                  <v:path arrowok="t" textboxrect="0,0,926668,214935"/>
                </v:shape>
                <v:rect id="Rectangle 1498" o:spid="_x0000_s1250" style="position:absolute;left:824;top:17334;width:11226;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райвер файловой </w:t>
                        </w:r>
                      </w:p>
                    </w:txbxContent>
                  </v:textbox>
                </v:rect>
                <v:rect id="Rectangle 1499" o:spid="_x0000_s1251" style="position:absolute;left:3233;top:18426;width:4818;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системы</w:t>
                        </w:r>
                      </w:p>
                    </w:txbxContent>
                  </v:textbox>
                </v:rect>
                <v:shape id="Shape 1500" o:spid="_x0000_s1252" style="position:absolute;left:9975;top:15991;width:16914;height:1672;visibility:visible;mso-wrap-style:square;v-text-anchor:top" coordsize="1691430,167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" path="m1690748,120335c1691430,67560,1306318,19411,830466,12890v,,,,,c442925,,101665,63390,,167195e" filled="f" strokeweight=".15164mm">
                  <v:stroke endcap="round"/>
                  <v:path arrowok="t" textboxrect="0,0,1691430,167195"/>
                </v:shape>
                <v:shape id="Shape 1501" o:spid="_x0000_s1253" style="position:absolute;left:9677;top:17499;width:546;height:771;visibility:visible;mso-wrap-style:square;v-text-anchor:top" coordsize="54626,770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" path="m10470,l54626,21685,,77039,10470,xe" fillcolor="black" stroked="f" strokeweight="0">
                  <v:stroke endcap="round"/>
                  <v:path arrowok="t" textboxrect="0,0,54626,77039"/>
                </v:shape>
                <v:shape id="Shape 1502" o:spid="_x0000_s1254" style="position:absolute;left:9677;top:18270;width:16647;height:1074;visibility:visible;mso-wrap-style:square;v-text-anchor:top" coordsize="1664725,1074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" path="m,c,59371,385189,107445,860282,107445v357496,,677741,-27601,804443,-69381e" filled="f" strokeweight=".15164mm">
                  <v:stroke endcap="round"/>
                  <v:path arrowok="t" textboxrect="0,0,1664725,107445"/>
                </v:shape>
                <v:shape id="Shape 1503" o:spid="_x0000_s1255" style="position:absolute;left:26135;top:18270;width:748;height:618;visibility:visible;mso-wrap-style:square;v-text-anchor:top" coordsize="74807,617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" path="m74807,l27692,61798,,21231,74807,xe" fillcolor="black" stroked="f" strokeweight="0">
                  <v:stroke endcap="round"/>
                  <v:path arrowok="t" textboxrect="0,0,74807,61798"/>
                </v:shape>
                <v:shape id="Shape 1504" o:spid="_x0000_s1256" style="position:absolute;left:26883;top:18270;width:2580;height:7522;visibility:visible;mso-wrap-style:square;v-text-anchor:top" coordsize="258032,7522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" path="m,c142482,,258032,173186,258032,386862,258032,588710,142482,752266,,752266v,,,,,e" filled="f" strokeweight=".15164mm">
                  <v:stroke endcap="round"/>
                  <v:path arrowok="t" textboxrect="0,0,258032,752266"/>
                </v:shape>
                <v:rect id="Rectangle 1505" o:spid="_x0000_s1257" style="position:absolute;left:13629;top:27105;width:16713;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звать драйвер для записи </w:t>
                        </w:r>
                      </w:p>
                    </w:txbxContent>
                  </v:textbox>
                </v:rect>
                <v:rect id="Rectangle 1506" o:spid="_x0000_s1258" style="position:absolute;left:15190;top:28197;width:12558;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анных по байтовому </w:t>
                        </w:r>
                      </w:p>
                    </w:txbxContent>
                  </v:textbox>
                </v:rect>
                <v:rect id="Rectangle 1507" o:spid="_x0000_s1259" style="position:absolute;left:15731;top:29289;width:11120;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мещению на томе </w:t>
                        </w:r>
                      </w:p>
                    </w:txbxContent>
                  </v:textbox>
                </v:rect>
                <v:shape id="Shape 1508" o:spid="_x0000_s1260" style="position:absolute;left:11828;top:19666;width:1505;height:1506;visibility:visible;mso-wrap-style:square;v-text-anchor:top" coordsize="150525,1505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" path="m75262,v41577,,75263,33742,75263,75219c150525,116771,116839,150514,75262,150514,33686,150514,,116771,,75219,,33742,33686,,75262,xe" fillcolor="#a6a6a6" stroked="f" strokeweight="0">
                  <v:stroke endcap="round"/>
                  <v:path arrowok="t" textboxrect="0,0,150525,150514"/>
                </v:shape>
                <v:shape id="Shape 1509" o:spid="_x0000_s1261" style="position:absolute;left:11828;top:19666;width:1505;height:1506;visibility:visible;mso-wrap-style:square;v-text-anchor:top" coordsize="150525,1505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" path="m150525,75219c150525,33742,116839,,75262,,33686,,,33742,,75219v,41552,33686,75295,75262,75295c116839,150514,150525,116771,150525,75219xe" filled="f" strokeweight=".15164mm">
                  <v:stroke endcap="round"/>
                  <v:path arrowok="t" textboxrect="0,0,150525,150514"/>
                </v:shape>
                <v:rect id="Rectangle 1510" o:spid="_x0000_s1262" style="position:absolute;left:12327;top:19868;width:674;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3</w:t>
                        </w:r>
                      </w:p>
                    </w:txbxContent>
                  </v:textbox>
                </v:rect>
                <v:shape id="Shape 69370" o:spid="_x0000_s1263" style="position:absolute;left:410;top:25793;width:9267;height:2149;visibility:visible;mso-wrap-style:square;v-text-anchor:top" coordsize="926668,2149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" path="m,l926668,r,214935l,214935,,e" fillcolor="#f2f2f2" stroked="f" strokeweight="0">
                  <v:stroke endcap="round"/>
                  <v:path arrowok="t" textboxrect="0,0,926668,214935"/>
                </v:shape>
                <v:shape id="Shape 1512" o:spid="_x0000_s1264" style="position:absolute;left:410;top:25793;width:9267;height:2149;visibility:visible;mso-wrap-style:square;v-text-anchor:top" coordsize="926668,2149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" path="m,214935r926668,l926668,,,,,214935xe" filled="f" strokeweight=".05056mm">
                  <v:stroke endcap="round"/>
                  <v:path arrowok="t" textboxrect="0,0,926668,214935"/>
                </v:shape>
                <v:rect id="Rectangle 1513" o:spid="_x0000_s1265" style="position:absolute;left:1900;top:26477;width:8362;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 диска</w:t>
                        </w:r>
                      </w:p>
                    </w:txbxContent>
                  </v:textbox>
                </v:rect>
                <v:shape id="Shape 1514" o:spid="_x0000_s1266" style="position:absolute;left:10291;top:25792;width:16592;height:790;visibility:visible;mso-wrap-style:square;v-text-anchor:top" coordsize="1659186,790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" path="m1659186,c884257,,204999,32377,,79010e" filled="f" strokeweight=".15164mm">
                  <v:stroke endcap="round"/>
                  <v:path arrowok="t" textboxrect="0,0,1659186,79010"/>
                </v:shape>
                <v:shape id="Shape 1515" o:spid="_x0000_s1267" style="position:absolute;left:9677;top:26334;width:772;height:533;visibility:visible;mso-wrap-style:square;v-text-anchor:top" coordsize="77235,5330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" path="m56598,l77235,44586,,53305,56598,xe" fillcolor="black" stroked="f" strokeweight="0">
                  <v:stroke endcap="round"/>
                  <v:path arrowok="t" textboxrect="0,0,77235,53305"/>
                </v:shape>
                <v:rect id="Rectangle 1516" o:spid="_x0000_s1268" style="position:absolute;left:13660;top:19780;width:16630;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Транслировать смещение от </w:t>
                        </w:r>
                      </w:p>
                    </w:txbxContent>
                  </v:textbox>
                </v:rect>
                <v:rect id="Rectangle 1517" o:spid="_x0000_s1269" style="position:absolute;left:13438;top:20872;width:17220;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начала файла в смещение на </w:t>
                        </w:r>
                      </w:p>
                    </w:txbxContent>
                  </v:textbox>
                </v:rect>
                <v:rect id="Rectangle 1518" o:spid="_x0000_s1270" style="position:absolute;left:13941;top:21964;width:15882;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томе и вызвать следующий </w:t>
                        </w:r>
                      </w:p>
                    </w:txbxContent>
                  </v:textbox>
                </v:rect>
                <v:rect id="Rectangle 1519" o:spid="_x0000_s1271" style="position:absolute;left:14202;top:23056;width:5056;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райвер </w:t>
                        </w:r>
                      </w:p>
                    </w:txbxContent>
                  </v:textbox>
                </v:rect>
                <v:rect id="Rectangle 1520" o:spid="_x0000_s1272" style="position:absolute;left:18004;top:22895;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521" o:spid="_x0000_s1273" style="position:absolute;left:18306;top:23056;width:9730;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gramStart"/>
                        <w:r>
                          <w:rPr>
                            <w:rFonts w:ascii="Arial" w:eastAsia="Arial" w:hAnsi="Arial" w:cs="Arial"/>
                            <w:sz w:val="14"/>
                          </w:rPr>
                          <w:t>через диспетчер</w:t>
                        </w:r>
                        <w:proofErr w:type="gramEnd"/>
                        <w:r>
                          <w:rPr>
                            <w:rFonts w:ascii="Arial" w:eastAsia="Arial" w:hAnsi="Arial" w:cs="Arial"/>
                            <w:sz w:val="14"/>
                          </w:rPr>
                          <w:t xml:space="preserve"> </w:t>
                        </w:r>
                      </w:p>
                    </w:txbxContent>
                  </v:textbox>
                </v:rect>
                <v:rect id="Rectangle 1522" o:spid="_x0000_s1274" style="position:absolute;left:16643;top:24148;width:3340;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1523" o:spid="_x0000_s1275" style="position:absolute;left:19155;top:23987;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524" o:spid="_x0000_s1276" style="position:absolute;left:19458;top:24148;width:4210;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rect id="Rectangle 1525" o:spid="_x0000_s1277" style="position:absolute;left:22624;top:23987;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1526" o:spid="_x0000_s1278" style="position:absolute;left:11828;top:27190;width:1505;height:1504;visibility:visible;mso-wrap-style:square;v-text-anchor:top" coordsize="150525,150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" path="m75262,v41577,,75263,33666,75263,75219c150525,116771,116839,150438,75262,150438,33686,150438,,116771,,75219,,33666,33686,,75262,xe" fillcolor="#a6a6a6" stroked="f" strokeweight="0">
                  <v:stroke endcap="round"/>
                  <v:path arrowok="t" textboxrect="0,0,150525,150438"/>
                </v:shape>
                <v:shape id="Shape 1527" o:spid="_x0000_s1279" style="position:absolute;left:11828;top:27190;width:1505;height:1504;visibility:visible;mso-wrap-style:square;v-text-anchor:top" coordsize="150525,150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" path="m150525,75219c150525,33666,116839,,75262,,33686,,,33666,,75219v,41552,33686,75219,75262,75219c116839,150438,150525,116771,150525,75219xe" filled="f" strokeweight=".15164mm">
                  <v:stroke endcap="round"/>
                  <v:path arrowok="t" textboxrect="0,0,150525,150438"/>
                </v:shape>
                <v:rect id="Rectangle 1528" o:spid="_x0000_s1280" style="position:absolute;left:12327;top:27391;width:674;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4</w:t>
                        </w:r>
                      </w:p>
                    </w:txbxContent>
                  </v:textbox>
                </v:rect>
                <v:shape id="Shape 1529" o:spid="_x0000_s1281" style="position:absolute;left:11828;top:31166;width:1505;height:1504;visibility:visible;mso-wrap-style:square;v-text-anchor:top" coordsize="150525,1504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" path="m75262,v41577,,75263,33666,75263,75219c150525,116771,116839,150430,75262,150430,33686,150430,,116771,,75219,,33666,33686,,75262,xe" fillcolor="#a6a6a6" stroked="f" strokeweight="0">
                  <v:stroke endcap="round"/>
                  <v:path arrowok="t" textboxrect="0,0,150525,150430"/>
                </v:shape>
                <v:shape id="Shape 1530" o:spid="_x0000_s1282" style="position:absolute;left:11828;top:31166;width:1505;height:1504;visibility:visible;mso-wrap-style:square;v-text-anchor:top" coordsize="150525,1504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" path="m150525,75219c150525,33666,116839,,75262,,33686,,,33666,,75219v,41552,33686,75211,75262,75211c116839,150430,150525,116771,150525,75219xe" filled="f" strokeweight=".15164mm">
                  <v:stroke endcap="round"/>
                  <v:path arrowok="t" textboxrect="0,0,150525,150430"/>
                </v:shape>
                <v:rect id="Rectangle 1531" o:spid="_x0000_s1283" style="position:absolute;left:12327;top:31368;width:674;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5</w:t>
                        </w:r>
                      </w:p>
                    </w:txbxContent>
                  </v:textbox>
                </v:rect>
                <v:rect id="Rectangle 1532" o:spid="_x0000_s1284" style="position:absolute;left:13832;top:30867;width:16744;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Транслировать смещение на </w:t>
                        </w:r>
                      </w:p>
                    </w:txbxContent>
                  </v:textbox>
                </v:rect>
                <v:rect id="Rectangle 1533" o:spid="_x0000_s1285" style="position:absolute;left:13950;top:31959;width:16431;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томе в физический адрес на </w:t>
                        </w:r>
                      </w:p>
                    </w:txbxContent>
                  </v:textbox>
                </v:rect>
                <v:rect id="Rectangle 1534" o:spid="_x0000_s1286" style="position:absolute;left:14363;top:33050;width:15330;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ке и перенести данные </w:t>
                        </w:r>
                      </w:p>
                    </w:txbxContent>
                  </v:textbox>
                </v: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7447" o:spid="_x0000_s1287" type="#_x0000_t75" style="position:absolute;left:2116;top:34351;width:5425;height:317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">
                  <v:imagedata r:id="rId11" o:title=""/>
                </v:shape>
                <v:shape id="Picture 67448" o:spid="_x0000_s1288" type="#_x0000_t75" style="position:absolute;left:4412;top:35682;width:3139;height:256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">
                  <v:imagedata r:id="rId12" o:title=""/>
                </v:shape>
                <v:shape id="Shape 1540" o:spid="_x0000_s1289" style="position:absolute;left:4454;top:35733;width:3073;height:2495;visibility:visible;mso-wrap-style:square;v-text-anchor:top" coordsize="307248,2494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" path="m,249482l291847,80603r,-15355l307248,57574,307248,,,176560r,72922xe" filled="f" strokecolor="white" strokeweight=".15164mm">
                  <v:stroke endcap="round"/>
                  <v:path arrowok="t" textboxrect="0,0,307248,249482"/>
                </v:shape>
                <v:shape id="Picture 67449" o:spid="_x0000_s1290" type="#_x0000_t75" style="position:absolute;left:2116;top:36099;width:2347;height:213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">
                  <v:imagedata r:id="rId13" o:title=""/>
                </v:shape>
                <v:shape id="Shape 1543" o:spid="_x0000_s1291" style="position:absolute;left:2150;top:36155;width:2304;height:2073;visibility:visible;mso-wrap-style:square;v-text-anchor:top" coordsize="230430,2072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" path="m,57574r15364,9592l15364,82521,230430,207262r,-72922l,,,57574xe" filled="f" strokeweight=".15164mm">
                  <v:stroke endcap="round"/>
                  <v:path arrowok="t" textboxrect="0,0,230430,207262"/>
                </v:shape>
                <v:shape id="Shape 1544" o:spid="_x0000_s1292" style="position:absolute;left:2150;top:34390;width:5377;height:3838;visibility:visible;mso-wrap-style:square;v-text-anchor:top" coordsize="537678,383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" path="m,176553r,57574l15364,243719r,15354l230430,383815,522277,214936r,-15355l537678,191907r,-57574l307233,,,176553xe" filled="f" strokeweight=".31594mm">
                  <v:stroke endcap="round"/>
                  <v:path arrowok="t" textboxrect="0,0,537678,383815"/>
                </v:shape>
                <v:shape id="Picture 67450" o:spid="_x0000_s1293" type="#_x0000_t75" style="position:absolute;left:4026;top:37338;width:213;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">
                  <v:imagedata r:id="rId14" o:title=""/>
                </v:shape>
                <v:shape id="Shape 1547" o:spid="_x0000_s1294" style="position:absolute;left:4066;top:37391;width:161;height:244;visibility:visible;mso-wrap-style:square;v-text-anchor:top" coordsize="16190,243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" path="m,15741r16190,8614l16190,8948,,,,15741xe" filled="f" strokeweight=".05056mm">
                  <v:stroke endcap="round"/>
                  <v:path arrowok="t" textboxrect="0,0,16190,24355"/>
                </v:shape>
                <v:shape id="Picture 67451" o:spid="_x0000_s1295" type="#_x0000_t75" style="position:absolute;left:2471;top:36444;width:397;height:61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">
                  <v:imagedata r:id="rId15" o:title=""/>
                </v:shape>
                <v:shape id="Shape 1550" o:spid="_x0000_s1296" style="position:absolute;left:2507;top:36498;width:361;height:543;visibility:visible;mso-wrap-style:square;v-text-anchor:top" coordsize="36106,543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" path="m,35108l36106,54329r,-34371l,,,35108xe" filled="f" strokeweight=".05056mm">
                  <v:stroke endcap="round"/>
                  <v:path arrowok="t" textboxrect="0,0,36106,54329"/>
                </v:shape>
                <v:shape id="Picture 67452" o:spid="_x0000_s1297" type="#_x0000_t75" style="position:absolute;left:3579;top:37084;width:213;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">
                  <v:imagedata r:id="rId16" o:title=""/>
                </v:shape>
                <v:shape id="Shape 1553" o:spid="_x0000_s1298" style="position:absolute;left:3610;top:37133;width:161;height:243;visibility:visible;mso-wrap-style:square;v-text-anchor:top" coordsize="16183,243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" path="m,15742r16183,8613l16183,8948,,,,15742xe" filled="f" strokeweight=".05056mm">
                  <v:stroke endcap="round"/>
                  <v:path arrowok="t" textboxrect="0,0,16183,24355"/>
                </v:shape>
                <v:shape id="Shape 1554" o:spid="_x0000_s1299" style="position:absolute;left:5044;top:27942;width:0;height:7523;visibility:visible;mso-wrap-style:square;v-text-anchor:top" coordsize="0,7522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" path="m,l,752266e" filled="f" strokeweight=".15164mm">
                  <v:stroke endcap="round"/>
                  <v:path arrowok="t" textboxrect="0,0,0,752266"/>
                </v:shape>
                <w10:anchorlock/>
              </v:group>
            </w:pict>
          </mc:Fallback>
        </mc:AlternateContent>
      </w:r>
    </w:p>
    <w:p w:rsidR="0043064D" w:rsidRDefault="008B3C4B">
      <w:pPr>
        <w:spacing w:after="297" w:line="259" w:lineRule="auto"/>
        <w:ind w:left="7798" w:firstLine="0"/>
        <w:jc w:val="left"/>
      </w:pPr>
      <w:r>
        <w:t xml:space="preserve"> </w:t>
      </w:r>
    </w:p>
    <w:p w:rsidR="0043064D" w:rsidRDefault="008B3C4B">
      <w:pPr>
        <w:spacing w:after="333" w:line="265" w:lineRule="auto"/>
        <w:ind w:right="6"/>
        <w:jc w:val="center"/>
      </w:pPr>
      <w:r>
        <w:t xml:space="preserve">Рис. 3. Взаимодействие драйвера файловой системы и драйвера диска </w:t>
      </w:r>
    </w:p>
    <w:p w:rsidR="0043064D" w:rsidRDefault="008B3C4B">
      <w:pPr>
        <w:ind w:left="-5" w:right="1"/>
      </w:pPr>
      <w:r>
        <w:t>Поскольку все драйверы — и устройств, и файловой системы — предоставляют ОС одинаковую инфраструктуру, в их иерархию легко добавить еще один драйвер, не изменяя</w:t>
      </w:r>
      <w:r>
        <w:t xml:space="preserve"> существующие драйверы или подсистему ввода-вывода. Например, введя соответствующий драйвер, можно логически представить несколько дисков как один большой диск. Такой драйвер, кстати, имеется в </w:t>
      </w:r>
      <w:proofErr w:type="spellStart"/>
      <w:r>
        <w:t>Windows</w:t>
      </w:r>
      <w:proofErr w:type="spellEnd"/>
      <w:r>
        <w:t xml:space="preserve"> — он обеспечивает поддержку отказоустойчивых дисков. Д</w:t>
      </w:r>
      <w:r>
        <w:t xml:space="preserve">райвер диспетчера томов вполне логично размещается между драйверами файловой системы и дисков, как показано на рис. 4. </w:t>
      </w:r>
    </w:p>
    <w:p w:rsidR="0043064D" w:rsidRDefault="008B3C4B">
      <w:pPr>
        <w:spacing w:after="0" w:line="259" w:lineRule="auto"/>
        <w:ind w:left="1507" w:firstLine="0"/>
        <w:jc w:val="left"/>
      </w:pPr>
      <w:r>
        <w:rPr>
          <w:noProof/>
        </w:rPr>
        <w:lastRenderedPageBreak/>
        <w:drawing>
          <wp:inline distT="0" distB="0" distL="0" distR="0">
            <wp:extent cx="3877056" cy="5708904"/>
            <wp:effectExtent l="0" t="0" r="0" b="0"/>
            <wp:docPr id="67453" name="Picture 67453"/>
            <wp:cNvGraphicFramePr/>
            <a:graphic xmlns:a="http://schemas.openxmlformats.org/drawingml/2006/main">
              <a:graphicData uri="http://schemas.openxmlformats.org/drawingml/2006/picture">
                <pic:pic xmlns:pic="http://schemas.openxmlformats.org/drawingml/2006/picture">
                  <pic:nvPicPr>
                    <pic:cNvPr id="67453" name="Picture 67453"/>
                    <pic:cNvPicPr/>
                  </pic:nvPicPr>
                  <pic:blipFill>
                    <a:blip r:embed="rId17"/>
                    <a:stretch>
                      <a:fillRect/>
                    </a:stretch>
                  </pic:blipFill>
                  <pic:spPr>
                    <a:xfrm>
                      <a:off x="0" y="0"/>
                      <a:ext cx="3877056" cy="5708904"/>
                    </a:xfrm>
                    <a:prstGeom prst="rect">
                      <a:avLst/>
                    </a:prstGeom>
                  </pic:spPr>
                </pic:pic>
              </a:graphicData>
            </a:graphic>
          </wp:inline>
        </w:drawing>
      </w:r>
    </w:p>
    <w:p w:rsidR="0043064D" w:rsidRDefault="008B3C4B">
      <w:pPr>
        <w:spacing w:after="297" w:line="259" w:lineRule="auto"/>
        <w:ind w:left="1507" w:right="1429" w:firstLine="0"/>
        <w:jc w:val="right"/>
      </w:pPr>
      <w:r>
        <w:t xml:space="preserve"> </w:t>
      </w:r>
    </w:p>
    <w:p w:rsidR="0043064D" w:rsidRDefault="008B3C4B">
      <w:pPr>
        <w:spacing w:after="364" w:line="265" w:lineRule="auto"/>
        <w:ind w:right="1"/>
        <w:jc w:val="center"/>
      </w:pPr>
      <w:r>
        <w:t xml:space="preserve">Рис. 4. Добавление промежуточного драйвера </w:t>
      </w:r>
    </w:p>
    <w:p w:rsidR="0043064D" w:rsidRDefault="008B3C4B">
      <w:pPr>
        <w:pStyle w:val="3"/>
        <w:spacing w:after="57" w:line="265" w:lineRule="auto"/>
        <w:ind w:left="-5"/>
      </w:pPr>
      <w:bookmarkStart w:id="8" w:name="_Toc68656"/>
      <w:r>
        <w:rPr>
          <w:rFonts w:ascii="Tahoma" w:eastAsia="Tahoma" w:hAnsi="Tahoma" w:cs="Tahoma"/>
          <w:b w:val="0"/>
        </w:rPr>
        <w:t xml:space="preserve">Структура драйвера </w:t>
      </w:r>
      <w:bookmarkEnd w:id="8"/>
    </w:p>
    <w:p w:rsidR="0043064D" w:rsidRDefault="008B3C4B">
      <w:pPr>
        <w:ind w:left="-5" w:right="1"/>
      </w:pPr>
      <w:r>
        <w:t>Выполнением драйверов устройств управляет подсистема ввода-вывода. Д</w:t>
      </w:r>
      <w:r>
        <w:t xml:space="preserve">райвер устройства состоит из набора процедур, вызываемых на различных этапах обработки запроса ввода-вывода. Основные процедуры драйвера показаны на Рис. 5. </w:t>
      </w:r>
    </w:p>
    <w:p w:rsidR="0043064D" w:rsidRDefault="008B3C4B">
      <w:pPr>
        <w:spacing w:after="370" w:line="259" w:lineRule="auto"/>
        <w:ind w:left="1712" w:firstLine="0"/>
        <w:jc w:val="left"/>
      </w:pPr>
      <w:r>
        <w:rPr>
          <w:rFonts w:ascii="Calibri" w:eastAsia="Calibri" w:hAnsi="Calibri" w:cs="Calibri"/>
          <w:noProof/>
          <w:sz w:val="22"/>
        </w:rPr>
        <mc:AlternateContent>
          <mc:Choice Requires="wpg">
            <w:drawing>
              <wp:inline distT="0" distB="0" distL="0" distR="0">
                <wp:extent cx="3824262" cy="2021647"/>
                <wp:effectExtent l="0" t="0" r="0" b="0"/>
                <wp:docPr id="55845" name="Group 55845"/>
                <wp:cNvGraphicFramePr/>
                <a:graphic xmlns:a="http://schemas.openxmlformats.org/drawingml/2006/main">
                  <a:graphicData uri="http://schemas.microsoft.com/office/word/2010/wordprocessingGroup">
                    <wpg:wgp>
                      <wpg:cNvGrpSpPr/>
                      <wpg:grpSpPr>
                        <a:xfrm>
                          <a:off x="0" y="0"/>
                          <a:ext cx="3824262" cy="2021647"/>
                          <a:chOff x="0" y="0"/>
                          <a:chExt cx="3824262" cy="2021647"/>
                        </a:xfrm>
                      </wpg:grpSpPr>
                      <wps:wsp>
                        <wps:cNvPr id="1821" name="Shape 1821"/>
                        <wps:cNvSpPr/>
                        <wps:spPr>
                          <a:xfrm>
                            <a:off x="2365067" y="228950"/>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22" name="Rectangle 1822"/>
                        <wps:cNvSpPr/>
                        <wps:spPr>
                          <a:xfrm>
                            <a:off x="2601487" y="241995"/>
                            <a:ext cx="657785" cy="113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а </w:t>
                              </w:r>
                            </w:p>
                          </w:txbxContent>
                        </wps:txbx>
                        <wps:bodyPr horzOverflow="overflow" vert="horz" lIns="0" tIns="0" rIns="0" bIns="0" rtlCol="0">
                          <a:noAutofit/>
                        </wps:bodyPr>
                      </wps:wsp>
                      <wps:wsp>
                        <wps:cNvPr id="1823" name="Rectangle 1823"/>
                        <wps:cNvSpPr/>
                        <wps:spPr>
                          <a:xfrm>
                            <a:off x="2508345" y="350983"/>
                            <a:ext cx="905696" cy="113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нициализации </w:t>
                              </w:r>
                            </w:p>
                          </w:txbxContent>
                        </wps:txbx>
                        <wps:bodyPr horzOverflow="overflow" vert="horz" lIns="0" tIns="0" rIns="0" bIns="0" rtlCol="0">
                          <a:noAutofit/>
                        </wps:bodyPr>
                      </wps:wsp>
                      <wps:wsp>
                        <wps:cNvPr id="1824" name="Rectangle 1824"/>
                        <wps:cNvSpPr/>
                        <wps:spPr>
                          <a:xfrm>
                            <a:off x="2549910" y="459971"/>
                            <a:ext cx="333891" cy="113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1825" name="Rectangle 1825"/>
                        <wps:cNvSpPr/>
                        <wps:spPr>
                          <a:xfrm>
                            <a:off x="2800968" y="443898"/>
                            <a:ext cx="40313" cy="1346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826" name="Rectangle 1826"/>
                        <wps:cNvSpPr/>
                        <wps:spPr>
                          <a:xfrm>
                            <a:off x="2831232" y="459971"/>
                            <a:ext cx="420897" cy="113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1828" name="Shape 1828"/>
                        <wps:cNvSpPr/>
                        <wps:spPr>
                          <a:xfrm>
                            <a:off x="2590792" y="904700"/>
                            <a:ext cx="1171782" cy="303933"/>
                          </a:xfrm>
                          <a:custGeom>
                            <a:avLst/>
                            <a:gdLst/>
                            <a:ahLst/>
                            <a:cxnLst/>
                            <a:rect l="0" t="0" r="0" b="0"/>
                            <a:pathLst>
                              <a:path w="1171782" h="303933">
                                <a:moveTo>
                                  <a:pt x="0" y="303933"/>
                                </a:moveTo>
                                <a:lnTo>
                                  <a:pt x="1171782" y="303933"/>
                                </a:lnTo>
                                <a:lnTo>
                                  <a:pt x="117178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29" name="Rectangle 1829"/>
                        <wps:cNvSpPr/>
                        <wps:spPr>
                          <a:xfrm>
                            <a:off x="2612788" y="963360"/>
                            <a:ext cx="1500035" cy="113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а обслуживания </w:t>
                              </w:r>
                            </w:p>
                          </w:txbxContent>
                        </wps:txbx>
                        <wps:bodyPr horzOverflow="overflow" vert="horz" lIns="0" tIns="0" rIns="0" bIns="0" rtlCol="0">
                          <a:noAutofit/>
                        </wps:bodyPr>
                      </wps:wsp>
                      <wps:wsp>
                        <wps:cNvPr id="1830" name="Rectangle 1830"/>
                        <wps:cNvSpPr/>
                        <wps:spPr>
                          <a:xfrm>
                            <a:off x="2905260" y="1072349"/>
                            <a:ext cx="688315" cy="113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ерываний</w:t>
                              </w:r>
                            </w:p>
                          </w:txbxContent>
                        </wps:txbx>
                        <wps:bodyPr horzOverflow="overflow" vert="horz" lIns="0" tIns="0" rIns="0" bIns="0" rtlCol="0">
                          <a:noAutofit/>
                        </wps:bodyPr>
                      </wps:wsp>
                      <wps:wsp>
                        <wps:cNvPr id="1831" name="Rectangle 1831"/>
                        <wps:cNvSpPr/>
                        <wps:spPr>
                          <a:xfrm>
                            <a:off x="3422773" y="1056275"/>
                            <a:ext cx="33634" cy="13468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833" name="Shape 1833"/>
                        <wps:cNvSpPr/>
                        <wps:spPr>
                          <a:xfrm>
                            <a:off x="2257514" y="1655633"/>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34" name="Rectangle 1834"/>
                        <wps:cNvSpPr/>
                        <wps:spPr>
                          <a:xfrm>
                            <a:off x="2403522" y="1761595"/>
                            <a:ext cx="255589" cy="1346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1835" name="Rectangle 1835"/>
                        <wps:cNvSpPr/>
                        <wps:spPr>
                          <a:xfrm>
                            <a:off x="2595646" y="1761595"/>
                            <a:ext cx="40313" cy="1346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836" name="Rectangle 1836"/>
                        <wps:cNvSpPr/>
                        <wps:spPr>
                          <a:xfrm>
                            <a:off x="2625986" y="1777668"/>
                            <a:ext cx="602659" cy="113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оцедура</w:t>
                              </w:r>
                            </w:p>
                          </w:txbxContent>
                        </wps:txbx>
                        <wps:bodyPr horzOverflow="overflow" vert="horz" lIns="0" tIns="0" rIns="0" bIns="0" rtlCol="0">
                          <a:noAutofit/>
                        </wps:bodyPr>
                      </wps:wsp>
                      <wps:wsp>
                        <wps:cNvPr id="1838" name="Shape 1838"/>
                        <wps:cNvSpPr/>
                        <wps:spPr>
                          <a:xfrm>
                            <a:off x="645007" y="1655633"/>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39" name="Rectangle 1839"/>
                        <wps:cNvSpPr/>
                        <wps:spPr>
                          <a:xfrm>
                            <a:off x="688203" y="1723175"/>
                            <a:ext cx="1171922" cy="11354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нициализирующая </w:t>
                              </w:r>
                            </w:p>
                          </w:txbxContent>
                        </wps:txbx>
                        <wps:bodyPr horzOverflow="overflow" vert="horz" lIns="0" tIns="0" rIns="0" bIns="0" rtlCol="0">
                          <a:noAutofit/>
                        </wps:bodyPr>
                      </wps:wsp>
                      <wps:wsp>
                        <wps:cNvPr id="1840" name="Rectangle 1840"/>
                        <wps:cNvSpPr/>
                        <wps:spPr>
                          <a:xfrm>
                            <a:off x="902179" y="1832163"/>
                            <a:ext cx="602660" cy="11354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оцедура</w:t>
                              </w:r>
                            </w:p>
                          </w:txbxContent>
                        </wps:txbx>
                        <wps:bodyPr horzOverflow="overflow" vert="horz" lIns="0" tIns="0" rIns="0" bIns="0" rtlCol="0">
                          <a:noAutofit/>
                        </wps:bodyPr>
                      </wps:wsp>
                      <wps:wsp>
                        <wps:cNvPr id="1842" name="Shape 1842"/>
                        <wps:cNvSpPr/>
                        <wps:spPr>
                          <a:xfrm>
                            <a:off x="0" y="904753"/>
                            <a:ext cx="1075000" cy="321818"/>
                          </a:xfrm>
                          <a:custGeom>
                            <a:avLst/>
                            <a:gdLst/>
                            <a:ahLst/>
                            <a:cxnLst/>
                            <a:rect l="0" t="0" r="0" b="0"/>
                            <a:pathLst>
                              <a:path w="1075000" h="321818">
                                <a:moveTo>
                                  <a:pt x="0" y="321818"/>
                                </a:moveTo>
                                <a:lnTo>
                                  <a:pt x="1075000" y="321818"/>
                                </a:lnTo>
                                <a:lnTo>
                                  <a:pt x="1075000"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43" name="Rectangle 1843"/>
                        <wps:cNvSpPr/>
                        <wps:spPr>
                          <a:xfrm>
                            <a:off x="23105" y="972292"/>
                            <a:ext cx="1368339" cy="11354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а добавления </w:t>
                              </w:r>
                            </w:p>
                          </w:txbxContent>
                        </wps:txbx>
                        <wps:bodyPr horzOverflow="overflow" vert="horz" lIns="0" tIns="0" rIns="0" bIns="0" rtlCol="0">
                          <a:noAutofit/>
                        </wps:bodyPr>
                      </wps:wsp>
                      <wps:wsp>
                        <wps:cNvPr id="1844" name="Rectangle 1844"/>
                        <wps:cNvSpPr/>
                        <wps:spPr>
                          <a:xfrm>
                            <a:off x="327339" y="1081280"/>
                            <a:ext cx="559030" cy="11354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стройств</w:t>
                              </w:r>
                            </w:p>
                          </w:txbxContent>
                        </wps:txbx>
                        <wps:bodyPr horzOverflow="overflow" vert="horz" lIns="0" tIns="0" rIns="0" bIns="0" rtlCol="0">
                          <a:noAutofit/>
                        </wps:bodyPr>
                      </wps:wsp>
                      <wps:wsp>
                        <wps:cNvPr id="1845" name="Shape 1845"/>
                        <wps:cNvSpPr/>
                        <wps:spPr>
                          <a:xfrm>
                            <a:off x="1462016" y="840344"/>
                            <a:ext cx="688021" cy="450567"/>
                          </a:xfrm>
                          <a:custGeom>
                            <a:avLst/>
                            <a:gdLst/>
                            <a:ahLst/>
                            <a:cxnLst/>
                            <a:rect l="0" t="0" r="0" b="0"/>
                            <a:pathLst>
                              <a:path w="688021" h="450567">
                                <a:moveTo>
                                  <a:pt x="344048" y="0"/>
                                </a:moveTo>
                                <a:cubicBezTo>
                                  <a:pt x="533973" y="0"/>
                                  <a:pt x="688021" y="100889"/>
                                  <a:pt x="688021" y="225318"/>
                                </a:cubicBezTo>
                                <a:cubicBezTo>
                                  <a:pt x="688021" y="349746"/>
                                  <a:pt x="533973" y="450567"/>
                                  <a:pt x="344048" y="450567"/>
                                </a:cubicBezTo>
                                <a:cubicBezTo>
                                  <a:pt x="154048" y="450567"/>
                                  <a:pt x="0" y="349746"/>
                                  <a:pt x="0" y="225318"/>
                                </a:cubicBezTo>
                                <a:cubicBezTo>
                                  <a:pt x="0" y="100889"/>
                                  <a:pt x="154048" y="0"/>
                                  <a:pt x="344048"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1846" name="Shape 1846"/>
                        <wps:cNvSpPr/>
                        <wps:spPr>
                          <a:xfrm>
                            <a:off x="1462016" y="840344"/>
                            <a:ext cx="688021" cy="450567"/>
                          </a:xfrm>
                          <a:custGeom>
                            <a:avLst/>
                            <a:gdLst/>
                            <a:ahLst/>
                            <a:cxnLst/>
                            <a:rect l="0" t="0" r="0" b="0"/>
                            <a:pathLst>
                              <a:path w="688021" h="450567">
                                <a:moveTo>
                                  <a:pt x="688021" y="225318"/>
                                </a:moveTo>
                                <a:cubicBezTo>
                                  <a:pt x="688021" y="100889"/>
                                  <a:pt x="533973" y="0"/>
                                  <a:pt x="344048" y="0"/>
                                </a:cubicBezTo>
                                <a:cubicBezTo>
                                  <a:pt x="154048" y="0"/>
                                  <a:pt x="0" y="100889"/>
                                  <a:pt x="0" y="225318"/>
                                </a:cubicBezTo>
                                <a:cubicBezTo>
                                  <a:pt x="0" y="349746"/>
                                  <a:pt x="154048" y="450567"/>
                                  <a:pt x="344048" y="450567"/>
                                </a:cubicBezTo>
                                <a:cubicBezTo>
                                  <a:pt x="533973" y="450567"/>
                                  <a:pt x="688021" y="349746"/>
                                  <a:pt x="688021" y="225318"/>
                                </a:cubicBezTo>
                                <a:close/>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47" name="Rectangle 1847"/>
                        <wps:cNvSpPr/>
                        <wps:spPr>
                          <a:xfrm>
                            <a:off x="1547801" y="972292"/>
                            <a:ext cx="720626" cy="11354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wps:txbx>
                        <wps:bodyPr horzOverflow="overflow" vert="horz" lIns="0" tIns="0" rIns="0" bIns="0" rtlCol="0">
                          <a:noAutofit/>
                        </wps:bodyPr>
                      </wps:wsp>
                      <wps:wsp>
                        <wps:cNvPr id="1848" name="Rectangle 1848"/>
                        <wps:cNvSpPr/>
                        <wps:spPr>
                          <a:xfrm>
                            <a:off x="1507070" y="1081280"/>
                            <a:ext cx="333891" cy="11354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1849" name="Rectangle 1849"/>
                        <wps:cNvSpPr/>
                        <wps:spPr>
                          <a:xfrm>
                            <a:off x="1758128" y="1065206"/>
                            <a:ext cx="40313" cy="13468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1850" name="Rectangle 1850"/>
                        <wps:cNvSpPr/>
                        <wps:spPr>
                          <a:xfrm>
                            <a:off x="1788467" y="1081280"/>
                            <a:ext cx="420897" cy="11354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1852" name="Shape 1852"/>
                        <wps:cNvSpPr/>
                        <wps:spPr>
                          <a:xfrm>
                            <a:off x="860007" y="3633"/>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69375" name="Shape 69375"/>
                        <wps:cNvSpPr/>
                        <wps:spPr>
                          <a:xfrm>
                            <a:off x="752530" y="153794"/>
                            <a:ext cx="967522" cy="321818"/>
                          </a:xfrm>
                          <a:custGeom>
                            <a:avLst/>
                            <a:gdLst/>
                            <a:ahLst/>
                            <a:cxnLst/>
                            <a:rect l="0" t="0" r="0" b="0"/>
                            <a:pathLst>
                              <a:path w="967522" h="321818">
                                <a:moveTo>
                                  <a:pt x="0" y="0"/>
                                </a:moveTo>
                                <a:lnTo>
                                  <a:pt x="967522" y="0"/>
                                </a:lnTo>
                                <a:lnTo>
                                  <a:pt x="967522" y="321818"/>
                                </a:lnTo>
                                <a:lnTo>
                                  <a:pt x="0" y="32181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854" name="Shape 1854"/>
                        <wps:cNvSpPr/>
                        <wps:spPr>
                          <a:xfrm>
                            <a:off x="752530" y="153794"/>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69376" name="Shape 69376"/>
                        <wps:cNvSpPr/>
                        <wps:spPr>
                          <a:xfrm>
                            <a:off x="698761" y="228950"/>
                            <a:ext cx="967522" cy="321818"/>
                          </a:xfrm>
                          <a:custGeom>
                            <a:avLst/>
                            <a:gdLst/>
                            <a:ahLst/>
                            <a:cxnLst/>
                            <a:rect l="0" t="0" r="0" b="0"/>
                            <a:pathLst>
                              <a:path w="967522" h="321818">
                                <a:moveTo>
                                  <a:pt x="0" y="0"/>
                                </a:moveTo>
                                <a:lnTo>
                                  <a:pt x="967522" y="0"/>
                                </a:lnTo>
                                <a:lnTo>
                                  <a:pt x="967522" y="321818"/>
                                </a:lnTo>
                                <a:lnTo>
                                  <a:pt x="0" y="32181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856" name="Shape 1856"/>
                        <wps:cNvSpPr/>
                        <wps:spPr>
                          <a:xfrm>
                            <a:off x="698761" y="228950"/>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57" name="Rectangle 1857"/>
                        <wps:cNvSpPr/>
                        <wps:spPr>
                          <a:xfrm>
                            <a:off x="927816" y="296490"/>
                            <a:ext cx="677467" cy="11354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wps:txbx>
                        <wps:bodyPr horzOverflow="overflow" vert="horz" lIns="0" tIns="0" rIns="0" bIns="0" rtlCol="0">
                          <a:noAutofit/>
                        </wps:bodyPr>
                      </wps:wsp>
                      <wps:wsp>
                        <wps:cNvPr id="1858" name="Rectangle 1858"/>
                        <wps:cNvSpPr/>
                        <wps:spPr>
                          <a:xfrm>
                            <a:off x="814119" y="405478"/>
                            <a:ext cx="979906" cy="11354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изации</w:t>
                              </w:r>
                            </w:p>
                          </w:txbxContent>
                        </wps:txbx>
                        <wps:bodyPr horzOverflow="overflow" vert="horz" lIns="0" tIns="0" rIns="0" bIns="0" rtlCol="0">
                          <a:noAutofit/>
                        </wps:bodyPr>
                      </wps:wsp>
                      <wps:wsp>
                        <wps:cNvPr id="1859" name="Shape 1859"/>
                        <wps:cNvSpPr/>
                        <wps:spPr>
                          <a:xfrm>
                            <a:off x="2006228" y="575518"/>
                            <a:ext cx="779721" cy="306984"/>
                          </a:xfrm>
                          <a:custGeom>
                            <a:avLst/>
                            <a:gdLst/>
                            <a:ahLst/>
                            <a:cxnLst/>
                            <a:rect l="0" t="0" r="0" b="0"/>
                            <a:pathLst>
                              <a:path w="779721" h="306984">
                                <a:moveTo>
                                  <a:pt x="0" y="306984"/>
                                </a:moveTo>
                                <a:lnTo>
                                  <a:pt x="779721" y="0"/>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60" name="Shape 1860"/>
                        <wps:cNvSpPr/>
                        <wps:spPr>
                          <a:xfrm>
                            <a:off x="2771159" y="550769"/>
                            <a:ext cx="77669" cy="49801"/>
                          </a:xfrm>
                          <a:custGeom>
                            <a:avLst/>
                            <a:gdLst/>
                            <a:ahLst/>
                            <a:cxnLst/>
                            <a:rect l="0" t="0" r="0" b="0"/>
                            <a:pathLst>
                              <a:path w="77669" h="49801">
                                <a:moveTo>
                                  <a:pt x="77669" y="0"/>
                                </a:moveTo>
                                <a:lnTo>
                                  <a:pt x="18052" y="49801"/>
                                </a:lnTo>
                                <a:lnTo>
                                  <a:pt x="0" y="4163"/>
                                </a:lnTo>
                                <a:lnTo>
                                  <a:pt x="77669"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61" name="Shape 1861"/>
                        <wps:cNvSpPr/>
                        <wps:spPr>
                          <a:xfrm>
                            <a:off x="2148444" y="1061424"/>
                            <a:ext cx="374919" cy="26036"/>
                          </a:xfrm>
                          <a:custGeom>
                            <a:avLst/>
                            <a:gdLst/>
                            <a:ahLst/>
                            <a:cxnLst/>
                            <a:rect l="0" t="0" r="0" b="0"/>
                            <a:pathLst>
                              <a:path w="374919" h="26036">
                                <a:moveTo>
                                  <a:pt x="0" y="26036"/>
                                </a:moveTo>
                                <a:lnTo>
                                  <a:pt x="374919" y="0"/>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62" name="Shape 1862"/>
                        <wps:cNvSpPr/>
                        <wps:spPr>
                          <a:xfrm>
                            <a:off x="2515550" y="1037355"/>
                            <a:ext cx="75242" cy="48893"/>
                          </a:xfrm>
                          <a:custGeom>
                            <a:avLst/>
                            <a:gdLst/>
                            <a:ahLst/>
                            <a:cxnLst/>
                            <a:rect l="0" t="0" r="0" b="0"/>
                            <a:pathLst>
                              <a:path w="75242" h="48893">
                                <a:moveTo>
                                  <a:pt x="0" y="0"/>
                                </a:moveTo>
                                <a:lnTo>
                                  <a:pt x="75242" y="19376"/>
                                </a:lnTo>
                                <a:lnTo>
                                  <a:pt x="3414" y="4889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63" name="Shape 1863"/>
                        <wps:cNvSpPr/>
                        <wps:spPr>
                          <a:xfrm>
                            <a:off x="1997051" y="1253000"/>
                            <a:ext cx="684835" cy="370491"/>
                          </a:xfrm>
                          <a:custGeom>
                            <a:avLst/>
                            <a:gdLst/>
                            <a:ahLst/>
                            <a:cxnLst/>
                            <a:rect l="0" t="0" r="0" b="0"/>
                            <a:pathLst>
                              <a:path w="684835" h="370491">
                                <a:moveTo>
                                  <a:pt x="0" y="0"/>
                                </a:moveTo>
                                <a:lnTo>
                                  <a:pt x="684835" y="370491"/>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64" name="Shape 1864"/>
                        <wps:cNvSpPr/>
                        <wps:spPr>
                          <a:xfrm>
                            <a:off x="2664744" y="1599015"/>
                            <a:ext cx="76531" cy="56621"/>
                          </a:xfrm>
                          <a:custGeom>
                            <a:avLst/>
                            <a:gdLst/>
                            <a:ahLst/>
                            <a:cxnLst/>
                            <a:rect l="0" t="0" r="0" b="0"/>
                            <a:pathLst>
                              <a:path w="76531" h="56621">
                                <a:moveTo>
                                  <a:pt x="23437" y="0"/>
                                </a:moveTo>
                                <a:lnTo>
                                  <a:pt x="76531" y="56621"/>
                                </a:lnTo>
                                <a:lnTo>
                                  <a:pt x="0" y="43118"/>
                                </a:lnTo>
                                <a:lnTo>
                                  <a:pt x="2343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65" name="Shape 1865"/>
                        <wps:cNvSpPr/>
                        <wps:spPr>
                          <a:xfrm>
                            <a:off x="1182439" y="1263604"/>
                            <a:ext cx="459414" cy="351033"/>
                          </a:xfrm>
                          <a:custGeom>
                            <a:avLst/>
                            <a:gdLst/>
                            <a:ahLst/>
                            <a:cxnLst/>
                            <a:rect l="0" t="0" r="0" b="0"/>
                            <a:pathLst>
                              <a:path w="459414" h="351033">
                                <a:moveTo>
                                  <a:pt x="459414" y="0"/>
                                </a:moveTo>
                                <a:lnTo>
                                  <a:pt x="0" y="351033"/>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66" name="Shape 1866"/>
                        <wps:cNvSpPr/>
                        <wps:spPr>
                          <a:xfrm>
                            <a:off x="1128738" y="1591439"/>
                            <a:ext cx="73497" cy="64197"/>
                          </a:xfrm>
                          <a:custGeom>
                            <a:avLst/>
                            <a:gdLst/>
                            <a:ahLst/>
                            <a:cxnLst/>
                            <a:rect l="0" t="0" r="0" b="0"/>
                            <a:pathLst>
                              <a:path w="73497" h="64197">
                                <a:moveTo>
                                  <a:pt x="43613" y="0"/>
                                </a:moveTo>
                                <a:lnTo>
                                  <a:pt x="73497" y="38941"/>
                                </a:lnTo>
                                <a:lnTo>
                                  <a:pt x="0" y="64197"/>
                                </a:lnTo>
                                <a:lnTo>
                                  <a:pt x="43613"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67" name="Shape 1867"/>
                        <wps:cNvSpPr/>
                        <wps:spPr>
                          <a:xfrm>
                            <a:off x="1142543" y="1054914"/>
                            <a:ext cx="319473" cy="8855"/>
                          </a:xfrm>
                          <a:custGeom>
                            <a:avLst/>
                            <a:gdLst/>
                            <a:ahLst/>
                            <a:cxnLst/>
                            <a:rect l="0" t="0" r="0" b="0"/>
                            <a:pathLst>
                              <a:path w="319473" h="8855">
                                <a:moveTo>
                                  <a:pt x="319473" y="0"/>
                                </a:moveTo>
                                <a:lnTo>
                                  <a:pt x="0" y="8855"/>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68" name="Shape 1868"/>
                        <wps:cNvSpPr/>
                        <wps:spPr>
                          <a:xfrm>
                            <a:off x="1075038" y="1039096"/>
                            <a:ext cx="74331" cy="49044"/>
                          </a:xfrm>
                          <a:custGeom>
                            <a:avLst/>
                            <a:gdLst/>
                            <a:ahLst/>
                            <a:cxnLst/>
                            <a:rect l="0" t="0" r="0" b="0"/>
                            <a:pathLst>
                              <a:path w="74331" h="49044">
                                <a:moveTo>
                                  <a:pt x="72966" y="0"/>
                                </a:moveTo>
                                <a:lnTo>
                                  <a:pt x="74331" y="49044"/>
                                </a:lnTo>
                                <a:lnTo>
                                  <a:pt x="0" y="26566"/>
                                </a:lnTo>
                                <a:lnTo>
                                  <a:pt x="7296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69" name="Shape 1869"/>
                        <wps:cNvSpPr/>
                        <wps:spPr>
                          <a:xfrm>
                            <a:off x="1241828" y="583011"/>
                            <a:ext cx="484520" cy="263464"/>
                          </a:xfrm>
                          <a:custGeom>
                            <a:avLst/>
                            <a:gdLst/>
                            <a:ahLst/>
                            <a:cxnLst/>
                            <a:rect l="0" t="0" r="0" b="0"/>
                            <a:pathLst>
                              <a:path w="484520" h="263464">
                                <a:moveTo>
                                  <a:pt x="484520" y="263464"/>
                                </a:moveTo>
                                <a:lnTo>
                                  <a:pt x="0" y="0"/>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70" name="Shape 1870"/>
                        <wps:cNvSpPr/>
                        <wps:spPr>
                          <a:xfrm>
                            <a:off x="1182515" y="550769"/>
                            <a:ext cx="76531" cy="56689"/>
                          </a:xfrm>
                          <a:custGeom>
                            <a:avLst/>
                            <a:gdLst/>
                            <a:ahLst/>
                            <a:cxnLst/>
                            <a:rect l="0" t="0" r="0" b="0"/>
                            <a:pathLst>
                              <a:path w="76531" h="56689">
                                <a:moveTo>
                                  <a:pt x="0" y="0"/>
                                </a:moveTo>
                                <a:lnTo>
                                  <a:pt x="76531" y="13623"/>
                                </a:lnTo>
                                <a:lnTo>
                                  <a:pt x="52942" y="5668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71" name="Rectangle 1871"/>
                        <wps:cNvSpPr/>
                        <wps:spPr>
                          <a:xfrm rot="5399999">
                            <a:off x="1255912" y="-59144"/>
                            <a:ext cx="39176" cy="1574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1872" name="Rectangle 1872"/>
                        <wps:cNvSpPr/>
                        <wps:spPr>
                          <a:xfrm rot="5399999">
                            <a:off x="1255912" y="-29704"/>
                            <a:ext cx="39176" cy="1574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1873" name="Rectangle 1873"/>
                        <wps:cNvSpPr/>
                        <wps:spPr>
                          <a:xfrm rot="5399999">
                            <a:off x="1255911" y="-264"/>
                            <a:ext cx="39177" cy="1574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1874" name="Rectangle 1874"/>
                        <wps:cNvSpPr/>
                        <wps:spPr>
                          <a:xfrm rot="5399999">
                            <a:off x="1255910" y="29175"/>
                            <a:ext cx="39178" cy="1574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1875" name="Rectangle 1875"/>
                        <wps:cNvSpPr/>
                        <wps:spPr>
                          <a:xfrm rot="5399999">
                            <a:off x="1255910" y="58615"/>
                            <a:ext cx="39178" cy="1574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1876" name="Rectangle 1876"/>
                        <wps:cNvSpPr/>
                        <wps:spPr>
                          <a:xfrm>
                            <a:off x="3779200" y="1896882"/>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inline>
            </w:drawing>
          </mc:Choice>
          <mc:Fallback>
            <w:pict>
              <v:group id="Group 55845" o:spid="_x0000_s1300" style="width:301.1pt;height:159.2pt;mso-position-horizontal-relative:char;mso-position-vertical-relative:line" coordsize="38242,202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">
                <v:shape id="Shape 1821" o:spid="_x0000_s1301" style="position:absolute;left:23650;top:2289;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" path="m,321818r967522,l967522,,,,,321818xe" filled="f" strokeweight=".05044mm">
                  <v:stroke endcap="round"/>
                  <v:path arrowok="t" textboxrect="0,0,967522,321818"/>
                </v:shape>
                <v:rect id="Rectangle 1822" o:spid="_x0000_s1302" style="position:absolute;left:26014;top:2419;width:6578;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а </w:t>
                        </w:r>
                      </w:p>
                    </w:txbxContent>
                  </v:textbox>
                </v:rect>
                <v:rect id="Rectangle 1823" o:spid="_x0000_s1303" style="position:absolute;left:25083;top:3509;width:9057;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нициализации </w:t>
                        </w:r>
                      </w:p>
                    </w:txbxContent>
                  </v:textbox>
                </v:rect>
                <v:rect id="Rectangle 1824" o:spid="_x0000_s1304" style="position:absolute;left:25499;top:4599;width:333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1825" o:spid="_x0000_s1305" style="position:absolute;left:28009;top:4438;width:403;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826" o:spid="_x0000_s1306" style="position:absolute;left:28312;top:4599;width:420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1828" o:spid="_x0000_s1307" style="position:absolute;left:25907;top:9047;width:11718;height:3039;visibility:visible;mso-wrap-style:square;v-text-anchor:top" coordsize="1171782,30393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" path="m,303933r1171782,l1171782,,,,,303933xe" filled="f" strokeweight=".05044mm">
                  <v:stroke endcap="round"/>
                  <v:path arrowok="t" textboxrect="0,0,1171782,303933"/>
                </v:shape>
                <v:rect id="Rectangle 1829" o:spid="_x0000_s1308" style="position:absolute;left:26127;top:9633;width:15001;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а обслуживания </w:t>
                        </w:r>
                      </w:p>
                    </w:txbxContent>
                  </v:textbox>
                </v:rect>
                <v:rect id="Rectangle 1830" o:spid="_x0000_s1309" style="position:absolute;left:29052;top:10723;width:688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рерываний</w:t>
                        </w:r>
                      </w:p>
                    </w:txbxContent>
                  </v:textbox>
                </v:rect>
                <v:rect id="Rectangle 1831" o:spid="_x0000_s1310" style="position:absolute;left:34227;top:10562;width:337;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shape id="Shape 1833" o:spid="_x0000_s1311" style="position:absolute;left:22575;top:16556;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" path="m,321818r967522,l967522,,,,,321818xe" filled="f" strokeweight=".05044mm">
                  <v:stroke endcap="round"/>
                  <v:path arrowok="t" textboxrect="0,0,967522,321818"/>
                </v:shape>
                <v:rect id="Rectangle 1834" o:spid="_x0000_s1312" style="position:absolute;left:24035;top:17615;width:2556;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1835" o:spid="_x0000_s1313" style="position:absolute;left:25956;top:17615;width:403;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836" o:spid="_x0000_s1314" style="position:absolute;left:26259;top:17776;width:6027;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процедура</w:t>
                        </w:r>
                      </w:p>
                    </w:txbxContent>
                  </v:textbox>
                </v:rect>
                <v:shape id="Shape 1838" o:spid="_x0000_s1315" style="position:absolute;left:6450;top:16556;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" path="m,321818r967522,l967522,,,,,321818xe" filled="f" strokeweight=".05044mm">
                  <v:stroke endcap="round"/>
                  <v:path arrowok="t" textboxrect="0,0,967522,321818"/>
                </v:shape>
                <v:rect id="Rectangle 1839" o:spid="_x0000_s1316" style="position:absolute;left:6882;top:17231;width:1171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нициализирующая </w:t>
                        </w:r>
                      </w:p>
                    </w:txbxContent>
                  </v:textbox>
                </v:rect>
                <v:rect id="Rectangle 1840" o:spid="_x0000_s1317" style="position:absolute;left:9021;top:18321;width:6027;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роцедура</w:t>
                        </w:r>
                      </w:p>
                    </w:txbxContent>
                  </v:textbox>
                </v:rect>
                <v:shape id="Shape 1842" o:spid="_x0000_s1318" style="position:absolute;top:9047;width:10750;height:3218;visibility:visible;mso-wrap-style:square;v-text-anchor:top" coordsize="1075000,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" path="m,321818r1075000,l1075000,,,,,321818xe" filled="f" strokeweight=".05044mm">
                  <v:stroke endcap="round"/>
                  <v:path arrowok="t" textboxrect="0,0,1075000,321818"/>
                </v:shape>
                <v:rect id="Rectangle 1843" o:spid="_x0000_s1319" style="position:absolute;left:231;top:9722;width:13683;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а добавления </w:t>
                        </w:r>
                      </w:p>
                    </w:txbxContent>
                  </v:textbox>
                </v:rect>
                <v:rect id="Rectangle 1844" o:spid="_x0000_s1320" style="position:absolute;left:3273;top:10812;width:5590;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устройств</w:t>
                        </w:r>
                      </w:p>
                    </w:txbxContent>
                  </v:textbox>
                </v:rect>
                <v:shape id="Shape 1845" o:spid="_x0000_s1321" style="position:absolute;left:14620;top:8403;width:6880;height:4506;visibility:visible;mso-wrap-style:square;v-text-anchor:top" coordsize="688021,4505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" path="m344048,c533973,,688021,100889,688021,225318v,124428,-154048,225249,-343973,225249c154048,450567,,349746,,225318,,100889,154048,,344048,xe" fillcolor="#f2f2f2" stroked="f" strokeweight="0">
                  <v:stroke endcap="round"/>
                  <v:path arrowok="t" textboxrect="0,0,688021,450567"/>
                </v:shape>
                <v:shape id="Shape 1846" o:spid="_x0000_s1322" style="position:absolute;left:14620;top:8403;width:6880;height:4506;visibility:visible;mso-wrap-style:square;v-text-anchor:top" coordsize="688021,4505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" path="m688021,225318c688021,100889,533973,,344048,,154048,,,100889,,225318,,349746,154048,450567,344048,450567v189925,,343973,-100821,343973,-225249xe" filled="f" strokeweight=".15136mm">
                  <v:stroke endcap="round"/>
                  <v:path arrowok="t" textboxrect="0,0,688021,450567"/>
                </v:shape>
                <v:rect id="Rectangle 1847" o:spid="_x0000_s1323" style="position:absolute;left:15478;top:9722;width:7206;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v:textbox>
                </v:rect>
                <v:rect id="Rectangle 1848" o:spid="_x0000_s1324" style="position:absolute;left:15070;top:10812;width:333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1849" o:spid="_x0000_s1325" style="position:absolute;left:17581;top:10652;width:403;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1850" o:spid="_x0000_s1326" style="position:absolute;left:17884;top:10812;width:420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1852" o:spid="_x0000_s1327" style="position:absolute;left:8600;top:36;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" path="m,321818r967522,l967522,,,,,321818xe" filled="f" strokeweight=".05044mm">
                  <v:stroke endcap="round"/>
                  <v:path arrowok="t" textboxrect="0,0,967522,321818"/>
                </v:shape>
                <v:shape id="Shape 69375" o:spid="_x0000_s1328" style="position:absolute;left:7525;top:1537;width:9675;height:3219;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" path="m,l967522,r,321818l,321818,,e" stroked="f" strokeweight="0">
                  <v:stroke endcap="round"/>
                  <v:path arrowok="t" textboxrect="0,0,967522,321818"/>
                </v:shape>
                <v:shape id="Shape 1854" o:spid="_x0000_s1329" style="position:absolute;left:7525;top:1537;width:9675;height:3219;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" path="m,321818r967522,l967522,,,,,321818xe" filled="f" strokeweight=".05044mm">
                  <v:stroke endcap="round"/>
                  <v:path arrowok="t" textboxrect="0,0,967522,321818"/>
                </v:shape>
                <v:shape id="Shape 69376" o:spid="_x0000_s1330" style="position:absolute;left:6987;top:2289;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" path="m,l967522,r,321818l,321818,,e" stroked="f" strokeweight="0">
                  <v:stroke endcap="round"/>
                  <v:path arrowok="t" textboxrect="0,0,967522,321818"/>
                </v:shape>
                <v:shape id="Shape 1856" o:spid="_x0000_s1331" style="position:absolute;left:6987;top:2289;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" path="m,321818r967522,l967522,,,,,321818xe" filled="f" strokeweight=".05044mm">
                  <v:stroke endcap="round"/>
                  <v:path arrowok="t" textboxrect="0,0,967522,321818"/>
                </v:shape>
                <v:rect id="Rectangle 1857" o:spid="_x0000_s1332" style="position:absolute;left:9278;top:2964;width:6774;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v:textbox>
                </v:rect>
                <v:rect id="Rectangle 1858" o:spid="_x0000_s1333" style="position:absolute;left:8141;top:4054;width:979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изации</w:t>
                        </w:r>
                      </w:p>
                    </w:txbxContent>
                  </v:textbox>
                </v:rect>
                <v:shape id="Shape 1859" o:spid="_x0000_s1334" style="position:absolute;left:20062;top:5755;width:7797;height:3070;visibility:visible;mso-wrap-style:square;v-text-anchor:top" coordsize="779721,3069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" path="m,306984l779721,e" filled="f" strokeweight=".15136mm">
                  <v:stroke endcap="round"/>
                  <v:path arrowok="t" textboxrect="0,0,779721,306984"/>
                </v:shape>
                <v:shape id="Shape 1860" o:spid="_x0000_s1335" style="position:absolute;left:27711;top:5507;width:777;height:498;visibility:visible;mso-wrap-style:square;v-text-anchor:top" coordsize="77669,498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" path="m77669,l18052,49801,,4163,77669,xe" fillcolor="black" stroked="f" strokeweight="0">
                  <v:stroke endcap="round"/>
                  <v:path arrowok="t" textboxrect="0,0,77669,49801"/>
                </v:shape>
                <v:shape id="Shape 1861" o:spid="_x0000_s1336" style="position:absolute;left:21484;top:10614;width:3749;height:260;visibility:visible;mso-wrap-style:square;v-text-anchor:top" coordsize="374919,260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" path="m,26036l374919,e" filled="f" strokeweight=".15136mm">
                  <v:stroke endcap="round"/>
                  <v:path arrowok="t" textboxrect="0,0,374919,26036"/>
                </v:shape>
                <v:shape id="Shape 1862" o:spid="_x0000_s1337" style="position:absolute;left:25155;top:10373;width:752;height:489;visibility:visible;mso-wrap-style:square;v-text-anchor:top" coordsize="75242,488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" path="m,l75242,19376,3414,48893,,xe" fillcolor="black" stroked="f" strokeweight="0">
                  <v:stroke endcap="round"/>
                  <v:path arrowok="t" textboxrect="0,0,75242,48893"/>
                </v:shape>
                <v:shape id="Shape 1863" o:spid="_x0000_s1338" style="position:absolute;left:19970;top:12530;width:6848;height:3704;visibility:visible;mso-wrap-style:square;v-text-anchor:top" coordsize="684835,37049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" path="m,l684835,370491e" filled="f" strokeweight=".15136mm">
                  <v:stroke endcap="round"/>
                  <v:path arrowok="t" textboxrect="0,0,684835,370491"/>
                </v:shape>
                <v:shape id="Shape 1864" o:spid="_x0000_s1339" style="position:absolute;left:26647;top:15990;width:765;height:566;visibility:visible;mso-wrap-style:square;v-text-anchor:top" coordsize="76531,566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" path="m23437,l76531,56621,,43118,23437,xe" fillcolor="black" stroked="f" strokeweight="0">
                  <v:stroke endcap="round"/>
                  <v:path arrowok="t" textboxrect="0,0,76531,56621"/>
                </v:shape>
                <v:shape id="Shape 1865" o:spid="_x0000_s1340" style="position:absolute;left:11824;top:12636;width:4594;height:3510;visibility:visible;mso-wrap-style:square;v-text-anchor:top" coordsize="459414,35103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" path="m459414,l,351033e" filled="f" strokeweight=".15136mm">
                  <v:stroke endcap="round"/>
                  <v:path arrowok="t" textboxrect="0,0,459414,351033"/>
                </v:shape>
                <v:shape id="Shape 1866" o:spid="_x0000_s1341" style="position:absolute;left:11287;top:15914;width:735;height:642;visibility:visible;mso-wrap-style:square;v-text-anchor:top" coordsize="73497,641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" path="m43613,l73497,38941,,64197,43613,xe" fillcolor="black" stroked="f" strokeweight="0">
                  <v:stroke endcap="round"/>
                  <v:path arrowok="t" textboxrect="0,0,73497,64197"/>
                </v:shape>
                <v:shape id="Shape 1867" o:spid="_x0000_s1342" style="position:absolute;left:11425;top:10549;width:3195;height:88;visibility:visible;mso-wrap-style:square;v-text-anchor:top" coordsize="319473,88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" path="m319473,l,8855e" filled="f" strokeweight=".15136mm">
                  <v:stroke endcap="round"/>
                  <v:path arrowok="t" textboxrect="0,0,319473,8855"/>
                </v:shape>
                <v:shape id="Shape 1868" o:spid="_x0000_s1343" style="position:absolute;left:10750;top:10390;width:743;height:491;visibility:visible;mso-wrap-style:square;v-text-anchor:top" coordsize="74331,490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" path="m72966,r1365,49044l,26566,72966,xe" fillcolor="black" stroked="f" strokeweight="0">
                  <v:stroke endcap="round"/>
                  <v:path arrowok="t" textboxrect="0,0,74331,49044"/>
                </v:shape>
                <v:shape id="Shape 1869" o:spid="_x0000_s1344" style="position:absolute;left:12418;top:5830;width:4845;height:2634;visibility:visible;mso-wrap-style:square;v-text-anchor:top" coordsize="484520,2634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" path="m484520,263464l,e" filled="f" strokeweight=".15136mm">
                  <v:stroke endcap="round"/>
                  <v:path arrowok="t" textboxrect="0,0,484520,263464"/>
                </v:shape>
                <v:shape id="Shape 1870" o:spid="_x0000_s1345" style="position:absolute;left:11825;top:5507;width:765;height:567;visibility:visible;mso-wrap-style:square;v-text-anchor:top" coordsize="76531,566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" path="m,l76531,13623,52942,56689,,xe" fillcolor="black" stroked="f" strokeweight="0">
                  <v:stroke endcap="round"/>
                  <v:path arrowok="t" textboxrect="0,0,76531,56689"/>
                </v:shape>
                <v:rect id="Rectangle 1871" o:spid="_x0000_s1346" style="position:absolute;left:12559;top:-592;width:391;height:1575;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1872" o:spid="_x0000_s1347" style="position:absolute;left:12559;top:-298;width:392;height:1575;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1873" o:spid="_x0000_s1348" style="position:absolute;left:12559;top:-4;width:392;height:1575;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1874" o:spid="_x0000_s1349" style="position:absolute;left:12559;top:291;width:391;height:1575;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1875" o:spid="_x0000_s1350" style="position:absolute;left:12559;top:585;width:392;height:1575;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1876" o:spid="_x0000_s1351" style="position:absolute;left:37792;top:18968;width:599;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" filled="f" stroked="f">
                  <v:textbox inset="0,0,0,0">
                    <w:txbxContent>
                      <w:p w:rsidR="0043064D" w:rsidRDefault="008B3C4B">
                        <w:pPr>
                          <w:spacing w:after="160" w:line="259" w:lineRule="auto"/>
                          <w:ind w:left="0" w:firstLine="0"/>
                          <w:jc w:val="left"/>
                        </w:pPr>
                        <w:r>
                          <w:t xml:space="preserve"> </w:t>
                        </w:r>
                      </w:p>
                    </w:txbxContent>
                  </v:textbox>
                </v:rect>
                <w10:anchorlock/>
              </v:group>
            </w:pict>
          </mc:Fallback>
        </mc:AlternateContent>
      </w:r>
    </w:p>
    <w:p w:rsidR="0043064D" w:rsidRDefault="008B3C4B">
      <w:pPr>
        <w:spacing w:after="333" w:line="265" w:lineRule="auto"/>
        <w:ind w:right="11"/>
        <w:jc w:val="center"/>
      </w:pPr>
      <w:r>
        <w:t xml:space="preserve">Рис. 5. Основные процедуры драйвера устройства </w:t>
      </w:r>
    </w:p>
    <w:p w:rsidR="0043064D" w:rsidRDefault="008B3C4B">
      <w:pPr>
        <w:numPr>
          <w:ilvl w:val="0"/>
          <w:numId w:val="7"/>
        </w:numPr>
        <w:spacing w:after="17"/>
        <w:ind w:right="1" w:hanging="361"/>
      </w:pPr>
      <w:r>
        <w:rPr>
          <w:b/>
        </w:rPr>
        <w:t>Инициализирующая процедура</w:t>
      </w:r>
      <w:r>
        <w:t xml:space="preserve">. </w:t>
      </w:r>
      <w:r>
        <w:t xml:space="preserve">Диспетчер ввода-вывода выполняет инициализирующую процедуру драйвера (которая обычно называется </w:t>
      </w:r>
      <w:proofErr w:type="spellStart"/>
      <w:r>
        <w:rPr>
          <w:b/>
        </w:rPr>
        <w:lastRenderedPageBreak/>
        <w:t>DriverEntry</w:t>
      </w:r>
      <w:proofErr w:type="spellEnd"/>
      <w:r>
        <w:t>) при загрузке этого драйвера в ОС. Данная процедура регистрирует остальные процедуры драйвера в диспетчере ввода-вывода, заполняя соответствующей ин</w:t>
      </w:r>
      <w:r>
        <w:t xml:space="preserve">формацией системные структуры данных, и выполняет необходимую глобальную инициализацию драйвера. </w:t>
      </w:r>
    </w:p>
    <w:p w:rsidR="0043064D" w:rsidRDefault="008B3C4B">
      <w:pPr>
        <w:numPr>
          <w:ilvl w:val="0"/>
          <w:numId w:val="7"/>
        </w:numPr>
        <w:spacing w:after="21"/>
        <w:ind w:right="1" w:hanging="361"/>
      </w:pPr>
      <w:r>
        <w:rPr>
          <w:b/>
        </w:rPr>
        <w:t>Процедура добавления устройства</w:t>
      </w:r>
      <w:r>
        <w:t xml:space="preserve">. Такие процедуры реализуются в драйверах, поддерживающих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Через эту процедуру диспетчер </w:t>
      </w:r>
      <w:proofErr w:type="spellStart"/>
      <w:r>
        <w:t>PnP</w:t>
      </w:r>
      <w:proofErr w:type="spellEnd"/>
      <w:r>
        <w:t xml:space="preserve"> посылает драйверу ув</w:t>
      </w:r>
      <w:r>
        <w:t xml:space="preserve">едомление при обнаружении устройства, за которое отвечает данный драйвер. Выполняя эту процедуру, драйвер обычно создает объект «устройство», представляющий аппаратное устройство. </w:t>
      </w:r>
    </w:p>
    <w:p w:rsidR="0043064D" w:rsidRDefault="008B3C4B">
      <w:pPr>
        <w:numPr>
          <w:ilvl w:val="0"/>
          <w:numId w:val="7"/>
        </w:numPr>
        <w:spacing w:after="17"/>
        <w:ind w:right="1" w:hanging="361"/>
      </w:pPr>
      <w:r>
        <w:rPr>
          <w:b/>
        </w:rPr>
        <w:t>Процедуры диспетчеризации.</w:t>
      </w:r>
      <w:r>
        <w:t xml:space="preserve"> </w:t>
      </w:r>
      <w:r>
        <w:t xml:space="preserve">Это основные функции, предоставляемые драйвером устройства, </w:t>
      </w:r>
      <w:proofErr w:type="gramStart"/>
      <w:r>
        <w:t>например</w:t>
      </w:r>
      <w:proofErr w:type="gramEnd"/>
      <w:r>
        <w:t xml:space="preserve"> для открытия, закрытия, чтения, записи и реализации других возможностей устройства, файловой системы или сети. Диспетчер ввода-вывода, вызванный для выполнения операции ввода-вывода, гене</w:t>
      </w:r>
      <w:r>
        <w:t xml:space="preserve">рирует IRP и обращается к драйверу через одну из его процедур диспетчеризации. </w:t>
      </w:r>
    </w:p>
    <w:p w:rsidR="0043064D" w:rsidRDefault="008B3C4B">
      <w:pPr>
        <w:numPr>
          <w:ilvl w:val="0"/>
          <w:numId w:val="7"/>
        </w:numPr>
        <w:spacing w:after="17"/>
        <w:ind w:right="1" w:hanging="361"/>
      </w:pPr>
      <w:r>
        <w:rPr>
          <w:b/>
        </w:rPr>
        <w:t>Процедура инициации ввода-вывода</w:t>
      </w:r>
      <w:r>
        <w:t>. С помощью этой процедуры драйвер может инициировать передачу данных, как на устройство, так и с него. Эта процедура определяется лишь в драйве</w:t>
      </w:r>
      <w:r>
        <w:t>рах, использующих поддержку диспетчера ввода-вывода для помещения входящих запросов в очередь. Диспетчер ввода-вывода ставит в очередь IRP для драйвера, гарантируя одновременную обработку им только одного IRP. Большинство драйверов обрабатывают сразу неско</w:t>
      </w:r>
      <w:r>
        <w:t xml:space="preserve">лько IRP, но создание очереди имеет смысл для некоторых драйверов, в частности для драйвера клавиатуры. </w:t>
      </w:r>
    </w:p>
    <w:p w:rsidR="0043064D" w:rsidRDefault="008B3C4B">
      <w:pPr>
        <w:numPr>
          <w:ilvl w:val="0"/>
          <w:numId w:val="7"/>
        </w:numPr>
        <w:spacing w:after="22"/>
        <w:ind w:right="1" w:hanging="361"/>
      </w:pPr>
      <w:r>
        <w:rPr>
          <w:b/>
        </w:rPr>
        <w:t>Процедура обслуживания прерываний</w:t>
      </w:r>
      <w:r>
        <w:t xml:space="preserve"> (ISR). Когда устройство генерирует прерывание, диспетчер прерываний ядра передает управление этой процедуре. В модели</w:t>
      </w:r>
      <w:r>
        <w:t xml:space="preserve"> ввода-вывода </w:t>
      </w:r>
      <w:proofErr w:type="spellStart"/>
      <w:r>
        <w:t>Windows</w:t>
      </w:r>
      <w:proofErr w:type="spellEnd"/>
      <w:r>
        <w:t xml:space="preserve"> процедуры ISR работают на уровне </w:t>
      </w:r>
      <w:r>
        <w:rPr>
          <w:b/>
        </w:rPr>
        <w:t>DIRQL</w:t>
      </w:r>
      <w:r>
        <w:t xml:space="preserve"> (</w:t>
      </w:r>
      <w:proofErr w:type="spellStart"/>
      <w:r>
        <w:t>Device</w:t>
      </w:r>
      <w:proofErr w:type="spellEnd"/>
      <w:r>
        <w:t xml:space="preserve"> IRQL), поэтому они выполняют минимум действий во избежание, слишком продолжительной блокировки прерываний более низкого уровня. </w:t>
      </w:r>
    </w:p>
    <w:p w:rsidR="0043064D" w:rsidRDefault="008B3C4B">
      <w:pPr>
        <w:numPr>
          <w:ilvl w:val="0"/>
          <w:numId w:val="7"/>
        </w:numPr>
        <w:spacing w:after="22"/>
        <w:ind w:right="1" w:hanging="361"/>
      </w:pPr>
      <w:r>
        <w:rPr>
          <w:b/>
        </w:rPr>
        <w:t>DPC-процедура обработки прерываний</w:t>
      </w:r>
      <w:r>
        <w:t>. DPC-процедура выполняе</w:t>
      </w:r>
      <w:r>
        <w:t>т основную часть обработки прерывания, оставшуюся после выполнения ISR. Она работает при более низком IRQL (уровня «PPC/</w:t>
      </w:r>
      <w:proofErr w:type="spellStart"/>
      <w:r>
        <w:t>dispatch</w:t>
      </w:r>
      <w:proofErr w:type="spellEnd"/>
      <w:r>
        <w:t>») чем ISR, чтобы не</w:t>
      </w:r>
      <w:r>
        <w:rPr>
          <w:b/>
        </w:rPr>
        <w:t xml:space="preserve"> </w:t>
      </w:r>
      <w:r>
        <w:t>блокировать без необходимости другие прерывания. DPC-процедура инициирует завершение текущей операции ввода</w:t>
      </w:r>
      <w:r>
        <w:t xml:space="preserve">-вывода и выполнение следующей операции </w:t>
      </w:r>
      <w:proofErr w:type="spellStart"/>
      <w:r>
        <w:t>вводавывода</w:t>
      </w:r>
      <w:proofErr w:type="spellEnd"/>
      <w:r>
        <w:t xml:space="preserve"> из очереди на данном устройстве. У многих драйверов устройств имеются процедуры, не показанные на Рис. 5. </w:t>
      </w:r>
    </w:p>
    <w:p w:rsidR="0043064D" w:rsidRDefault="008B3C4B">
      <w:pPr>
        <w:numPr>
          <w:ilvl w:val="0"/>
          <w:numId w:val="7"/>
        </w:numPr>
        <w:spacing w:after="21"/>
        <w:ind w:right="1" w:hanging="361"/>
      </w:pPr>
      <w:r>
        <w:rPr>
          <w:b/>
        </w:rPr>
        <w:t>Одна или несколько процедур завершения ввода-вывода.</w:t>
      </w:r>
      <w:r>
        <w:t xml:space="preserve"> У драйвера могут быть процедуры завершения в</w:t>
      </w:r>
      <w:r>
        <w:t xml:space="preserve">вода-вывода, уведомляющие его об окончании обработки IRP драйвером более низкого уровня. </w:t>
      </w:r>
    </w:p>
    <w:p w:rsidR="0043064D" w:rsidRDefault="008B3C4B">
      <w:pPr>
        <w:numPr>
          <w:ilvl w:val="0"/>
          <w:numId w:val="7"/>
        </w:numPr>
        <w:spacing w:after="17"/>
        <w:ind w:right="1" w:hanging="361"/>
      </w:pPr>
      <w:r>
        <w:rPr>
          <w:b/>
        </w:rPr>
        <w:t xml:space="preserve">Процедура отмены ввода-вывода. </w:t>
      </w:r>
      <w:r>
        <w:t>Если операция ввода-вывода может быть отменена, драйвер определяет одну или более процедур отмены ввода-вывода. Получив IRP для запроса</w:t>
      </w:r>
      <w:r>
        <w:t xml:space="preserve"> ввода-вывода, который может быть отменен, драйвер связывает с IRP процедуру отмены. Если поток, выдавший запрос на ввод-вывод, завершается до окончания обработки запроса или отменяет операцию (например, вызовом </w:t>
      </w:r>
      <w:proofErr w:type="spellStart"/>
      <w:r>
        <w:t>Windows</w:t>
      </w:r>
      <w:proofErr w:type="spellEnd"/>
      <w:r>
        <w:t xml:space="preserve">-функции </w:t>
      </w:r>
      <w:proofErr w:type="spellStart"/>
      <w:r>
        <w:t>CancelIo</w:t>
      </w:r>
      <w:proofErr w:type="spellEnd"/>
      <w:r>
        <w:t>), диспетчер ввода-в</w:t>
      </w:r>
      <w:r>
        <w:t xml:space="preserve">ывода выполняет процедуру отмены, связанную с IRP (если таковая есть). Процедура отмены отвечает за выполнение любых действий, необходимых для освобождения всех ресурсов, выделенных при обработке IRP, а также за завершение IRP со статусом отмены. </w:t>
      </w:r>
    </w:p>
    <w:p w:rsidR="0043064D" w:rsidRDefault="008B3C4B">
      <w:pPr>
        <w:numPr>
          <w:ilvl w:val="0"/>
          <w:numId w:val="7"/>
        </w:numPr>
        <w:spacing w:after="21"/>
        <w:ind w:right="1" w:hanging="361"/>
      </w:pPr>
      <w:r>
        <w:rPr>
          <w:b/>
        </w:rPr>
        <w:t>Процедур</w:t>
      </w:r>
      <w:r>
        <w:rPr>
          <w:b/>
        </w:rPr>
        <w:t>а выгрузки</w:t>
      </w:r>
      <w:r>
        <w:t>. Эта процедура освобождает все системные ресурсы, задействованные драйвером, после чего диспетчер ввода-вывода может удалить их из памяти. При выполнении процедуры выгрузки обычно освобождаются ресурсы, выделенные процедурой инициализации. Драйв</w:t>
      </w:r>
      <w:r>
        <w:t xml:space="preserve">ер может загружаться и выгружаться во время работы системы. </w:t>
      </w:r>
    </w:p>
    <w:p w:rsidR="0043064D" w:rsidRDefault="008B3C4B">
      <w:pPr>
        <w:numPr>
          <w:ilvl w:val="0"/>
          <w:numId w:val="7"/>
        </w:numPr>
        <w:spacing w:after="22"/>
        <w:ind w:right="1" w:hanging="361"/>
      </w:pPr>
      <w:r>
        <w:rPr>
          <w:b/>
        </w:rPr>
        <w:t>Процедура уведомления о завершении работы системы</w:t>
      </w:r>
      <w:r>
        <w:t xml:space="preserve">. Эта процедура позволяет драйверу проводить очистку при завершении работы системы. </w:t>
      </w:r>
    </w:p>
    <w:p w:rsidR="0043064D" w:rsidRDefault="008B3C4B">
      <w:pPr>
        <w:numPr>
          <w:ilvl w:val="0"/>
          <w:numId w:val="7"/>
        </w:numPr>
        <w:spacing w:after="292"/>
        <w:ind w:right="1" w:hanging="361"/>
      </w:pPr>
      <w:r>
        <w:rPr>
          <w:b/>
        </w:rPr>
        <w:t>Процедуры регистрации ошибок</w:t>
      </w:r>
      <w:r>
        <w:t>. При возникновении неожиданных о</w:t>
      </w:r>
      <w:r>
        <w:t xml:space="preserve">шибок (например, когда на диске появляется поврежденный блок), процедуры регистрации ошибок, принадлежащие драйверу, уведомляют о них диспетчер ввода-вывода. Последний записывает эту информацию в файл журнала ошибок. </w:t>
      </w:r>
    </w:p>
    <w:p w:rsidR="0043064D" w:rsidRDefault="008B3C4B">
      <w:pPr>
        <w:pStyle w:val="3"/>
        <w:spacing w:after="57" w:line="265" w:lineRule="auto"/>
        <w:ind w:left="-5"/>
      </w:pPr>
      <w:bookmarkStart w:id="9" w:name="_Toc68657"/>
      <w:r>
        <w:rPr>
          <w:rFonts w:ascii="Tahoma" w:eastAsia="Tahoma" w:hAnsi="Tahoma" w:cs="Tahoma"/>
          <w:b w:val="0"/>
        </w:rPr>
        <w:lastRenderedPageBreak/>
        <w:t>Объекты «драйвер» и «устройство»</w:t>
      </w:r>
      <w:r>
        <w:rPr>
          <w:rFonts w:ascii="Times New Roman" w:eastAsia="Times New Roman" w:hAnsi="Times New Roman" w:cs="Times New Roman"/>
          <w:b w:val="0"/>
        </w:rPr>
        <w:t xml:space="preserve"> </w:t>
      </w:r>
      <w:bookmarkEnd w:id="9"/>
    </w:p>
    <w:p w:rsidR="0043064D" w:rsidRDefault="008B3C4B">
      <w:pPr>
        <w:spacing w:after="140"/>
        <w:ind w:left="-5" w:right="1"/>
      </w:pPr>
      <w:r>
        <w:t>Когд</w:t>
      </w:r>
      <w:r>
        <w:t>а поток открывает описатель объекта «файл» (этот процесс описывается в разделе «Обработка ввода-вывода» далее в этой главе), диспетчер ввода-вывода, исходя из имени этого объекта, должен определить, к какому драйверу (или драйверам) нужно обратиться для об</w:t>
      </w:r>
      <w:r>
        <w:t xml:space="preserve">работки запроса. Более того, диспетчер ввода-вывода должен знать, где найти эту информацию, когда в следующий раз поток вновь воспользуется тем же описателем файла. Для этого предназначены следующие объекты. </w:t>
      </w:r>
    </w:p>
    <w:p w:rsidR="0043064D" w:rsidRDefault="008B3C4B">
      <w:pPr>
        <w:numPr>
          <w:ilvl w:val="0"/>
          <w:numId w:val="8"/>
        </w:numPr>
        <w:spacing w:after="21"/>
        <w:ind w:right="1" w:hanging="361"/>
      </w:pPr>
      <w:r>
        <w:rPr>
          <w:b/>
        </w:rPr>
        <w:t>Объект «драйвер»</w:t>
      </w:r>
      <w:r>
        <w:t>, представляющий отдельный драй</w:t>
      </w:r>
      <w:r>
        <w:t xml:space="preserve">вер в системе, именно от этого объекта диспетчер ввода-вывода получает адрес процедуры диспетчеризации (точки входа) драйвера. </w:t>
      </w:r>
    </w:p>
    <w:p w:rsidR="0043064D" w:rsidRDefault="008B3C4B">
      <w:pPr>
        <w:numPr>
          <w:ilvl w:val="0"/>
          <w:numId w:val="8"/>
        </w:numPr>
        <w:ind w:right="1" w:hanging="361"/>
      </w:pPr>
      <w:r>
        <w:rPr>
          <w:b/>
        </w:rPr>
        <w:t>Объект «устройство»</w:t>
      </w:r>
      <w:r>
        <w:t xml:space="preserve">, представляющий физическое или логическое устройство в системе и описывающий его характеристики, </w:t>
      </w:r>
      <w:proofErr w:type="gramStart"/>
      <w:r>
        <w:t>например</w:t>
      </w:r>
      <w:proofErr w:type="gramEnd"/>
      <w:r>
        <w:t xml:space="preserve"> границы выравнивания буферов и адреса очередей для приема IRP, поступающих на это устройство. </w:t>
      </w:r>
    </w:p>
    <w:p w:rsidR="0043064D" w:rsidRDefault="008B3C4B">
      <w:pPr>
        <w:spacing w:after="148"/>
        <w:ind w:left="-5" w:right="1"/>
      </w:pPr>
      <w:r>
        <w:t>Диспетчер ввода-вывода создает объект «драйвер» при за</w:t>
      </w:r>
      <w:r>
        <w:t xml:space="preserve">грузке в систему соответствующего драйвера и вызывает его инициализирующую процедуру (например, </w:t>
      </w:r>
      <w:proofErr w:type="spellStart"/>
      <w:r>
        <w:rPr>
          <w:rFonts w:ascii="Courier New" w:eastAsia="Courier New" w:hAnsi="Courier New" w:cs="Courier New"/>
        </w:rPr>
        <w:t>DriverEntry</w:t>
      </w:r>
      <w:proofErr w:type="spellEnd"/>
      <w:r>
        <w:t xml:space="preserve">), которая записывает в атрибуты объекта точки входа этого драйвера. </w:t>
      </w:r>
    </w:p>
    <w:p w:rsidR="0043064D" w:rsidRDefault="008B3C4B">
      <w:pPr>
        <w:ind w:left="-5" w:right="1"/>
      </w:pPr>
      <w:r>
        <w:t>После загрузки драйвер может создавать объекты «устройство» для представления у</w:t>
      </w:r>
      <w:r>
        <w:t xml:space="preserve">стройств или даже для формирования интерфейса драйвера (вызовом </w:t>
      </w:r>
      <w:proofErr w:type="spellStart"/>
      <w:r>
        <w:rPr>
          <w:rFonts w:ascii="Courier New" w:eastAsia="Courier New" w:hAnsi="Courier New" w:cs="Courier New"/>
        </w:rPr>
        <w:t>IoCreateDevice</w:t>
      </w:r>
      <w:proofErr w:type="spellEnd"/>
      <w:r>
        <w:t xml:space="preserve"> или </w:t>
      </w:r>
      <w:proofErr w:type="spellStart"/>
      <w:r>
        <w:rPr>
          <w:rFonts w:ascii="Courier New" w:eastAsia="Courier New" w:hAnsi="Courier New" w:cs="Courier New"/>
        </w:rPr>
        <w:t>IoCreateDeviceSecure</w:t>
      </w:r>
      <w:proofErr w:type="spellEnd"/>
      <w:r>
        <w:t xml:space="preserve">). Однако большинство </w:t>
      </w:r>
      <w:proofErr w:type="spellStart"/>
      <w:r>
        <w:t>PnP</w:t>
      </w:r>
      <w:proofErr w:type="spellEnd"/>
      <w:r>
        <w:t xml:space="preserve">-драйверов создают объекты «устройство» с помощью своих процедур добавления устройств, когда диспетчер </w:t>
      </w:r>
      <w:proofErr w:type="spellStart"/>
      <w:r>
        <w:t>PnP</w:t>
      </w:r>
      <w:proofErr w:type="spellEnd"/>
      <w:r>
        <w:t xml:space="preserve"> информирует их о прис</w:t>
      </w:r>
      <w:r>
        <w:t xml:space="preserve">утствии управляемого ими устройства. С другой стороны, драйверы, не отвечающие спецификации </w:t>
      </w:r>
      <w:proofErr w:type="spellStart"/>
      <w:r>
        <w:t>Plug</w:t>
      </w:r>
      <w:proofErr w:type="spellEnd"/>
      <w:r>
        <w:t xml:space="preserve"> </w:t>
      </w:r>
      <w:proofErr w:type="spellStart"/>
      <w:r>
        <w:t>and</w:t>
      </w:r>
      <w:proofErr w:type="spellEnd"/>
      <w:r>
        <w:t xml:space="preserve"> </w:t>
      </w:r>
      <w:proofErr w:type="spellStart"/>
      <w:r>
        <w:t>Play</w:t>
      </w:r>
      <w:proofErr w:type="spellEnd"/>
      <w:r>
        <w:t>, создают объекты «устройство» при вызове диспетчером ввода-вывода их инициализирующих процедур. Диспетчер ввода-вывода выгружает драйвер после удалени</w:t>
      </w:r>
      <w:r>
        <w:t xml:space="preserve">я его последнего объекта «устройство», когда ссылок на устройство больше нет. </w:t>
      </w:r>
    </w:p>
    <w:p w:rsidR="0043064D" w:rsidRDefault="008B3C4B">
      <w:pPr>
        <w:ind w:left="-5" w:right="1"/>
      </w:pPr>
      <w:r>
        <w:t>Создавая объект «устройство», драйвер может присвоить ему имя. Тогда этот объект помещается в пространство имен диспетчера объектов. Драйвер может определить имя этого объекта я</w:t>
      </w:r>
      <w:r>
        <w:t xml:space="preserve">вно или позволить диспетчеру ввода-вывода сгенерировать его автоматически. По соглашению объекты «устройство» помещаются в каталог </w:t>
      </w:r>
      <w:r>
        <w:rPr>
          <w:rFonts w:ascii="Courier New" w:eastAsia="Courier New" w:hAnsi="Courier New" w:cs="Courier New"/>
        </w:rPr>
        <w:t>\</w:t>
      </w:r>
      <w:proofErr w:type="spellStart"/>
      <w:r>
        <w:rPr>
          <w:rFonts w:ascii="Courier New" w:eastAsia="Courier New" w:hAnsi="Courier New" w:cs="Courier New"/>
        </w:rPr>
        <w:t>Device</w:t>
      </w:r>
      <w:proofErr w:type="spellEnd"/>
      <w:r>
        <w:t xml:space="preserve"> пространства имен, недоступный приложениям через </w:t>
      </w:r>
      <w:proofErr w:type="spellStart"/>
      <w:r>
        <w:t>Windows</w:t>
      </w:r>
      <w:proofErr w:type="spellEnd"/>
      <w:r>
        <w:t xml:space="preserve"> API. </w:t>
      </w:r>
    </w:p>
    <w:p w:rsidR="0043064D" w:rsidRDefault="008B3C4B">
      <w:pPr>
        <w:spacing w:after="7"/>
        <w:ind w:left="-5" w:right="1"/>
      </w:pPr>
      <w:r>
        <w:t>Чтобы сделать объект «устройство» доступным для прилож</w:t>
      </w:r>
      <w:r>
        <w:t xml:space="preserve">ений драйвер должен создать в каталоге </w:t>
      </w:r>
      <w:r>
        <w:rPr>
          <w:rFonts w:ascii="Courier New" w:eastAsia="Courier New" w:hAnsi="Courier New" w:cs="Courier New"/>
        </w:rPr>
        <w:t>\</w:t>
      </w:r>
      <w:proofErr w:type="spellStart"/>
      <w:r>
        <w:rPr>
          <w:rFonts w:ascii="Courier New" w:eastAsia="Courier New" w:hAnsi="Courier New" w:cs="Courier New"/>
        </w:rPr>
        <w:t>Global</w:t>
      </w:r>
      <w:proofErr w:type="spellEnd"/>
      <w:r>
        <w:rPr>
          <w:rFonts w:ascii="Courier New" w:eastAsia="Courier New" w:hAnsi="Courier New" w:cs="Courier New"/>
        </w:rPr>
        <w:t>??</w:t>
      </w:r>
      <w:r>
        <w:t xml:space="preserve"> (или в каталоге </w:t>
      </w:r>
      <w:r>
        <w:rPr>
          <w:rFonts w:ascii="Courier New" w:eastAsia="Courier New" w:hAnsi="Courier New" w:cs="Courier New"/>
        </w:rPr>
        <w:t>\??</w:t>
      </w:r>
      <w:r>
        <w:t xml:space="preserve"> в </w:t>
      </w:r>
      <w:proofErr w:type="spellStart"/>
      <w:r>
        <w:t>Windows</w:t>
      </w:r>
      <w:proofErr w:type="spellEnd"/>
      <w:r>
        <w:t xml:space="preserve"> 2000) символьную ссылку на имя этого объекта в каталоге </w:t>
      </w:r>
      <w:r>
        <w:rPr>
          <w:rFonts w:ascii="Courier New" w:eastAsia="Courier New" w:hAnsi="Courier New" w:cs="Courier New"/>
        </w:rPr>
        <w:t>\</w:t>
      </w:r>
      <w:proofErr w:type="spellStart"/>
      <w:r>
        <w:rPr>
          <w:rFonts w:ascii="Courier New" w:eastAsia="Courier New" w:hAnsi="Courier New" w:cs="Courier New"/>
        </w:rPr>
        <w:t>Device</w:t>
      </w:r>
      <w:proofErr w:type="spellEnd"/>
      <w:r>
        <w:t xml:space="preserve">. Драйверы, не поддерживающие </w:t>
      </w:r>
      <w:proofErr w:type="spellStart"/>
      <w:r>
        <w:t>Plug</w:t>
      </w:r>
      <w:proofErr w:type="spellEnd"/>
      <w:r>
        <w:t xml:space="preserve"> </w:t>
      </w:r>
      <w:proofErr w:type="spellStart"/>
      <w:r>
        <w:t>and</w:t>
      </w:r>
      <w:proofErr w:type="spellEnd"/>
      <w:r>
        <w:t xml:space="preserve"> </w:t>
      </w:r>
      <w:proofErr w:type="spellStart"/>
      <w:r>
        <w:t>Play</w:t>
      </w:r>
      <w:proofErr w:type="spellEnd"/>
      <w:r>
        <w:t>, и драйверы файловой системы обычно создают символьную ссылку с общеиз</w:t>
      </w:r>
      <w:r>
        <w:t xml:space="preserve">вестным именем (скажем, </w:t>
      </w:r>
      <w:r>
        <w:rPr>
          <w:rFonts w:ascii="Courier New" w:eastAsia="Courier New" w:hAnsi="Courier New" w:cs="Courier New"/>
        </w:rPr>
        <w:t>\</w:t>
      </w:r>
      <w:proofErr w:type="spellStart"/>
      <w:r>
        <w:rPr>
          <w:rFonts w:ascii="Courier New" w:eastAsia="Courier New" w:hAnsi="Courier New" w:cs="Courier New"/>
        </w:rPr>
        <w:t>Device</w:t>
      </w:r>
      <w:proofErr w:type="spellEnd"/>
      <w:r>
        <w:rPr>
          <w:rFonts w:ascii="Courier New" w:eastAsia="Courier New" w:hAnsi="Courier New" w:cs="Courier New"/>
        </w:rPr>
        <w:t>\Hardware2</w:t>
      </w:r>
      <w:r>
        <w:t xml:space="preserve">). Поскольку общеизвестные имена не срабатывают в средах с динамически меняющимся составом оборудования, </w:t>
      </w:r>
      <w:proofErr w:type="spellStart"/>
      <w:r>
        <w:t>PnP</w:t>
      </w:r>
      <w:proofErr w:type="spellEnd"/>
      <w:r>
        <w:t xml:space="preserve">-драйверы предоставляют один или несколько интерфейсов через функцию </w:t>
      </w:r>
    </w:p>
    <w:p w:rsidR="0043064D" w:rsidRDefault="008B3C4B">
      <w:pPr>
        <w:ind w:left="-5" w:right="1"/>
      </w:pPr>
      <w:proofErr w:type="spellStart"/>
      <w:r>
        <w:rPr>
          <w:rFonts w:ascii="Courier New" w:eastAsia="Courier New" w:hAnsi="Courier New" w:cs="Courier New"/>
        </w:rPr>
        <w:t>IoRegisterDevicelnterface</w:t>
      </w:r>
      <w:proofErr w:type="spellEnd"/>
      <w:r>
        <w:t xml:space="preserve">, передавая </w:t>
      </w:r>
      <w:r>
        <w:t xml:space="preserve">ей GUID, определяющий тип предоставляемой функциональности. GUID являются 128-битными числами, которые можно генерировать с помощью утилиты </w:t>
      </w:r>
      <w:proofErr w:type="spellStart"/>
      <w:r>
        <w:rPr>
          <w:rFonts w:ascii="Courier New" w:eastAsia="Courier New" w:hAnsi="Courier New" w:cs="Courier New"/>
        </w:rPr>
        <w:t>Guidgen</w:t>
      </w:r>
      <w:proofErr w:type="spellEnd"/>
      <w:r>
        <w:t xml:space="preserve">, входящей в состав DDK и </w:t>
      </w:r>
      <w:proofErr w:type="spellStart"/>
      <w:r>
        <w:t>Platform</w:t>
      </w:r>
      <w:proofErr w:type="spellEnd"/>
      <w:r>
        <w:t xml:space="preserve"> SDK. Диапазон чисел, который может быть представлен 128 битами, гарантируе</w:t>
      </w:r>
      <w:r>
        <w:t xml:space="preserve">т, что каждый GUID, созданный этой утилитой, всегда будет глобально уникальным. </w:t>
      </w:r>
    </w:p>
    <w:p w:rsidR="0043064D" w:rsidRDefault="008B3C4B">
      <w:pPr>
        <w:spacing w:after="137"/>
        <w:ind w:left="-5" w:right="1"/>
      </w:pPr>
      <w:proofErr w:type="spellStart"/>
      <w:r>
        <w:rPr>
          <w:rFonts w:ascii="Courier New" w:eastAsia="Courier New" w:hAnsi="Courier New" w:cs="Courier New"/>
        </w:rPr>
        <w:t>IoRegisterDeviceInterface</w:t>
      </w:r>
      <w:proofErr w:type="spellEnd"/>
      <w:r>
        <w:t xml:space="preserve"> определяет символьную ссылку, сопоставляемую с экземпляром объекта «устройство». Однако прежде чем диспетчер ввода-вывода действительно создаст ссылк</w:t>
      </w:r>
      <w:r>
        <w:t xml:space="preserve">у, драйвер должен вызвать функцию </w:t>
      </w:r>
      <w:proofErr w:type="spellStart"/>
      <w:r>
        <w:rPr>
          <w:rFonts w:ascii="Courier New" w:eastAsia="Courier New" w:hAnsi="Courier New" w:cs="Courier New"/>
        </w:rPr>
        <w:t>IoSetDevicelnterfaceState</w:t>
      </w:r>
      <w:proofErr w:type="spellEnd"/>
      <w:r>
        <w:t xml:space="preserve">, чтобы разрешить использование интерфейса этого устройства. Обычно драйвер делает это, когда диспетчер </w:t>
      </w:r>
      <w:proofErr w:type="spellStart"/>
      <w:r>
        <w:t>PnP</w:t>
      </w:r>
      <w:proofErr w:type="spellEnd"/>
      <w:r>
        <w:t xml:space="preserve"> посылает ему команду </w:t>
      </w:r>
      <w:proofErr w:type="spellStart"/>
      <w:r>
        <w:rPr>
          <w:rFonts w:ascii="Courier New" w:eastAsia="Courier New" w:hAnsi="Courier New" w:cs="Courier New"/>
        </w:rPr>
        <w:t>start-device</w:t>
      </w:r>
      <w:proofErr w:type="spellEnd"/>
      <w:r>
        <w:t xml:space="preserve"> для запуска устройства. </w:t>
      </w:r>
    </w:p>
    <w:p w:rsidR="0043064D" w:rsidRDefault="008B3C4B">
      <w:pPr>
        <w:ind w:left="-5" w:right="1"/>
      </w:pPr>
      <w:r>
        <w:t>Приложение, которому нужно отк</w:t>
      </w:r>
      <w:r>
        <w:t xml:space="preserve">рыть объект «устройство», представленный </w:t>
      </w:r>
      <w:proofErr w:type="spellStart"/>
      <w:r>
        <w:t>GUIDидентификатором</w:t>
      </w:r>
      <w:proofErr w:type="spellEnd"/>
      <w:r>
        <w:t xml:space="preserve">, может вызывать </w:t>
      </w:r>
      <w:proofErr w:type="spellStart"/>
      <w:r>
        <w:t>PnP</w:t>
      </w:r>
      <w:proofErr w:type="spellEnd"/>
      <w:r>
        <w:t xml:space="preserve">-функции настройки, </w:t>
      </w:r>
      <w:proofErr w:type="gramStart"/>
      <w:r>
        <w:t>например</w:t>
      </w:r>
      <w:proofErr w:type="gramEnd"/>
      <w:r>
        <w:t xml:space="preserve"> </w:t>
      </w:r>
      <w:proofErr w:type="spellStart"/>
      <w:r>
        <w:rPr>
          <w:rFonts w:ascii="Courier New" w:eastAsia="Courier New" w:hAnsi="Courier New" w:cs="Courier New"/>
        </w:rPr>
        <w:t>SetupDiEnumDevicelnterfaces</w:t>
      </w:r>
      <w:proofErr w:type="spellEnd"/>
      <w:r>
        <w:t xml:space="preserve"> для перечисления интерфейсов, доступных по конкретному GUID, и получения имен символьных ссылок, с помощью которых може</w:t>
      </w:r>
      <w:r>
        <w:t xml:space="preserve">т быть открыт объект «устройство». Чтобы получить дополнительную информацию (например, автоматически сгенерированное имя устройства), приложение вызывает функцию </w:t>
      </w:r>
      <w:proofErr w:type="spellStart"/>
      <w:r>
        <w:rPr>
          <w:rFonts w:ascii="Courier New" w:eastAsia="Courier New" w:hAnsi="Courier New" w:cs="Courier New"/>
        </w:rPr>
        <w:t>SetupDiGetDevicelnterfaceDetail</w:t>
      </w:r>
      <w:proofErr w:type="spellEnd"/>
      <w:r>
        <w:t xml:space="preserve"> для всех устройств, перечисленных </w:t>
      </w:r>
      <w:proofErr w:type="spellStart"/>
      <w:r>
        <w:rPr>
          <w:rFonts w:ascii="Courier New" w:eastAsia="Courier New" w:hAnsi="Courier New" w:cs="Courier New"/>
        </w:rPr>
        <w:t>SetupDiEnumDevicelnterfaces</w:t>
      </w:r>
      <w:proofErr w:type="spellEnd"/>
      <w:r>
        <w:t xml:space="preserve">. Получив от </w:t>
      </w:r>
      <w:proofErr w:type="spellStart"/>
      <w:r>
        <w:rPr>
          <w:rFonts w:ascii="Courier New" w:eastAsia="Courier New" w:hAnsi="Courier New" w:cs="Courier New"/>
        </w:rPr>
        <w:t>SetupDiGetDevicelnterfaceDetail</w:t>
      </w:r>
      <w:proofErr w:type="spellEnd"/>
      <w:r>
        <w:t xml:space="preserve"> имя устройства, приложение обращается к </w:t>
      </w:r>
      <w:proofErr w:type="spellStart"/>
      <w:r>
        <w:t>Windows</w:t>
      </w:r>
      <w:proofErr w:type="spellEnd"/>
      <w:r>
        <w:t xml:space="preserve">-функции </w:t>
      </w:r>
      <w:proofErr w:type="spellStart"/>
      <w:r>
        <w:rPr>
          <w:rFonts w:ascii="Courier New" w:eastAsia="Courier New" w:hAnsi="Courier New" w:cs="Courier New"/>
        </w:rPr>
        <w:t>CreateFile</w:t>
      </w:r>
      <w:proofErr w:type="spellEnd"/>
      <w:r>
        <w:t xml:space="preserve">, чтобы открыть устройство и получить его описатель. </w:t>
      </w:r>
    </w:p>
    <w:p w:rsidR="0043064D" w:rsidRDefault="008B3C4B">
      <w:pPr>
        <w:ind w:left="-5" w:right="1"/>
      </w:pPr>
      <w:r>
        <w:lastRenderedPageBreak/>
        <w:t>Как видно на Рис. 6, объект «устройство» ссылается на свой объект «драйвер», благодаря чему</w:t>
      </w:r>
      <w:r>
        <w:t xml:space="preserve"> диспетчер ввода-вывода знает, из какого драйвера нужно вызвать процедуру при получении запроса ввода-вывода. С помощью объекта «устройство» он находит объект «драйвер», который представляет драйвер, обслуживающий устройство. После этого он обращается к об</w:t>
      </w:r>
      <w:r>
        <w:t xml:space="preserve">ъекту «драйвер», используя номер функции из исходного запроса; каждый номер функции соответствует точке входа драйвера. </w:t>
      </w:r>
    </w:p>
    <w:p w:rsidR="0043064D" w:rsidRDefault="008B3C4B">
      <w:pPr>
        <w:spacing w:after="66"/>
        <w:ind w:left="-5" w:right="1"/>
      </w:pPr>
      <w:r>
        <w:t>С объектом «драйвер» нередко сопоставляется несколько объектов «устройство». Список объектов «устройство» представляет физические и лог</w:t>
      </w:r>
      <w:r>
        <w:t>ические устройства, управляемые драйвером. Так, для каждого раздела жесткого диска имеется отдельный объект «устройство» с информацией, специфичной для данного раздела. Но для обращения ко всем разделам используется один и тот же драйвер жесткого диска. Пр</w:t>
      </w:r>
      <w:r>
        <w:t xml:space="preserve">и выгрузке драйвера из системы диспетчер ввода-вывода с помощью очереди объектов «устройство» определяет устройства, на которые повлияет удаление драйвера. </w:t>
      </w:r>
    </w:p>
    <w:p w:rsidR="0043064D" w:rsidRDefault="008B3C4B">
      <w:pPr>
        <w:spacing w:after="0" w:line="259" w:lineRule="auto"/>
        <w:ind w:left="1429" w:firstLine="0"/>
        <w:jc w:val="left"/>
      </w:pPr>
      <w:r>
        <w:rPr>
          <w:rFonts w:ascii="Calibri" w:eastAsia="Calibri" w:hAnsi="Calibri" w:cs="Calibri"/>
          <w:noProof/>
          <w:sz w:val="22"/>
        </w:rPr>
        <mc:AlternateContent>
          <mc:Choice Requires="wpg">
            <w:drawing>
              <wp:inline distT="0" distB="0" distL="0" distR="0">
                <wp:extent cx="4189013" cy="2503033"/>
                <wp:effectExtent l="0" t="0" r="0" b="0"/>
                <wp:docPr id="58825" name="Group 58825"/>
                <wp:cNvGraphicFramePr/>
                <a:graphic xmlns:a="http://schemas.openxmlformats.org/drawingml/2006/main">
                  <a:graphicData uri="http://schemas.microsoft.com/office/word/2010/wordprocessingGroup">
                    <wpg:wgp>
                      <wpg:cNvGrpSpPr/>
                      <wpg:grpSpPr>
                        <a:xfrm>
                          <a:off x="0" y="0"/>
                          <a:ext cx="4189013" cy="2503033"/>
                          <a:chOff x="0" y="0"/>
                          <a:chExt cx="4189013" cy="2503033"/>
                        </a:xfrm>
                      </wpg:grpSpPr>
                      <wps:wsp>
                        <wps:cNvPr id="2439" name="Rectangle 2439"/>
                        <wps:cNvSpPr/>
                        <wps:spPr>
                          <a:xfrm>
                            <a:off x="254209" y="0"/>
                            <a:ext cx="449352"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бъект </w:t>
                              </w:r>
                            </w:p>
                          </w:txbxContent>
                        </wps:txbx>
                        <wps:bodyPr horzOverflow="overflow" vert="horz" lIns="0" tIns="0" rIns="0" bIns="0" rtlCol="0">
                          <a:noAutofit/>
                        </wps:bodyPr>
                      </wps:wsp>
                      <wps:wsp>
                        <wps:cNvPr id="2440" name="Rectangle 2440"/>
                        <wps:cNvSpPr/>
                        <wps:spPr>
                          <a:xfrm>
                            <a:off x="592055" y="0"/>
                            <a:ext cx="67429"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441" name="Rectangle 2441"/>
                        <wps:cNvSpPr/>
                        <wps:spPr>
                          <a:xfrm>
                            <a:off x="642768" y="0"/>
                            <a:ext cx="472705"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w:t>
                              </w:r>
                            </w:p>
                          </w:txbxContent>
                        </wps:txbx>
                        <wps:bodyPr horzOverflow="overflow" vert="horz" lIns="0" tIns="0" rIns="0" bIns="0" rtlCol="0">
                          <a:noAutofit/>
                        </wps:bodyPr>
                      </wps:wsp>
                      <wps:wsp>
                        <wps:cNvPr id="2442" name="Rectangle 2442"/>
                        <wps:cNvSpPr/>
                        <wps:spPr>
                          <a:xfrm>
                            <a:off x="998212" y="0"/>
                            <a:ext cx="67429"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443" name="Rectangle 2443"/>
                        <wps:cNvSpPr/>
                        <wps:spPr>
                          <a:xfrm>
                            <a:off x="1544927" y="296536"/>
                            <a:ext cx="405963"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Чтение</w:t>
                              </w:r>
                            </w:p>
                          </w:txbxContent>
                        </wps:txbx>
                        <wps:bodyPr horzOverflow="overflow" vert="horz" lIns="0" tIns="0" rIns="0" bIns="0" rtlCol="0">
                          <a:noAutofit/>
                        </wps:bodyPr>
                      </wps:wsp>
                      <wps:wsp>
                        <wps:cNvPr id="2444" name="Rectangle 2444"/>
                        <wps:cNvSpPr/>
                        <wps:spPr>
                          <a:xfrm>
                            <a:off x="1577601" y="511764"/>
                            <a:ext cx="397935"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Запись</w:t>
                              </w:r>
                            </w:p>
                          </w:txbxContent>
                        </wps:txbx>
                        <wps:bodyPr horzOverflow="overflow" vert="horz" lIns="0" tIns="0" rIns="0" bIns="0" rtlCol="0">
                          <a:noAutofit/>
                        </wps:bodyPr>
                      </wps:wsp>
                      <wps:wsp>
                        <wps:cNvPr id="2445" name="Rectangle 2445"/>
                        <wps:cNvSpPr/>
                        <wps:spPr>
                          <a:xfrm>
                            <a:off x="1478440" y="1049720"/>
                            <a:ext cx="1510434"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правлением устройством</w:t>
                              </w:r>
                            </w:p>
                          </w:txbxContent>
                        </wps:txbx>
                        <wps:bodyPr horzOverflow="overflow" vert="horz" lIns="0" tIns="0" rIns="0" bIns="0" rtlCol="0">
                          <a:noAutofit/>
                        </wps:bodyPr>
                      </wps:wsp>
                      <wps:wsp>
                        <wps:cNvPr id="2446" name="Rectangle 2446"/>
                        <wps:cNvSpPr/>
                        <wps:spPr>
                          <a:xfrm>
                            <a:off x="1510885" y="1264948"/>
                            <a:ext cx="1259151"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Инициализация ввода</w:t>
                              </w:r>
                            </w:p>
                          </w:txbxContent>
                        </wps:txbx>
                        <wps:bodyPr horzOverflow="overflow" vert="horz" lIns="0" tIns="0" rIns="0" bIns="0" rtlCol="0">
                          <a:noAutofit/>
                        </wps:bodyPr>
                      </wps:wsp>
                      <wps:wsp>
                        <wps:cNvPr id="2447" name="Rectangle 2447"/>
                        <wps:cNvSpPr/>
                        <wps:spPr>
                          <a:xfrm>
                            <a:off x="2457663" y="1248825"/>
                            <a:ext cx="40386" cy="13510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448" name="Rectangle 2448"/>
                        <wps:cNvSpPr/>
                        <wps:spPr>
                          <a:xfrm>
                            <a:off x="2487981" y="1264948"/>
                            <a:ext cx="421657"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2449" name="Rectangle 2449"/>
                        <wps:cNvSpPr/>
                        <wps:spPr>
                          <a:xfrm>
                            <a:off x="1502983" y="1480176"/>
                            <a:ext cx="1090327"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грузка драйвера</w:t>
                              </w:r>
                            </w:p>
                          </w:txbxContent>
                        </wps:txbx>
                        <wps:bodyPr horzOverflow="overflow" vert="horz" lIns="0" tIns="0" rIns="0" bIns="0" rtlCol="0">
                          <a:noAutofit/>
                        </wps:bodyPr>
                      </wps:wsp>
                      <wps:wsp>
                        <wps:cNvPr id="2450" name="Rectangle 2450"/>
                        <wps:cNvSpPr/>
                        <wps:spPr>
                          <a:xfrm>
                            <a:off x="1494929" y="1695327"/>
                            <a:ext cx="468835"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тмена </w:t>
                              </w:r>
                            </w:p>
                          </w:txbxContent>
                        </wps:txbx>
                        <wps:bodyPr horzOverflow="overflow" vert="horz" lIns="0" tIns="0" rIns="0" bIns="0" rtlCol="0">
                          <a:noAutofit/>
                        </wps:bodyPr>
                      </wps:wsp>
                      <wps:wsp>
                        <wps:cNvPr id="2451" name="Rectangle 2451"/>
                        <wps:cNvSpPr/>
                        <wps:spPr>
                          <a:xfrm rot="-5399999">
                            <a:off x="3902991" y="2194676"/>
                            <a:ext cx="76941"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w:t>
                              </w:r>
                            </w:p>
                          </w:txbxContent>
                        </wps:txbx>
                        <wps:bodyPr horzOverflow="overflow" vert="horz" lIns="0" tIns="0" rIns="0" bIns="0" rtlCol="0">
                          <a:noAutofit/>
                        </wps:bodyPr>
                      </wps:wsp>
                      <wps:wsp>
                        <wps:cNvPr id="2452" name="Rectangle 2452"/>
                        <wps:cNvSpPr/>
                        <wps:spPr>
                          <a:xfrm rot="-5399999">
                            <a:off x="3911170" y="2144980"/>
                            <a:ext cx="60584"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w:t>
                              </w:r>
                            </w:p>
                          </w:txbxContent>
                        </wps:txbx>
                        <wps:bodyPr horzOverflow="overflow" vert="horz" lIns="0" tIns="0" rIns="0" bIns="0" rtlCol="0">
                          <a:noAutofit/>
                        </wps:bodyPr>
                      </wps:wsp>
                      <wps:wsp>
                        <wps:cNvPr id="2453" name="Rectangle 2453"/>
                        <wps:cNvSpPr/>
                        <wps:spPr>
                          <a:xfrm rot="-5399999">
                            <a:off x="3913715" y="2101972"/>
                            <a:ext cx="55495"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т</w:t>
                              </w:r>
                            </w:p>
                          </w:txbxContent>
                        </wps:txbx>
                        <wps:bodyPr horzOverflow="overflow" vert="horz" lIns="0" tIns="0" rIns="0" bIns="0" rtlCol="0">
                          <a:noAutofit/>
                        </wps:bodyPr>
                      </wps:wsp>
                      <wps:wsp>
                        <wps:cNvPr id="2454" name="Rectangle 2454"/>
                        <wps:cNvSpPr/>
                        <wps:spPr>
                          <a:xfrm rot="-5399999">
                            <a:off x="3907778" y="2054309"/>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w:t>
                              </w:r>
                            </w:p>
                          </w:txbxContent>
                        </wps:txbx>
                        <wps:bodyPr horzOverflow="overflow" vert="horz" lIns="0" tIns="0" rIns="0" bIns="0" rtlCol="0">
                          <a:noAutofit/>
                        </wps:bodyPr>
                      </wps:wsp>
                      <wps:wsp>
                        <wps:cNvPr id="2455" name="Rectangle 2455"/>
                        <wps:cNvSpPr/>
                        <wps:spPr>
                          <a:xfrm rot="-5399999">
                            <a:off x="3907778" y="2003642"/>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о</w:t>
                              </w:r>
                            </w:p>
                          </w:txbxContent>
                        </wps:txbx>
                        <wps:bodyPr horzOverflow="overflow" vert="horz" lIns="0" tIns="0" rIns="0" bIns="0" rtlCol="0">
                          <a:noAutofit/>
                        </wps:bodyPr>
                      </wps:wsp>
                      <wps:wsp>
                        <wps:cNvPr id="2456" name="Rectangle 2456"/>
                        <wps:cNvSpPr/>
                        <wps:spPr>
                          <a:xfrm rot="-5399999">
                            <a:off x="3907596" y="1952793"/>
                            <a:ext cx="67733"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й</w:t>
                              </w:r>
                            </w:p>
                          </w:txbxContent>
                        </wps:txbx>
                        <wps:bodyPr horzOverflow="overflow" vert="horz" lIns="0" tIns="0" rIns="0" bIns="0" rtlCol="0">
                          <a:noAutofit/>
                        </wps:bodyPr>
                      </wps:wsp>
                      <wps:wsp>
                        <wps:cNvPr id="2457" name="Rectangle 2457"/>
                        <wps:cNvSpPr/>
                        <wps:spPr>
                          <a:xfrm rot="-5399999">
                            <a:off x="3911171" y="1905477"/>
                            <a:ext cx="60583"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w:t>
                              </w:r>
                            </w:p>
                          </w:txbxContent>
                        </wps:txbx>
                        <wps:bodyPr horzOverflow="overflow" vert="horz" lIns="0" tIns="0" rIns="0" bIns="0" rtlCol="0">
                          <a:noAutofit/>
                        </wps:bodyPr>
                      </wps:wsp>
                      <wps:wsp>
                        <wps:cNvPr id="2458" name="Rectangle 2458"/>
                        <wps:cNvSpPr/>
                        <wps:spPr>
                          <a:xfrm rot="-5399999">
                            <a:off x="3913715" y="1862469"/>
                            <a:ext cx="55495"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т</w:t>
                              </w:r>
                            </w:p>
                          </w:txbxContent>
                        </wps:txbx>
                        <wps:bodyPr horzOverflow="overflow" vert="horz" lIns="0" tIns="0" rIns="0" bIns="0" rtlCol="0">
                          <a:noAutofit/>
                        </wps:bodyPr>
                      </wps:wsp>
                      <wps:wsp>
                        <wps:cNvPr id="2459" name="Rectangle 2459"/>
                        <wps:cNvSpPr/>
                        <wps:spPr>
                          <a:xfrm rot="-5399999">
                            <a:off x="3909292" y="1816320"/>
                            <a:ext cx="64340"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w:t>
                              </w:r>
                            </w:p>
                          </w:txbxContent>
                        </wps:txbx>
                        <wps:bodyPr horzOverflow="overflow" vert="horz" lIns="0" tIns="0" rIns="0" bIns="0" rtlCol="0">
                          <a:noAutofit/>
                        </wps:bodyPr>
                      </wps:wsp>
                      <wps:wsp>
                        <wps:cNvPr id="2460" name="Rectangle 2460"/>
                        <wps:cNvSpPr/>
                        <wps:spPr>
                          <a:xfrm rot="-5399999">
                            <a:off x="3907778" y="1766407"/>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а</w:t>
                              </w:r>
                            </w:p>
                          </w:txbxContent>
                        </wps:txbx>
                        <wps:bodyPr horzOverflow="overflow" vert="horz" lIns="0" tIns="0" rIns="0" bIns="0" rtlCol="0">
                          <a:noAutofit/>
                        </wps:bodyPr>
                      </wps:wsp>
                      <wps:wsp>
                        <wps:cNvPr id="2461" name="Rectangle 2461"/>
                        <wps:cNvSpPr/>
                        <wps:spPr>
                          <a:xfrm rot="-5399999">
                            <a:off x="3919098" y="1721992"/>
                            <a:ext cx="33685" cy="1352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462" name="Rectangle 2462"/>
                        <wps:cNvSpPr/>
                        <wps:spPr>
                          <a:xfrm rot="-5399999">
                            <a:off x="3919097" y="1696680"/>
                            <a:ext cx="33685" cy="1352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2463" name="Rectangle 2463"/>
                        <wps:cNvSpPr/>
                        <wps:spPr>
                          <a:xfrm rot="-5399999">
                            <a:off x="4020589" y="2415555"/>
                            <a:ext cx="60584"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w:t>
                              </w:r>
                            </w:p>
                          </w:txbxContent>
                        </wps:txbx>
                        <wps:bodyPr horzOverflow="overflow" vert="horz" lIns="0" tIns="0" rIns="0" bIns="0" rtlCol="0">
                          <a:noAutofit/>
                        </wps:bodyPr>
                      </wps:wsp>
                      <wps:wsp>
                        <wps:cNvPr id="2464" name="Rectangle 2464"/>
                        <wps:cNvSpPr/>
                        <wps:spPr>
                          <a:xfrm rot="-5399999">
                            <a:off x="4018045" y="2367458"/>
                            <a:ext cx="65673"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w:t>
                              </w:r>
                            </w:p>
                          </w:txbxContent>
                        </wps:txbx>
                        <wps:bodyPr horzOverflow="overflow" vert="horz" lIns="0" tIns="0" rIns="0" bIns="0" rtlCol="0">
                          <a:noAutofit/>
                        </wps:bodyPr>
                      </wps:wsp>
                      <wps:wsp>
                        <wps:cNvPr id="2465" name="Rectangle 2465"/>
                        <wps:cNvSpPr/>
                        <wps:spPr>
                          <a:xfrm rot="-5399999">
                            <a:off x="4017196" y="2317277"/>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w:t>
                              </w:r>
                            </w:p>
                          </w:txbxContent>
                        </wps:txbx>
                        <wps:bodyPr horzOverflow="overflow" vert="horz" lIns="0" tIns="0" rIns="0" bIns="0" rtlCol="0">
                          <a:noAutofit/>
                        </wps:bodyPr>
                      </wps:wsp>
                      <wps:wsp>
                        <wps:cNvPr id="2466" name="Rectangle 2466"/>
                        <wps:cNvSpPr/>
                        <wps:spPr>
                          <a:xfrm rot="-5399999">
                            <a:off x="4017197" y="2266610"/>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а</w:t>
                              </w:r>
                            </w:p>
                          </w:txbxContent>
                        </wps:txbx>
                        <wps:bodyPr horzOverflow="overflow" vert="horz" lIns="0" tIns="0" rIns="0" bIns="0" rtlCol="0">
                          <a:noAutofit/>
                        </wps:bodyPr>
                      </wps:wsp>
                      <wps:wsp>
                        <wps:cNvPr id="2467" name="Rectangle 2467"/>
                        <wps:cNvSpPr/>
                        <wps:spPr>
                          <a:xfrm rot="-5399999">
                            <a:off x="4018711" y="2217458"/>
                            <a:ext cx="64340"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w:t>
                              </w:r>
                            </w:p>
                          </w:txbxContent>
                        </wps:txbx>
                        <wps:bodyPr horzOverflow="overflow" vert="horz" lIns="0" tIns="0" rIns="0" bIns="0" rtlCol="0">
                          <a:noAutofit/>
                        </wps:bodyPr>
                      </wps:wsp>
                      <wps:wsp>
                        <wps:cNvPr id="2468" name="Rectangle 2468"/>
                        <wps:cNvSpPr/>
                        <wps:spPr>
                          <a:xfrm rot="-5399999">
                            <a:off x="4015560" y="2165908"/>
                            <a:ext cx="70641"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л</w:t>
                              </w:r>
                            </w:p>
                          </w:txbxContent>
                        </wps:txbx>
                        <wps:bodyPr horzOverflow="overflow" vert="horz" lIns="0" tIns="0" rIns="0" bIns="0" rtlCol="0">
                          <a:noAutofit/>
                        </wps:bodyPr>
                      </wps:wsp>
                      <wps:wsp>
                        <wps:cNvPr id="2469" name="Rectangle 2469"/>
                        <wps:cNvSpPr/>
                        <wps:spPr>
                          <a:xfrm rot="-5399999">
                            <a:off x="4018044" y="2115234"/>
                            <a:ext cx="65673"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я</w:t>
                              </w:r>
                            </w:p>
                          </w:txbxContent>
                        </wps:txbx>
                        <wps:bodyPr horzOverflow="overflow" vert="horz" lIns="0" tIns="0" rIns="0" bIns="0" rtlCol="0">
                          <a:noAutofit/>
                        </wps:bodyPr>
                      </wps:wsp>
                      <wps:wsp>
                        <wps:cNvPr id="2470" name="Rectangle 2470"/>
                        <wps:cNvSpPr/>
                        <wps:spPr>
                          <a:xfrm rot="-5399999">
                            <a:off x="4017197" y="2065053"/>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е</w:t>
                              </w:r>
                            </w:p>
                          </w:txbxContent>
                        </wps:txbx>
                        <wps:bodyPr horzOverflow="overflow" vert="horz" lIns="0" tIns="0" rIns="0" bIns="0" rtlCol="0">
                          <a:noAutofit/>
                        </wps:bodyPr>
                      </wps:wsp>
                      <wps:wsp>
                        <wps:cNvPr id="2471" name="Rectangle 2471"/>
                        <wps:cNvSpPr/>
                        <wps:spPr>
                          <a:xfrm rot="-5399999">
                            <a:off x="4009199" y="2006388"/>
                            <a:ext cx="83363"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м</w:t>
                              </w:r>
                            </w:p>
                          </w:txbxContent>
                        </wps:txbx>
                        <wps:bodyPr horzOverflow="overflow" vert="horz" lIns="0" tIns="0" rIns="0" bIns="0" rtlCol="0">
                          <a:noAutofit/>
                        </wps:bodyPr>
                      </wps:wsp>
                      <wps:wsp>
                        <wps:cNvPr id="2472" name="Rectangle 2472"/>
                        <wps:cNvSpPr/>
                        <wps:spPr>
                          <a:xfrm rot="-5399999">
                            <a:off x="4007321" y="1941874"/>
                            <a:ext cx="87120"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ы</w:t>
                              </w:r>
                            </w:p>
                          </w:txbxContent>
                        </wps:txbx>
                        <wps:bodyPr horzOverflow="overflow" vert="horz" lIns="0" tIns="0" rIns="0" bIns="0" rtlCol="0">
                          <a:noAutofit/>
                        </wps:bodyPr>
                      </wps:wsp>
                      <wps:wsp>
                        <wps:cNvPr id="2473" name="Rectangle 2473"/>
                        <wps:cNvSpPr/>
                        <wps:spPr>
                          <a:xfrm rot="-5399999">
                            <a:off x="4017197" y="1886272"/>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е</w:t>
                              </w:r>
                            </w:p>
                          </w:txbxContent>
                        </wps:txbx>
                        <wps:bodyPr horzOverflow="overflow" vert="horz" lIns="0" tIns="0" rIns="0" bIns="0" rtlCol="0">
                          <a:noAutofit/>
                        </wps:bodyPr>
                      </wps:wsp>
                      <wps:wsp>
                        <wps:cNvPr id="2474" name="Rectangle 2474"/>
                        <wps:cNvSpPr/>
                        <wps:spPr>
                          <a:xfrm rot="-5399999">
                            <a:off x="4034039" y="1852446"/>
                            <a:ext cx="33685"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2475" name="Rectangle 2475"/>
                        <wps:cNvSpPr/>
                        <wps:spPr>
                          <a:xfrm rot="-5399999">
                            <a:off x="4015561" y="1808657"/>
                            <a:ext cx="70640"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w:t>
                              </w:r>
                            </w:p>
                          </w:txbxContent>
                        </wps:txbx>
                        <wps:bodyPr horzOverflow="overflow" vert="horz" lIns="0" tIns="0" rIns="0" bIns="0" rtlCol="0">
                          <a:noAutofit/>
                        </wps:bodyPr>
                      </wps:wsp>
                      <wps:wsp>
                        <wps:cNvPr id="2476" name="Rectangle 2476"/>
                        <wps:cNvSpPr/>
                        <wps:spPr>
                          <a:xfrm rot="-5399999">
                            <a:off x="4017196" y="1757134"/>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а</w:t>
                              </w:r>
                            </w:p>
                          </w:txbxContent>
                        </wps:txbx>
                        <wps:bodyPr horzOverflow="overflow" vert="horz" lIns="0" tIns="0" rIns="0" bIns="0" rtlCol="0">
                          <a:noAutofit/>
                        </wps:bodyPr>
                      </wps:wsp>
                      <wps:wsp>
                        <wps:cNvPr id="2477" name="Rectangle 2477"/>
                        <wps:cNvSpPr/>
                        <wps:spPr>
                          <a:xfrm rot="-5399999">
                            <a:off x="4017439" y="1706708"/>
                            <a:ext cx="66885"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н</w:t>
                              </w:r>
                            </w:p>
                          </w:txbxContent>
                        </wps:txbx>
                        <wps:bodyPr horzOverflow="overflow" vert="horz" lIns="0" tIns="0" rIns="0" bIns="0" rtlCol="0">
                          <a:noAutofit/>
                        </wps:bodyPr>
                      </wps:wsp>
                      <wps:wsp>
                        <wps:cNvPr id="2478" name="Rectangle 2478"/>
                        <wps:cNvSpPr/>
                        <wps:spPr>
                          <a:xfrm rot="-5399999">
                            <a:off x="4017439" y="1656398"/>
                            <a:ext cx="66885"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н</w:t>
                              </w:r>
                            </w:p>
                          </w:txbxContent>
                        </wps:txbx>
                        <wps:bodyPr horzOverflow="overflow" vert="horz" lIns="0" tIns="0" rIns="0" bIns="0" rtlCol="0">
                          <a:noAutofit/>
                        </wps:bodyPr>
                      </wps:wsp>
                      <wps:wsp>
                        <wps:cNvPr id="2479" name="Rectangle 2479"/>
                        <wps:cNvSpPr/>
                        <wps:spPr>
                          <a:xfrm rot="-5399999">
                            <a:off x="4007321" y="1595970"/>
                            <a:ext cx="87120"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ы</w:t>
                              </w:r>
                            </w:p>
                          </w:txbxContent>
                        </wps:txbx>
                        <wps:bodyPr horzOverflow="overflow" vert="horz" lIns="0" tIns="0" rIns="0" bIns="0" rtlCol="0">
                          <a:noAutofit/>
                        </wps:bodyPr>
                      </wps:wsp>
                      <wps:wsp>
                        <wps:cNvPr id="2480" name="Rectangle 2480"/>
                        <wps:cNvSpPr/>
                        <wps:spPr>
                          <a:xfrm rot="-5399999">
                            <a:off x="4009199" y="1532370"/>
                            <a:ext cx="83363"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м</w:t>
                              </w:r>
                            </w:p>
                          </w:txbxContent>
                        </wps:txbx>
                        <wps:bodyPr horzOverflow="overflow" vert="horz" lIns="0" tIns="0" rIns="0" bIns="0" rtlCol="0">
                          <a:noAutofit/>
                        </wps:bodyPr>
                      </wps:wsp>
                      <wps:wsp>
                        <wps:cNvPr id="2481" name="Rectangle 2481"/>
                        <wps:cNvSpPr/>
                        <wps:spPr>
                          <a:xfrm rot="-5399999">
                            <a:off x="4034039" y="1494573"/>
                            <a:ext cx="33685"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2482" name="Rectangle 2482"/>
                        <wps:cNvSpPr/>
                        <wps:spPr>
                          <a:xfrm rot="-5399999">
                            <a:off x="4124980" y="2177518"/>
                            <a:ext cx="70641"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w:t>
                              </w:r>
                            </w:p>
                          </w:txbxContent>
                        </wps:txbx>
                        <wps:bodyPr horzOverflow="overflow" vert="horz" lIns="0" tIns="0" rIns="0" bIns="0" rtlCol="0">
                          <a:noAutofit/>
                        </wps:bodyPr>
                      </wps:wsp>
                      <wps:wsp>
                        <wps:cNvPr id="2483" name="Rectangle 2483"/>
                        <wps:cNvSpPr/>
                        <wps:spPr>
                          <a:xfrm rot="-5399999">
                            <a:off x="4126616" y="2125995"/>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w:t>
                              </w:r>
                            </w:p>
                          </w:txbxContent>
                        </wps:txbx>
                        <wps:bodyPr horzOverflow="overflow" vert="horz" lIns="0" tIns="0" rIns="0" bIns="0" rtlCol="0">
                          <a:noAutofit/>
                        </wps:bodyPr>
                      </wps:wsp>
                      <wps:wsp>
                        <wps:cNvPr id="2484" name="Rectangle 2484"/>
                        <wps:cNvSpPr/>
                        <wps:spPr>
                          <a:xfrm rot="-5399999">
                            <a:off x="4126615" y="2075328"/>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а</w:t>
                              </w:r>
                            </w:p>
                          </w:txbxContent>
                        </wps:txbx>
                        <wps:bodyPr horzOverflow="overflow" vert="horz" lIns="0" tIns="0" rIns="0" bIns="0" rtlCol="0">
                          <a:noAutofit/>
                        </wps:bodyPr>
                      </wps:wsp>
                      <wps:wsp>
                        <wps:cNvPr id="2485" name="Rectangle 2485"/>
                        <wps:cNvSpPr/>
                        <wps:spPr>
                          <a:xfrm rot="-5399999">
                            <a:off x="4126434" y="2024479"/>
                            <a:ext cx="67733"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й</w:t>
                              </w:r>
                            </w:p>
                          </w:txbxContent>
                        </wps:txbx>
                        <wps:bodyPr horzOverflow="overflow" vert="horz" lIns="0" tIns="0" rIns="0" bIns="0" rtlCol="0">
                          <a:noAutofit/>
                        </wps:bodyPr>
                      </wps:wsp>
                      <wps:wsp>
                        <wps:cNvPr id="2486" name="Rectangle 2486"/>
                        <wps:cNvSpPr/>
                        <wps:spPr>
                          <a:xfrm rot="-5399999">
                            <a:off x="4128130" y="1975286"/>
                            <a:ext cx="64340"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w:t>
                              </w:r>
                            </w:p>
                          </w:txbxContent>
                        </wps:txbx>
                        <wps:bodyPr horzOverflow="overflow" vert="horz" lIns="0" tIns="0" rIns="0" bIns="0" rtlCol="0">
                          <a:noAutofit/>
                        </wps:bodyPr>
                      </wps:wsp>
                      <wps:wsp>
                        <wps:cNvPr id="2487" name="Rectangle 2487"/>
                        <wps:cNvSpPr/>
                        <wps:spPr>
                          <a:xfrm rot="-5399999">
                            <a:off x="4126616" y="1925372"/>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е</w:t>
                              </w:r>
                            </w:p>
                          </w:txbxContent>
                        </wps:txbx>
                        <wps:bodyPr horzOverflow="overflow" vert="horz" lIns="0" tIns="0" rIns="0" bIns="0" rtlCol="0">
                          <a:noAutofit/>
                        </wps:bodyPr>
                      </wps:wsp>
                      <wps:wsp>
                        <wps:cNvPr id="2488" name="Rectangle 2488"/>
                        <wps:cNvSpPr/>
                        <wps:spPr>
                          <a:xfrm rot="-5399999">
                            <a:off x="4126615" y="1874705"/>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w:t>
                              </w:r>
                            </w:p>
                          </w:txbxContent>
                        </wps:txbx>
                        <wps:bodyPr horzOverflow="overflow" vert="horz" lIns="0" tIns="0" rIns="0" bIns="0" rtlCol="0">
                          <a:noAutofit/>
                        </wps:bodyPr>
                      </wps:wsp>
                      <wps:wsp>
                        <wps:cNvPr id="2489" name="Rectangle 2489"/>
                        <wps:cNvSpPr/>
                        <wps:spPr>
                          <a:xfrm rot="-5399999">
                            <a:off x="4126616" y="1824038"/>
                            <a:ext cx="67369"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о</w:t>
                              </w:r>
                            </w:p>
                          </w:txbxContent>
                        </wps:txbx>
                        <wps:bodyPr horzOverflow="overflow" vert="horz" lIns="0" tIns="0" rIns="0" bIns="0" rtlCol="0">
                          <a:noAutofit/>
                        </wps:bodyPr>
                      </wps:wsp>
                      <wps:wsp>
                        <wps:cNvPr id="2490" name="Rectangle 2490"/>
                        <wps:cNvSpPr/>
                        <wps:spPr>
                          <a:xfrm rot="-5399999">
                            <a:off x="4118619" y="1765374"/>
                            <a:ext cx="83363" cy="11399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м</w:t>
                              </w:r>
                            </w:p>
                          </w:txbxContent>
                        </wps:txbx>
                        <wps:bodyPr horzOverflow="overflow" vert="horz" lIns="0" tIns="0" rIns="0" bIns="0" rtlCol="0">
                          <a:noAutofit/>
                        </wps:bodyPr>
                      </wps:wsp>
                      <wps:wsp>
                        <wps:cNvPr id="2492" name="Shape 2492"/>
                        <wps:cNvSpPr/>
                        <wps:spPr>
                          <a:xfrm>
                            <a:off x="516936" y="260828"/>
                            <a:ext cx="710828" cy="215152"/>
                          </a:xfrm>
                          <a:custGeom>
                            <a:avLst/>
                            <a:gdLst/>
                            <a:ahLst/>
                            <a:cxnLst/>
                            <a:rect l="0" t="0" r="0" b="0"/>
                            <a:pathLst>
                              <a:path w="710828" h="215152">
                                <a:moveTo>
                                  <a:pt x="710828" y="215152"/>
                                </a:moveTo>
                                <a:lnTo>
                                  <a:pt x="710828" y="161402"/>
                                </a:lnTo>
                                <a:cubicBezTo>
                                  <a:pt x="710828" y="72274"/>
                                  <a:pt x="638490" y="0"/>
                                  <a:pt x="549283" y="0"/>
                                </a:cubicBezTo>
                                <a:lnTo>
                                  <a:pt x="161530" y="0"/>
                                </a:lnTo>
                                <a:cubicBezTo>
                                  <a:pt x="72330" y="0"/>
                                  <a:pt x="0" y="72274"/>
                                  <a:pt x="0" y="161402"/>
                                </a:cubicBezTo>
                                <a:lnTo>
                                  <a:pt x="0" y="161402"/>
                                </a:lnTo>
                                <a:lnTo>
                                  <a:pt x="0" y="215152"/>
                                </a:lnTo>
                                <a:lnTo>
                                  <a:pt x="710828" y="215152"/>
                                </a:lnTo>
                                <a:close/>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494" name="Shape 2494"/>
                        <wps:cNvSpPr/>
                        <wps:spPr>
                          <a:xfrm>
                            <a:off x="516936" y="476041"/>
                            <a:ext cx="710790" cy="193682"/>
                          </a:xfrm>
                          <a:custGeom>
                            <a:avLst/>
                            <a:gdLst/>
                            <a:ahLst/>
                            <a:cxnLst/>
                            <a:rect l="0" t="0" r="0" b="0"/>
                            <a:pathLst>
                              <a:path w="710790" h="193682">
                                <a:moveTo>
                                  <a:pt x="0" y="193682"/>
                                </a:moveTo>
                                <a:lnTo>
                                  <a:pt x="710790" y="193682"/>
                                </a:lnTo>
                                <a:lnTo>
                                  <a:pt x="710790" y="0"/>
                                </a:lnTo>
                                <a:lnTo>
                                  <a:pt x="0" y="0"/>
                                </a:lnTo>
                                <a:close/>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496" name="Shape 2496"/>
                        <wps:cNvSpPr/>
                        <wps:spPr>
                          <a:xfrm>
                            <a:off x="516936" y="1874825"/>
                            <a:ext cx="710828" cy="258243"/>
                          </a:xfrm>
                          <a:custGeom>
                            <a:avLst/>
                            <a:gdLst/>
                            <a:ahLst/>
                            <a:cxnLst/>
                            <a:rect l="0" t="0" r="0" b="0"/>
                            <a:pathLst>
                              <a:path w="710828" h="258243">
                                <a:moveTo>
                                  <a:pt x="710828" y="0"/>
                                </a:moveTo>
                                <a:lnTo>
                                  <a:pt x="0" y="0"/>
                                </a:lnTo>
                                <a:lnTo>
                                  <a:pt x="0" y="96841"/>
                                </a:lnTo>
                                <a:cubicBezTo>
                                  <a:pt x="0" y="185977"/>
                                  <a:pt x="72330" y="258235"/>
                                  <a:pt x="161530" y="258243"/>
                                </a:cubicBezTo>
                                <a:lnTo>
                                  <a:pt x="161530" y="258243"/>
                                </a:lnTo>
                                <a:lnTo>
                                  <a:pt x="549283" y="258243"/>
                                </a:lnTo>
                                <a:cubicBezTo>
                                  <a:pt x="638490" y="258243"/>
                                  <a:pt x="710828" y="185977"/>
                                  <a:pt x="710828" y="96841"/>
                                </a:cubicBezTo>
                                <a:cubicBezTo>
                                  <a:pt x="710828" y="96841"/>
                                  <a:pt x="710828" y="96841"/>
                                  <a:pt x="710828" y="96841"/>
                                </a:cubicBezTo>
                                <a:lnTo>
                                  <a:pt x="710828" y="96841"/>
                                </a:lnTo>
                                <a:lnTo>
                                  <a:pt x="710828" y="0"/>
                                </a:lnTo>
                                <a:close/>
                              </a:path>
                            </a:pathLst>
                          </a:custGeom>
                          <a:ln w="5466" cap="rnd">
                            <a:round/>
                          </a:ln>
                        </wps:spPr>
                        <wps:style>
                          <a:lnRef idx="1">
                            <a:srgbClr val="000000"/>
                          </a:lnRef>
                          <a:fillRef idx="0">
                            <a:srgbClr val="000000">
                              <a:alpha val="0"/>
                            </a:srgbClr>
                          </a:fillRef>
                          <a:effectRef idx="0">
                            <a:scrgbClr r="0" g="0" b="0"/>
                          </a:effectRef>
                          <a:fontRef idx="none"/>
                        </wps:style>
                        <wps:bodyPr/>
                      </wps:wsp>
                      <wps:wsp>
                        <wps:cNvPr id="69379" name="Shape 69379"/>
                        <wps:cNvSpPr/>
                        <wps:spPr>
                          <a:xfrm>
                            <a:off x="516936" y="1638105"/>
                            <a:ext cx="710790" cy="236720"/>
                          </a:xfrm>
                          <a:custGeom>
                            <a:avLst/>
                            <a:gdLst/>
                            <a:ahLst/>
                            <a:cxnLst/>
                            <a:rect l="0" t="0" r="0" b="0"/>
                            <a:pathLst>
                              <a:path w="710790" h="236720">
                                <a:moveTo>
                                  <a:pt x="0" y="0"/>
                                </a:moveTo>
                                <a:lnTo>
                                  <a:pt x="710790" y="0"/>
                                </a:lnTo>
                                <a:lnTo>
                                  <a:pt x="710790" y="236720"/>
                                </a:lnTo>
                                <a:lnTo>
                                  <a:pt x="0" y="236720"/>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498" name="Shape 2498"/>
                        <wps:cNvSpPr/>
                        <wps:spPr>
                          <a:xfrm>
                            <a:off x="516936" y="1638105"/>
                            <a:ext cx="710790" cy="236720"/>
                          </a:xfrm>
                          <a:custGeom>
                            <a:avLst/>
                            <a:gdLst/>
                            <a:ahLst/>
                            <a:cxnLst/>
                            <a:rect l="0" t="0" r="0" b="0"/>
                            <a:pathLst>
                              <a:path w="710790" h="236720">
                                <a:moveTo>
                                  <a:pt x="0" y="236720"/>
                                </a:moveTo>
                                <a:lnTo>
                                  <a:pt x="710790" y="236720"/>
                                </a:lnTo>
                                <a:lnTo>
                                  <a:pt x="710790" y="0"/>
                                </a:lnTo>
                                <a:lnTo>
                                  <a:pt x="0" y="0"/>
                                </a:lnTo>
                                <a:close/>
                              </a:path>
                            </a:pathLst>
                          </a:custGeom>
                          <a:ln w="5466" cap="rnd">
                            <a:round/>
                          </a:ln>
                        </wps:spPr>
                        <wps:style>
                          <a:lnRef idx="1">
                            <a:srgbClr val="000000"/>
                          </a:lnRef>
                          <a:fillRef idx="0">
                            <a:srgbClr val="000000">
                              <a:alpha val="0"/>
                            </a:srgbClr>
                          </a:fillRef>
                          <a:effectRef idx="0">
                            <a:scrgbClr r="0" g="0" b="0"/>
                          </a:effectRef>
                          <a:fontRef idx="none"/>
                        </wps:style>
                        <wps:bodyPr/>
                      </wps:wsp>
                      <wps:wsp>
                        <wps:cNvPr id="69380" name="Shape 69380"/>
                        <wps:cNvSpPr/>
                        <wps:spPr>
                          <a:xfrm>
                            <a:off x="516936" y="669723"/>
                            <a:ext cx="710790" cy="322804"/>
                          </a:xfrm>
                          <a:custGeom>
                            <a:avLst/>
                            <a:gdLst/>
                            <a:ahLst/>
                            <a:cxnLst/>
                            <a:rect l="0" t="0" r="0" b="0"/>
                            <a:pathLst>
                              <a:path w="710790" h="322804">
                                <a:moveTo>
                                  <a:pt x="0" y="0"/>
                                </a:moveTo>
                                <a:lnTo>
                                  <a:pt x="710790" y="0"/>
                                </a:lnTo>
                                <a:lnTo>
                                  <a:pt x="710790" y="322804"/>
                                </a:lnTo>
                                <a:lnTo>
                                  <a:pt x="0" y="322804"/>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500" name="Shape 2500"/>
                        <wps:cNvSpPr/>
                        <wps:spPr>
                          <a:xfrm>
                            <a:off x="516936" y="669723"/>
                            <a:ext cx="710790" cy="322804"/>
                          </a:xfrm>
                          <a:custGeom>
                            <a:avLst/>
                            <a:gdLst/>
                            <a:ahLst/>
                            <a:cxnLst/>
                            <a:rect l="0" t="0" r="0" b="0"/>
                            <a:pathLst>
                              <a:path w="710790" h="322804">
                                <a:moveTo>
                                  <a:pt x="0" y="322804"/>
                                </a:moveTo>
                                <a:lnTo>
                                  <a:pt x="710790" y="322804"/>
                                </a:lnTo>
                                <a:lnTo>
                                  <a:pt x="710790" y="0"/>
                                </a:lnTo>
                                <a:lnTo>
                                  <a:pt x="0" y="0"/>
                                </a:lnTo>
                                <a:close/>
                              </a:path>
                            </a:pathLst>
                          </a:custGeom>
                          <a:ln w="5466" cap="rnd">
                            <a:round/>
                          </a:ln>
                        </wps:spPr>
                        <wps:style>
                          <a:lnRef idx="1">
                            <a:srgbClr val="000000"/>
                          </a:lnRef>
                          <a:fillRef idx="0">
                            <a:srgbClr val="000000">
                              <a:alpha val="0"/>
                            </a:srgbClr>
                          </a:fillRef>
                          <a:effectRef idx="0">
                            <a:scrgbClr r="0" g="0" b="0"/>
                          </a:effectRef>
                          <a:fontRef idx="none"/>
                        </wps:style>
                        <wps:bodyPr/>
                      </wps:wsp>
                      <wps:wsp>
                        <wps:cNvPr id="69381" name="Shape 69381"/>
                        <wps:cNvSpPr/>
                        <wps:spPr>
                          <a:xfrm>
                            <a:off x="516936" y="1422938"/>
                            <a:ext cx="710790" cy="215197"/>
                          </a:xfrm>
                          <a:custGeom>
                            <a:avLst/>
                            <a:gdLst/>
                            <a:ahLst/>
                            <a:cxnLst/>
                            <a:rect l="0" t="0" r="0" b="0"/>
                            <a:pathLst>
                              <a:path w="710790" h="215197">
                                <a:moveTo>
                                  <a:pt x="0" y="0"/>
                                </a:moveTo>
                                <a:lnTo>
                                  <a:pt x="710790" y="0"/>
                                </a:lnTo>
                                <a:lnTo>
                                  <a:pt x="710790" y="215197"/>
                                </a:lnTo>
                                <a:lnTo>
                                  <a:pt x="0" y="215197"/>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502" name="Shape 2502"/>
                        <wps:cNvSpPr/>
                        <wps:spPr>
                          <a:xfrm>
                            <a:off x="516936" y="1422938"/>
                            <a:ext cx="710790" cy="215197"/>
                          </a:xfrm>
                          <a:custGeom>
                            <a:avLst/>
                            <a:gdLst/>
                            <a:ahLst/>
                            <a:cxnLst/>
                            <a:rect l="0" t="0" r="0" b="0"/>
                            <a:pathLst>
                              <a:path w="710790" h="215197">
                                <a:moveTo>
                                  <a:pt x="0" y="215197"/>
                                </a:moveTo>
                                <a:lnTo>
                                  <a:pt x="710790" y="215197"/>
                                </a:lnTo>
                                <a:lnTo>
                                  <a:pt x="710790" y="0"/>
                                </a:lnTo>
                                <a:lnTo>
                                  <a:pt x="0" y="0"/>
                                </a:lnTo>
                                <a:close/>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04" name="Shape 2504"/>
                        <wps:cNvSpPr/>
                        <wps:spPr>
                          <a:xfrm>
                            <a:off x="516936" y="1207710"/>
                            <a:ext cx="710790" cy="215198"/>
                          </a:xfrm>
                          <a:custGeom>
                            <a:avLst/>
                            <a:gdLst/>
                            <a:ahLst/>
                            <a:cxnLst/>
                            <a:rect l="0" t="0" r="0" b="0"/>
                            <a:pathLst>
                              <a:path w="710790" h="215198">
                                <a:moveTo>
                                  <a:pt x="0" y="215198"/>
                                </a:moveTo>
                                <a:lnTo>
                                  <a:pt x="710790" y="215198"/>
                                </a:lnTo>
                                <a:lnTo>
                                  <a:pt x="710790" y="0"/>
                                </a:lnTo>
                                <a:lnTo>
                                  <a:pt x="0" y="0"/>
                                </a:lnTo>
                                <a:close/>
                              </a:path>
                            </a:pathLst>
                          </a:custGeom>
                          <a:ln w="5466" cap="rnd">
                            <a:round/>
                          </a:ln>
                        </wps:spPr>
                        <wps:style>
                          <a:lnRef idx="1">
                            <a:srgbClr val="000000"/>
                          </a:lnRef>
                          <a:fillRef idx="0">
                            <a:srgbClr val="000000">
                              <a:alpha val="0"/>
                            </a:srgbClr>
                          </a:fillRef>
                          <a:effectRef idx="0">
                            <a:scrgbClr r="0" g="0" b="0"/>
                          </a:effectRef>
                          <a:fontRef idx="none"/>
                        </wps:style>
                        <wps:bodyPr/>
                      </wps:wsp>
                      <wps:wsp>
                        <wps:cNvPr id="69382" name="Shape 69382"/>
                        <wps:cNvSpPr/>
                        <wps:spPr>
                          <a:xfrm>
                            <a:off x="516936" y="992482"/>
                            <a:ext cx="710790" cy="215198"/>
                          </a:xfrm>
                          <a:custGeom>
                            <a:avLst/>
                            <a:gdLst/>
                            <a:ahLst/>
                            <a:cxnLst/>
                            <a:rect l="0" t="0" r="0" b="0"/>
                            <a:pathLst>
                              <a:path w="710790" h="215198">
                                <a:moveTo>
                                  <a:pt x="0" y="0"/>
                                </a:moveTo>
                                <a:lnTo>
                                  <a:pt x="710790" y="0"/>
                                </a:lnTo>
                                <a:lnTo>
                                  <a:pt x="710790" y="215198"/>
                                </a:lnTo>
                                <a:lnTo>
                                  <a:pt x="0" y="21519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506" name="Shape 2506"/>
                        <wps:cNvSpPr/>
                        <wps:spPr>
                          <a:xfrm>
                            <a:off x="516936" y="992482"/>
                            <a:ext cx="710790" cy="215198"/>
                          </a:xfrm>
                          <a:custGeom>
                            <a:avLst/>
                            <a:gdLst/>
                            <a:ahLst/>
                            <a:cxnLst/>
                            <a:rect l="0" t="0" r="0" b="0"/>
                            <a:pathLst>
                              <a:path w="710790" h="215198">
                                <a:moveTo>
                                  <a:pt x="0" y="215198"/>
                                </a:moveTo>
                                <a:lnTo>
                                  <a:pt x="710790" y="215198"/>
                                </a:lnTo>
                                <a:lnTo>
                                  <a:pt x="710790" y="0"/>
                                </a:lnTo>
                                <a:lnTo>
                                  <a:pt x="0" y="0"/>
                                </a:lnTo>
                                <a:close/>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07" name="Shape 2507"/>
                        <wps:cNvSpPr/>
                        <wps:spPr>
                          <a:xfrm>
                            <a:off x="904674" y="346920"/>
                            <a:ext cx="470729" cy="0"/>
                          </a:xfrm>
                          <a:custGeom>
                            <a:avLst/>
                            <a:gdLst/>
                            <a:ahLst/>
                            <a:cxnLst/>
                            <a:rect l="0" t="0" r="0" b="0"/>
                            <a:pathLst>
                              <a:path w="470729">
                                <a:moveTo>
                                  <a:pt x="0" y="0"/>
                                </a:moveTo>
                                <a:lnTo>
                                  <a:pt x="470729" y="0"/>
                                </a:ln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08" name="Shape 2508"/>
                        <wps:cNvSpPr/>
                        <wps:spPr>
                          <a:xfrm>
                            <a:off x="1369249" y="322322"/>
                            <a:ext cx="73858" cy="49195"/>
                          </a:xfrm>
                          <a:custGeom>
                            <a:avLst/>
                            <a:gdLst/>
                            <a:ahLst/>
                            <a:cxnLst/>
                            <a:rect l="0" t="0" r="0" b="0"/>
                            <a:pathLst>
                              <a:path w="73858" h="49195">
                                <a:moveTo>
                                  <a:pt x="0" y="0"/>
                                </a:moveTo>
                                <a:lnTo>
                                  <a:pt x="73858" y="24597"/>
                                </a:lnTo>
                                <a:lnTo>
                                  <a:pt x="0" y="49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09" name="Shape 2509"/>
                        <wps:cNvSpPr/>
                        <wps:spPr>
                          <a:xfrm>
                            <a:off x="904674" y="562072"/>
                            <a:ext cx="470729" cy="0"/>
                          </a:xfrm>
                          <a:custGeom>
                            <a:avLst/>
                            <a:gdLst/>
                            <a:ahLst/>
                            <a:cxnLst/>
                            <a:rect l="0" t="0" r="0" b="0"/>
                            <a:pathLst>
                              <a:path w="470729">
                                <a:moveTo>
                                  <a:pt x="0" y="0"/>
                                </a:moveTo>
                                <a:lnTo>
                                  <a:pt x="470729" y="0"/>
                                </a:ln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10" name="Shape 2510"/>
                        <wps:cNvSpPr/>
                        <wps:spPr>
                          <a:xfrm>
                            <a:off x="1369249" y="537474"/>
                            <a:ext cx="73858" cy="49195"/>
                          </a:xfrm>
                          <a:custGeom>
                            <a:avLst/>
                            <a:gdLst/>
                            <a:ahLst/>
                            <a:cxnLst/>
                            <a:rect l="0" t="0" r="0" b="0"/>
                            <a:pathLst>
                              <a:path w="73858" h="49195">
                                <a:moveTo>
                                  <a:pt x="0" y="0"/>
                                </a:moveTo>
                                <a:lnTo>
                                  <a:pt x="73858" y="24597"/>
                                </a:lnTo>
                                <a:lnTo>
                                  <a:pt x="0" y="49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11" name="Shape 2511"/>
                        <wps:cNvSpPr/>
                        <wps:spPr>
                          <a:xfrm>
                            <a:off x="904674" y="1100103"/>
                            <a:ext cx="470729" cy="0"/>
                          </a:xfrm>
                          <a:custGeom>
                            <a:avLst/>
                            <a:gdLst/>
                            <a:ahLst/>
                            <a:cxnLst/>
                            <a:rect l="0" t="0" r="0" b="0"/>
                            <a:pathLst>
                              <a:path w="470729">
                                <a:moveTo>
                                  <a:pt x="0" y="0"/>
                                </a:moveTo>
                                <a:lnTo>
                                  <a:pt x="470729" y="0"/>
                                </a:ln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12" name="Shape 2512"/>
                        <wps:cNvSpPr/>
                        <wps:spPr>
                          <a:xfrm>
                            <a:off x="1369249" y="1075506"/>
                            <a:ext cx="73858" cy="49195"/>
                          </a:xfrm>
                          <a:custGeom>
                            <a:avLst/>
                            <a:gdLst/>
                            <a:ahLst/>
                            <a:cxnLst/>
                            <a:rect l="0" t="0" r="0" b="0"/>
                            <a:pathLst>
                              <a:path w="73858" h="49195">
                                <a:moveTo>
                                  <a:pt x="0" y="0"/>
                                </a:moveTo>
                                <a:lnTo>
                                  <a:pt x="73858" y="24598"/>
                                </a:lnTo>
                                <a:lnTo>
                                  <a:pt x="0" y="49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13" name="Shape 2513"/>
                        <wps:cNvSpPr/>
                        <wps:spPr>
                          <a:xfrm>
                            <a:off x="904674" y="1315331"/>
                            <a:ext cx="470729" cy="0"/>
                          </a:xfrm>
                          <a:custGeom>
                            <a:avLst/>
                            <a:gdLst/>
                            <a:ahLst/>
                            <a:cxnLst/>
                            <a:rect l="0" t="0" r="0" b="0"/>
                            <a:pathLst>
                              <a:path w="470729">
                                <a:moveTo>
                                  <a:pt x="0" y="0"/>
                                </a:moveTo>
                                <a:lnTo>
                                  <a:pt x="470729" y="0"/>
                                </a:ln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14" name="Shape 2514"/>
                        <wps:cNvSpPr/>
                        <wps:spPr>
                          <a:xfrm>
                            <a:off x="1369249" y="1290734"/>
                            <a:ext cx="73858" cy="49195"/>
                          </a:xfrm>
                          <a:custGeom>
                            <a:avLst/>
                            <a:gdLst/>
                            <a:ahLst/>
                            <a:cxnLst/>
                            <a:rect l="0" t="0" r="0" b="0"/>
                            <a:pathLst>
                              <a:path w="73858" h="49195">
                                <a:moveTo>
                                  <a:pt x="0" y="0"/>
                                </a:moveTo>
                                <a:lnTo>
                                  <a:pt x="73858" y="24598"/>
                                </a:lnTo>
                                <a:lnTo>
                                  <a:pt x="0" y="49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15" name="Shape 2515"/>
                        <wps:cNvSpPr/>
                        <wps:spPr>
                          <a:xfrm>
                            <a:off x="904674" y="1508999"/>
                            <a:ext cx="470729" cy="0"/>
                          </a:xfrm>
                          <a:custGeom>
                            <a:avLst/>
                            <a:gdLst/>
                            <a:ahLst/>
                            <a:cxnLst/>
                            <a:rect l="0" t="0" r="0" b="0"/>
                            <a:pathLst>
                              <a:path w="470729">
                                <a:moveTo>
                                  <a:pt x="0" y="0"/>
                                </a:moveTo>
                                <a:lnTo>
                                  <a:pt x="470729" y="0"/>
                                </a:ln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16" name="Shape 2516"/>
                        <wps:cNvSpPr/>
                        <wps:spPr>
                          <a:xfrm>
                            <a:off x="1369249" y="1484401"/>
                            <a:ext cx="73858" cy="49195"/>
                          </a:xfrm>
                          <a:custGeom>
                            <a:avLst/>
                            <a:gdLst/>
                            <a:ahLst/>
                            <a:cxnLst/>
                            <a:rect l="0" t="0" r="0" b="0"/>
                            <a:pathLst>
                              <a:path w="73858" h="49195">
                                <a:moveTo>
                                  <a:pt x="0" y="0"/>
                                </a:moveTo>
                                <a:lnTo>
                                  <a:pt x="73858" y="24598"/>
                                </a:lnTo>
                                <a:lnTo>
                                  <a:pt x="0" y="49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17" name="Shape 2517"/>
                        <wps:cNvSpPr/>
                        <wps:spPr>
                          <a:xfrm>
                            <a:off x="904674" y="1745711"/>
                            <a:ext cx="470729" cy="0"/>
                          </a:xfrm>
                          <a:custGeom>
                            <a:avLst/>
                            <a:gdLst/>
                            <a:ahLst/>
                            <a:cxnLst/>
                            <a:rect l="0" t="0" r="0" b="0"/>
                            <a:pathLst>
                              <a:path w="470729">
                                <a:moveTo>
                                  <a:pt x="0" y="0"/>
                                </a:moveTo>
                                <a:lnTo>
                                  <a:pt x="470729" y="0"/>
                                </a:ln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18" name="Shape 2518"/>
                        <wps:cNvSpPr/>
                        <wps:spPr>
                          <a:xfrm>
                            <a:off x="1369249" y="1721114"/>
                            <a:ext cx="73858" cy="49195"/>
                          </a:xfrm>
                          <a:custGeom>
                            <a:avLst/>
                            <a:gdLst/>
                            <a:ahLst/>
                            <a:cxnLst/>
                            <a:rect l="0" t="0" r="0" b="0"/>
                            <a:pathLst>
                              <a:path w="73858" h="49195">
                                <a:moveTo>
                                  <a:pt x="0" y="0"/>
                                </a:moveTo>
                                <a:lnTo>
                                  <a:pt x="73858" y="24598"/>
                                </a:lnTo>
                                <a:lnTo>
                                  <a:pt x="0" y="49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19" name="Shape 2519"/>
                        <wps:cNvSpPr/>
                        <wps:spPr>
                          <a:xfrm>
                            <a:off x="904674" y="2025462"/>
                            <a:ext cx="470729" cy="0"/>
                          </a:xfrm>
                          <a:custGeom>
                            <a:avLst/>
                            <a:gdLst/>
                            <a:ahLst/>
                            <a:cxnLst/>
                            <a:rect l="0" t="0" r="0" b="0"/>
                            <a:pathLst>
                              <a:path w="470729">
                                <a:moveTo>
                                  <a:pt x="0" y="0"/>
                                </a:moveTo>
                                <a:lnTo>
                                  <a:pt x="470729" y="0"/>
                                </a:ln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20" name="Shape 2520"/>
                        <wps:cNvSpPr/>
                        <wps:spPr>
                          <a:xfrm>
                            <a:off x="1369249" y="2000864"/>
                            <a:ext cx="73858" cy="49195"/>
                          </a:xfrm>
                          <a:custGeom>
                            <a:avLst/>
                            <a:gdLst/>
                            <a:ahLst/>
                            <a:cxnLst/>
                            <a:rect l="0" t="0" r="0" b="0"/>
                            <a:pathLst>
                              <a:path w="73858" h="49195">
                                <a:moveTo>
                                  <a:pt x="0" y="0"/>
                                </a:moveTo>
                                <a:lnTo>
                                  <a:pt x="73858" y="24597"/>
                                </a:lnTo>
                                <a:lnTo>
                                  <a:pt x="0" y="49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21" name="Shape 2521"/>
                        <wps:cNvSpPr/>
                        <wps:spPr>
                          <a:xfrm>
                            <a:off x="1443107" y="1864060"/>
                            <a:ext cx="689263" cy="322804"/>
                          </a:xfrm>
                          <a:custGeom>
                            <a:avLst/>
                            <a:gdLst/>
                            <a:ahLst/>
                            <a:cxnLst/>
                            <a:rect l="0" t="0" r="0" b="0"/>
                            <a:pathLst>
                              <a:path w="689263" h="322804">
                                <a:moveTo>
                                  <a:pt x="161545" y="0"/>
                                </a:moveTo>
                                <a:lnTo>
                                  <a:pt x="527718" y="0"/>
                                </a:lnTo>
                                <a:cubicBezTo>
                                  <a:pt x="616925" y="0"/>
                                  <a:pt x="689263" y="72267"/>
                                  <a:pt x="689263" y="161402"/>
                                </a:cubicBezTo>
                                <a:cubicBezTo>
                                  <a:pt x="689263" y="250545"/>
                                  <a:pt x="616925" y="322804"/>
                                  <a:pt x="527718" y="322804"/>
                                </a:cubicBezTo>
                                <a:lnTo>
                                  <a:pt x="161545" y="322804"/>
                                </a:lnTo>
                                <a:cubicBezTo>
                                  <a:pt x="72338" y="322804"/>
                                  <a:pt x="0" y="250545"/>
                                  <a:pt x="0" y="161402"/>
                                </a:cubicBezTo>
                                <a:cubicBezTo>
                                  <a:pt x="0" y="72267"/>
                                  <a:pt x="72338" y="0"/>
                                  <a:pt x="161545"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2522" name="Shape 2522"/>
                        <wps:cNvSpPr/>
                        <wps:spPr>
                          <a:xfrm>
                            <a:off x="1443107" y="1864060"/>
                            <a:ext cx="689263" cy="322804"/>
                          </a:xfrm>
                          <a:custGeom>
                            <a:avLst/>
                            <a:gdLst/>
                            <a:ahLst/>
                            <a:cxnLst/>
                            <a:rect l="0" t="0" r="0" b="0"/>
                            <a:pathLst>
                              <a:path w="689263" h="322804">
                                <a:moveTo>
                                  <a:pt x="161545" y="322804"/>
                                </a:moveTo>
                                <a:lnTo>
                                  <a:pt x="527718" y="322804"/>
                                </a:lnTo>
                                <a:cubicBezTo>
                                  <a:pt x="616925" y="322804"/>
                                  <a:pt x="689263" y="250545"/>
                                  <a:pt x="689263" y="161402"/>
                                </a:cubicBezTo>
                                <a:cubicBezTo>
                                  <a:pt x="689263" y="161402"/>
                                  <a:pt x="689263" y="161402"/>
                                  <a:pt x="689263" y="161402"/>
                                </a:cubicBezTo>
                                <a:cubicBezTo>
                                  <a:pt x="689263" y="72267"/>
                                  <a:pt x="616925" y="0"/>
                                  <a:pt x="527718" y="0"/>
                                </a:cubicBezTo>
                                <a:lnTo>
                                  <a:pt x="161545" y="0"/>
                                </a:lnTo>
                                <a:cubicBezTo>
                                  <a:pt x="72338" y="0"/>
                                  <a:pt x="0" y="72267"/>
                                  <a:pt x="0" y="161402"/>
                                </a:cubicBezTo>
                                <a:cubicBezTo>
                                  <a:pt x="0" y="250545"/>
                                  <a:pt x="72338" y="322804"/>
                                  <a:pt x="161545" y="322804"/>
                                </a:cubicBezTo>
                                <a:close/>
                              </a:path>
                            </a:pathLst>
                          </a:custGeom>
                          <a:ln w="1822" cap="rnd">
                            <a:round/>
                          </a:ln>
                        </wps:spPr>
                        <wps:style>
                          <a:lnRef idx="1">
                            <a:srgbClr val="000000"/>
                          </a:lnRef>
                          <a:fillRef idx="0">
                            <a:srgbClr val="000000">
                              <a:alpha val="0"/>
                            </a:srgbClr>
                          </a:fillRef>
                          <a:effectRef idx="0">
                            <a:scrgbClr r="0" g="0" b="0"/>
                          </a:effectRef>
                          <a:fontRef idx="none"/>
                        </wps:style>
                        <wps:bodyPr/>
                      </wps:wsp>
                      <wps:wsp>
                        <wps:cNvPr id="2523" name="Rectangle 2523"/>
                        <wps:cNvSpPr/>
                        <wps:spPr>
                          <a:xfrm>
                            <a:off x="1623572" y="1931805"/>
                            <a:ext cx="436737" cy="113891"/>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wps:txbx>
                        <wps:bodyPr horzOverflow="overflow" vert="horz" lIns="0" tIns="0" rIns="0" bIns="0" rtlCol="0">
                          <a:noAutofit/>
                        </wps:bodyPr>
                      </wps:wsp>
                      <wps:wsp>
                        <wps:cNvPr id="2524" name="Rectangle 2524"/>
                        <wps:cNvSpPr/>
                        <wps:spPr>
                          <a:xfrm>
                            <a:off x="1501159" y="2041127"/>
                            <a:ext cx="67429"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25" name="Rectangle 2525"/>
                        <wps:cNvSpPr/>
                        <wps:spPr>
                          <a:xfrm>
                            <a:off x="1551842" y="2041127"/>
                            <a:ext cx="627498"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стройство</w:t>
                              </w:r>
                            </w:p>
                          </w:txbxContent>
                        </wps:txbx>
                        <wps:bodyPr horzOverflow="overflow" vert="horz" lIns="0" tIns="0" rIns="0" bIns="0" rtlCol="0">
                          <a:noAutofit/>
                        </wps:bodyPr>
                      </wps:wsp>
                      <wps:wsp>
                        <wps:cNvPr id="2526" name="Rectangle 2526"/>
                        <wps:cNvSpPr/>
                        <wps:spPr>
                          <a:xfrm>
                            <a:off x="2023635" y="2041127"/>
                            <a:ext cx="67429"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28" name="Shape 2528"/>
                        <wps:cNvSpPr/>
                        <wps:spPr>
                          <a:xfrm>
                            <a:off x="3144723" y="1864060"/>
                            <a:ext cx="689263" cy="322804"/>
                          </a:xfrm>
                          <a:custGeom>
                            <a:avLst/>
                            <a:gdLst/>
                            <a:ahLst/>
                            <a:cxnLst/>
                            <a:rect l="0" t="0" r="0" b="0"/>
                            <a:pathLst>
                              <a:path w="689263" h="322804">
                                <a:moveTo>
                                  <a:pt x="161545" y="322804"/>
                                </a:moveTo>
                                <a:lnTo>
                                  <a:pt x="527718" y="322804"/>
                                </a:lnTo>
                                <a:cubicBezTo>
                                  <a:pt x="616925" y="322804"/>
                                  <a:pt x="689263" y="250545"/>
                                  <a:pt x="689263" y="161402"/>
                                </a:cubicBezTo>
                                <a:cubicBezTo>
                                  <a:pt x="689263" y="161402"/>
                                  <a:pt x="689263" y="161402"/>
                                  <a:pt x="689263" y="161402"/>
                                </a:cubicBezTo>
                                <a:cubicBezTo>
                                  <a:pt x="689263" y="72267"/>
                                  <a:pt x="616925" y="0"/>
                                  <a:pt x="527718" y="0"/>
                                </a:cubicBezTo>
                                <a:lnTo>
                                  <a:pt x="161545" y="0"/>
                                </a:lnTo>
                                <a:cubicBezTo>
                                  <a:pt x="72338" y="0"/>
                                  <a:pt x="0" y="72267"/>
                                  <a:pt x="0" y="161402"/>
                                </a:cubicBezTo>
                                <a:cubicBezTo>
                                  <a:pt x="0" y="250545"/>
                                  <a:pt x="72338" y="322804"/>
                                  <a:pt x="161545" y="322804"/>
                                </a:cubicBezTo>
                                <a:close/>
                              </a:path>
                            </a:pathLst>
                          </a:custGeom>
                          <a:ln w="1822" cap="rnd">
                            <a:round/>
                          </a:ln>
                        </wps:spPr>
                        <wps:style>
                          <a:lnRef idx="1">
                            <a:srgbClr val="000000"/>
                          </a:lnRef>
                          <a:fillRef idx="0">
                            <a:srgbClr val="000000">
                              <a:alpha val="0"/>
                            </a:srgbClr>
                          </a:fillRef>
                          <a:effectRef idx="0">
                            <a:scrgbClr r="0" g="0" b="0"/>
                          </a:effectRef>
                          <a:fontRef idx="none"/>
                        </wps:style>
                        <wps:bodyPr/>
                      </wps:wsp>
                      <wps:wsp>
                        <wps:cNvPr id="2529" name="Rectangle 2529"/>
                        <wps:cNvSpPr/>
                        <wps:spPr>
                          <a:xfrm>
                            <a:off x="3325188" y="1931805"/>
                            <a:ext cx="436737" cy="113891"/>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wps:txbx>
                        <wps:bodyPr horzOverflow="overflow" vert="horz" lIns="0" tIns="0" rIns="0" bIns="0" rtlCol="0">
                          <a:noAutofit/>
                        </wps:bodyPr>
                      </wps:wsp>
                      <wps:wsp>
                        <wps:cNvPr id="2530" name="Rectangle 2530"/>
                        <wps:cNvSpPr/>
                        <wps:spPr>
                          <a:xfrm>
                            <a:off x="3202700" y="2041127"/>
                            <a:ext cx="67429"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31" name="Rectangle 2531"/>
                        <wps:cNvSpPr/>
                        <wps:spPr>
                          <a:xfrm>
                            <a:off x="3253458" y="2041127"/>
                            <a:ext cx="627497"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стройство</w:t>
                              </w:r>
                            </w:p>
                          </w:txbxContent>
                        </wps:txbx>
                        <wps:bodyPr horzOverflow="overflow" vert="horz" lIns="0" tIns="0" rIns="0" bIns="0" rtlCol="0">
                          <a:noAutofit/>
                        </wps:bodyPr>
                      </wps:wsp>
                      <wps:wsp>
                        <wps:cNvPr id="2532" name="Rectangle 2532"/>
                        <wps:cNvSpPr/>
                        <wps:spPr>
                          <a:xfrm>
                            <a:off x="3725251" y="2041127"/>
                            <a:ext cx="67429"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34" name="Shape 2534"/>
                        <wps:cNvSpPr/>
                        <wps:spPr>
                          <a:xfrm>
                            <a:off x="2304704" y="1864060"/>
                            <a:ext cx="689263" cy="322804"/>
                          </a:xfrm>
                          <a:custGeom>
                            <a:avLst/>
                            <a:gdLst/>
                            <a:ahLst/>
                            <a:cxnLst/>
                            <a:rect l="0" t="0" r="0" b="0"/>
                            <a:pathLst>
                              <a:path w="689263" h="322804">
                                <a:moveTo>
                                  <a:pt x="161545" y="322804"/>
                                </a:moveTo>
                                <a:lnTo>
                                  <a:pt x="527719" y="322804"/>
                                </a:lnTo>
                                <a:cubicBezTo>
                                  <a:pt x="616925" y="322804"/>
                                  <a:pt x="689263" y="250545"/>
                                  <a:pt x="689263" y="161402"/>
                                </a:cubicBezTo>
                                <a:cubicBezTo>
                                  <a:pt x="689263" y="161402"/>
                                  <a:pt x="689263" y="161402"/>
                                  <a:pt x="689263" y="161402"/>
                                </a:cubicBezTo>
                                <a:cubicBezTo>
                                  <a:pt x="689263" y="72267"/>
                                  <a:pt x="616925" y="0"/>
                                  <a:pt x="527719" y="0"/>
                                </a:cubicBezTo>
                                <a:lnTo>
                                  <a:pt x="161545" y="0"/>
                                </a:lnTo>
                                <a:cubicBezTo>
                                  <a:pt x="72338" y="0"/>
                                  <a:pt x="0" y="72267"/>
                                  <a:pt x="0" y="161402"/>
                                </a:cubicBezTo>
                                <a:cubicBezTo>
                                  <a:pt x="0" y="250545"/>
                                  <a:pt x="72338" y="322804"/>
                                  <a:pt x="161545" y="322804"/>
                                </a:cubicBezTo>
                                <a:close/>
                              </a:path>
                            </a:pathLst>
                          </a:custGeom>
                          <a:ln w="1822" cap="rnd">
                            <a:round/>
                          </a:ln>
                        </wps:spPr>
                        <wps:style>
                          <a:lnRef idx="1">
                            <a:srgbClr val="000000"/>
                          </a:lnRef>
                          <a:fillRef idx="0">
                            <a:srgbClr val="000000">
                              <a:alpha val="0"/>
                            </a:srgbClr>
                          </a:fillRef>
                          <a:effectRef idx="0">
                            <a:scrgbClr r="0" g="0" b="0"/>
                          </a:effectRef>
                          <a:fontRef idx="none"/>
                        </wps:style>
                        <wps:bodyPr/>
                      </wps:wsp>
                      <wps:wsp>
                        <wps:cNvPr id="2535" name="Rectangle 2535"/>
                        <wps:cNvSpPr/>
                        <wps:spPr>
                          <a:xfrm>
                            <a:off x="2485170" y="1931805"/>
                            <a:ext cx="436737" cy="113891"/>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wps:txbx>
                        <wps:bodyPr horzOverflow="overflow" vert="horz" lIns="0" tIns="0" rIns="0" bIns="0" rtlCol="0">
                          <a:noAutofit/>
                        </wps:bodyPr>
                      </wps:wsp>
                      <wps:wsp>
                        <wps:cNvPr id="2536" name="Rectangle 2536"/>
                        <wps:cNvSpPr/>
                        <wps:spPr>
                          <a:xfrm>
                            <a:off x="2362681" y="2041127"/>
                            <a:ext cx="67429"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37" name="Rectangle 2537"/>
                        <wps:cNvSpPr/>
                        <wps:spPr>
                          <a:xfrm>
                            <a:off x="2413440" y="2041127"/>
                            <a:ext cx="627497"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стройство</w:t>
                              </w:r>
                            </w:p>
                          </w:txbxContent>
                        </wps:txbx>
                        <wps:bodyPr horzOverflow="overflow" vert="horz" lIns="0" tIns="0" rIns="0" bIns="0" rtlCol="0">
                          <a:noAutofit/>
                        </wps:bodyPr>
                      </wps:wsp>
                      <wps:wsp>
                        <wps:cNvPr id="2538" name="Rectangle 2538"/>
                        <wps:cNvSpPr/>
                        <wps:spPr>
                          <a:xfrm>
                            <a:off x="2885233" y="2041127"/>
                            <a:ext cx="67429"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39" name="Shape 2539"/>
                        <wps:cNvSpPr/>
                        <wps:spPr>
                          <a:xfrm>
                            <a:off x="2132370" y="2025462"/>
                            <a:ext cx="104632" cy="0"/>
                          </a:xfrm>
                          <a:custGeom>
                            <a:avLst/>
                            <a:gdLst/>
                            <a:ahLst/>
                            <a:cxnLst/>
                            <a:rect l="0" t="0" r="0" b="0"/>
                            <a:pathLst>
                              <a:path w="104632">
                                <a:moveTo>
                                  <a:pt x="0" y="0"/>
                                </a:moveTo>
                                <a:lnTo>
                                  <a:pt x="104632" y="0"/>
                                </a:ln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40" name="Shape 2540"/>
                        <wps:cNvSpPr/>
                        <wps:spPr>
                          <a:xfrm>
                            <a:off x="2230847" y="2000864"/>
                            <a:ext cx="73858" cy="49195"/>
                          </a:xfrm>
                          <a:custGeom>
                            <a:avLst/>
                            <a:gdLst/>
                            <a:ahLst/>
                            <a:cxnLst/>
                            <a:rect l="0" t="0" r="0" b="0"/>
                            <a:pathLst>
                              <a:path w="73858" h="49195">
                                <a:moveTo>
                                  <a:pt x="0" y="0"/>
                                </a:moveTo>
                                <a:lnTo>
                                  <a:pt x="73858" y="24597"/>
                                </a:lnTo>
                                <a:lnTo>
                                  <a:pt x="0" y="49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41" name="Shape 2541"/>
                        <wps:cNvSpPr/>
                        <wps:spPr>
                          <a:xfrm>
                            <a:off x="2993968" y="2025462"/>
                            <a:ext cx="83052" cy="0"/>
                          </a:xfrm>
                          <a:custGeom>
                            <a:avLst/>
                            <a:gdLst/>
                            <a:ahLst/>
                            <a:cxnLst/>
                            <a:rect l="0" t="0" r="0" b="0"/>
                            <a:pathLst>
                              <a:path w="83052">
                                <a:moveTo>
                                  <a:pt x="0" y="0"/>
                                </a:moveTo>
                                <a:lnTo>
                                  <a:pt x="83052" y="0"/>
                                </a:ln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42" name="Shape 2542"/>
                        <wps:cNvSpPr/>
                        <wps:spPr>
                          <a:xfrm>
                            <a:off x="3070865" y="2000864"/>
                            <a:ext cx="73858" cy="49195"/>
                          </a:xfrm>
                          <a:custGeom>
                            <a:avLst/>
                            <a:gdLst/>
                            <a:ahLst/>
                            <a:cxnLst/>
                            <a:rect l="0" t="0" r="0" b="0"/>
                            <a:pathLst>
                              <a:path w="73858" h="49195">
                                <a:moveTo>
                                  <a:pt x="0" y="0"/>
                                </a:moveTo>
                                <a:lnTo>
                                  <a:pt x="73858" y="24597"/>
                                </a:lnTo>
                                <a:lnTo>
                                  <a:pt x="0" y="49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43" name="Shape 2543"/>
                        <wps:cNvSpPr/>
                        <wps:spPr>
                          <a:xfrm>
                            <a:off x="0" y="71261"/>
                            <a:ext cx="3833986" cy="2431772"/>
                          </a:xfrm>
                          <a:custGeom>
                            <a:avLst/>
                            <a:gdLst/>
                            <a:ahLst/>
                            <a:cxnLst/>
                            <a:rect l="0" t="0" r="0" b="0"/>
                            <a:pathLst>
                              <a:path w="3833986" h="2431772">
                                <a:moveTo>
                                  <a:pt x="418474" y="108259"/>
                                </a:moveTo>
                                <a:cubicBezTo>
                                  <a:pt x="351850" y="43046"/>
                                  <a:pt x="185503" y="0"/>
                                  <a:pt x="0" y="0"/>
                                </a:cubicBezTo>
                                <a:lnTo>
                                  <a:pt x="0" y="0"/>
                                </a:lnTo>
                                <a:lnTo>
                                  <a:pt x="0" y="2431772"/>
                                </a:lnTo>
                                <a:lnTo>
                                  <a:pt x="3608462" y="2431772"/>
                                </a:lnTo>
                                <a:cubicBezTo>
                                  <a:pt x="3733001" y="2431772"/>
                                  <a:pt x="3833986" y="2214054"/>
                                  <a:pt x="3833986" y="1945478"/>
                                </a:cubicBezTo>
                                <a:cubicBezTo>
                                  <a:pt x="3833986" y="1945478"/>
                                  <a:pt x="3833986" y="1945478"/>
                                  <a:pt x="3833986" y="1945478"/>
                                </a:cubicBez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44" name="Shape 2544"/>
                        <wps:cNvSpPr/>
                        <wps:spPr>
                          <a:xfrm>
                            <a:off x="393665" y="163198"/>
                            <a:ext cx="54717" cy="77057"/>
                          </a:xfrm>
                          <a:custGeom>
                            <a:avLst/>
                            <a:gdLst/>
                            <a:ahLst/>
                            <a:cxnLst/>
                            <a:rect l="0" t="0" r="0" b="0"/>
                            <a:pathLst>
                              <a:path w="54717" h="77057">
                                <a:moveTo>
                                  <a:pt x="44170" y="0"/>
                                </a:moveTo>
                                <a:lnTo>
                                  <a:pt x="54717" y="77057"/>
                                </a:lnTo>
                                <a:lnTo>
                                  <a:pt x="0" y="21712"/>
                                </a:lnTo>
                                <a:lnTo>
                                  <a:pt x="4417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45" name="Shape 2545"/>
                        <wps:cNvSpPr/>
                        <wps:spPr>
                          <a:xfrm>
                            <a:off x="2917755" y="2025462"/>
                            <a:ext cx="76213" cy="435512"/>
                          </a:xfrm>
                          <a:custGeom>
                            <a:avLst/>
                            <a:gdLst/>
                            <a:ahLst/>
                            <a:cxnLst/>
                            <a:rect l="0" t="0" r="0" b="0"/>
                            <a:pathLst>
                              <a:path w="76213" h="435512">
                                <a:moveTo>
                                  <a:pt x="76213" y="0"/>
                                </a:moveTo>
                                <a:cubicBezTo>
                                  <a:pt x="76213" y="187935"/>
                                  <a:pt x="46351" y="358402"/>
                                  <a:pt x="0" y="435512"/>
                                </a:cubicBez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46" name="Shape 2546"/>
                        <wps:cNvSpPr/>
                        <wps:spPr>
                          <a:xfrm>
                            <a:off x="2864717" y="2437887"/>
                            <a:ext cx="73174" cy="65146"/>
                          </a:xfrm>
                          <a:custGeom>
                            <a:avLst/>
                            <a:gdLst/>
                            <a:ahLst/>
                            <a:cxnLst/>
                            <a:rect l="0" t="0" r="0" b="0"/>
                            <a:pathLst>
                              <a:path w="73174" h="65146">
                                <a:moveTo>
                                  <a:pt x="42552" y="0"/>
                                </a:moveTo>
                                <a:lnTo>
                                  <a:pt x="73174" y="38529"/>
                                </a:lnTo>
                                <a:lnTo>
                                  <a:pt x="0" y="65146"/>
                                </a:lnTo>
                                <a:lnTo>
                                  <a:pt x="4255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47" name="Shape 2547"/>
                        <wps:cNvSpPr/>
                        <wps:spPr>
                          <a:xfrm>
                            <a:off x="2056157" y="2025462"/>
                            <a:ext cx="76213" cy="435512"/>
                          </a:xfrm>
                          <a:custGeom>
                            <a:avLst/>
                            <a:gdLst/>
                            <a:ahLst/>
                            <a:cxnLst/>
                            <a:rect l="0" t="0" r="0" b="0"/>
                            <a:pathLst>
                              <a:path w="76213" h="435512">
                                <a:moveTo>
                                  <a:pt x="76213" y="0"/>
                                </a:moveTo>
                                <a:cubicBezTo>
                                  <a:pt x="76213" y="187935"/>
                                  <a:pt x="46427" y="358402"/>
                                  <a:pt x="0" y="435512"/>
                                </a:cubicBezTo>
                              </a:path>
                            </a:pathLst>
                          </a:custGeom>
                          <a:ln w="5466" cap="rnd">
                            <a:round/>
                          </a:ln>
                        </wps:spPr>
                        <wps:style>
                          <a:lnRef idx="1">
                            <a:srgbClr val="000000"/>
                          </a:lnRef>
                          <a:fillRef idx="0">
                            <a:srgbClr val="000000">
                              <a:alpha val="0"/>
                            </a:srgbClr>
                          </a:fillRef>
                          <a:effectRef idx="0">
                            <a:scrgbClr r="0" g="0" b="0"/>
                          </a:effectRef>
                          <a:fontRef idx="none"/>
                        </wps:style>
                        <wps:bodyPr/>
                      </wps:wsp>
                      <wps:wsp>
                        <wps:cNvPr id="2548" name="Shape 2548"/>
                        <wps:cNvSpPr/>
                        <wps:spPr>
                          <a:xfrm>
                            <a:off x="2003118" y="2437887"/>
                            <a:ext cx="73174" cy="65146"/>
                          </a:xfrm>
                          <a:custGeom>
                            <a:avLst/>
                            <a:gdLst/>
                            <a:ahLst/>
                            <a:cxnLst/>
                            <a:rect l="0" t="0" r="0" b="0"/>
                            <a:pathLst>
                              <a:path w="73174" h="65146">
                                <a:moveTo>
                                  <a:pt x="42552" y="0"/>
                                </a:moveTo>
                                <a:lnTo>
                                  <a:pt x="73174" y="38529"/>
                                </a:lnTo>
                                <a:lnTo>
                                  <a:pt x="0" y="65146"/>
                                </a:lnTo>
                                <a:lnTo>
                                  <a:pt x="4255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549" name="Rectangle 2549"/>
                        <wps:cNvSpPr/>
                        <wps:spPr>
                          <a:xfrm>
                            <a:off x="1658297" y="2242874"/>
                            <a:ext cx="40386" cy="1351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50" name="Rectangle 2550"/>
                        <wps:cNvSpPr/>
                        <wps:spPr>
                          <a:xfrm>
                            <a:off x="1688691" y="2258997"/>
                            <a:ext cx="263637"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к</w:t>
                              </w:r>
                            </w:p>
                          </w:txbxContent>
                        </wps:txbx>
                        <wps:bodyPr horzOverflow="overflow" vert="horz" lIns="0" tIns="0" rIns="0" bIns="0" rtlCol="0">
                          <a:noAutofit/>
                        </wps:bodyPr>
                      </wps:wsp>
                      <wps:wsp>
                        <wps:cNvPr id="2551" name="Rectangle 2551"/>
                        <wps:cNvSpPr/>
                        <wps:spPr>
                          <a:xfrm>
                            <a:off x="1886861" y="2242874"/>
                            <a:ext cx="40386" cy="1351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52" name="Rectangle 2552"/>
                        <wps:cNvSpPr/>
                        <wps:spPr>
                          <a:xfrm>
                            <a:off x="2291863" y="2242874"/>
                            <a:ext cx="40386" cy="1351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53" name="Rectangle 2553"/>
                        <wps:cNvSpPr/>
                        <wps:spPr>
                          <a:xfrm>
                            <a:off x="2322257" y="2258997"/>
                            <a:ext cx="766243"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аздел диска</w:t>
                              </w:r>
                            </w:p>
                          </w:txbxContent>
                        </wps:txbx>
                        <wps:bodyPr horzOverflow="overflow" vert="horz" lIns="0" tIns="0" rIns="0" bIns="0" rtlCol="0">
                          <a:noAutofit/>
                        </wps:bodyPr>
                      </wps:wsp>
                      <wps:wsp>
                        <wps:cNvPr id="2554" name="Rectangle 2554"/>
                        <wps:cNvSpPr/>
                        <wps:spPr>
                          <a:xfrm>
                            <a:off x="2898378" y="2242874"/>
                            <a:ext cx="40386" cy="1351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55" name="Rectangle 2555"/>
                        <wps:cNvSpPr/>
                        <wps:spPr>
                          <a:xfrm>
                            <a:off x="3123751" y="2242874"/>
                            <a:ext cx="40386" cy="1351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56" name="Rectangle 2556"/>
                        <wps:cNvSpPr/>
                        <wps:spPr>
                          <a:xfrm>
                            <a:off x="3154145" y="2258997"/>
                            <a:ext cx="766244"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аздел диска</w:t>
                              </w:r>
                            </w:p>
                          </w:txbxContent>
                        </wps:txbx>
                        <wps:bodyPr horzOverflow="overflow" vert="horz" lIns="0" tIns="0" rIns="0" bIns="0" rtlCol="0">
                          <a:noAutofit/>
                        </wps:bodyPr>
                      </wps:wsp>
                      <wps:wsp>
                        <wps:cNvPr id="2557" name="Rectangle 2557"/>
                        <wps:cNvSpPr/>
                        <wps:spPr>
                          <a:xfrm>
                            <a:off x="3730266" y="2242874"/>
                            <a:ext cx="40386" cy="1351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558" name="Rectangle 2558"/>
                        <wps:cNvSpPr/>
                        <wps:spPr>
                          <a:xfrm>
                            <a:off x="122200" y="278847"/>
                            <a:ext cx="407013"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Номер </w:t>
                              </w:r>
                            </w:p>
                          </w:txbxContent>
                        </wps:txbx>
                        <wps:bodyPr horzOverflow="overflow" vert="horz" lIns="0" tIns="0" rIns="0" bIns="0" rtlCol="0">
                          <a:noAutofit/>
                        </wps:bodyPr>
                      </wps:wsp>
                      <wps:wsp>
                        <wps:cNvPr id="2559" name="Rectangle 2559"/>
                        <wps:cNvSpPr/>
                        <wps:spPr>
                          <a:xfrm>
                            <a:off x="42035" y="388246"/>
                            <a:ext cx="519112"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функции </w:t>
                              </w:r>
                            </w:p>
                          </w:txbxContent>
                        </wps:txbx>
                        <wps:bodyPr horzOverflow="overflow" vert="horz" lIns="0" tIns="0" rIns="0" bIns="0" rtlCol="0">
                          <a:noAutofit/>
                        </wps:bodyPr>
                      </wps:wsp>
                      <wps:wsp>
                        <wps:cNvPr id="2560" name="Rectangle 2560"/>
                        <wps:cNvSpPr/>
                        <wps:spPr>
                          <a:xfrm>
                            <a:off x="432326" y="372123"/>
                            <a:ext cx="67448" cy="13510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2561" name="Rectangle 2561"/>
                        <wps:cNvSpPr/>
                        <wps:spPr>
                          <a:xfrm>
                            <a:off x="139669" y="483902"/>
                            <a:ext cx="407013"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Номер </w:t>
                              </w:r>
                            </w:p>
                          </w:txbxContent>
                        </wps:txbx>
                        <wps:bodyPr horzOverflow="overflow" vert="horz" lIns="0" tIns="0" rIns="0" bIns="0" rtlCol="0">
                          <a:noAutofit/>
                        </wps:bodyPr>
                      </wps:wsp>
                      <wps:wsp>
                        <wps:cNvPr id="2562" name="Rectangle 2562"/>
                        <wps:cNvSpPr/>
                        <wps:spPr>
                          <a:xfrm>
                            <a:off x="59504" y="593224"/>
                            <a:ext cx="519111"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функции </w:t>
                              </w:r>
                            </w:p>
                          </w:txbxContent>
                        </wps:txbx>
                        <wps:bodyPr horzOverflow="overflow" vert="horz" lIns="0" tIns="0" rIns="0" bIns="0" rtlCol="0">
                          <a:noAutofit/>
                        </wps:bodyPr>
                      </wps:wsp>
                      <wps:wsp>
                        <wps:cNvPr id="2563" name="Rectangle 2563"/>
                        <wps:cNvSpPr/>
                        <wps:spPr>
                          <a:xfrm>
                            <a:off x="449795" y="577102"/>
                            <a:ext cx="67448" cy="13510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2564" name="Rectangle 2564"/>
                        <wps:cNvSpPr/>
                        <wps:spPr>
                          <a:xfrm>
                            <a:off x="139669" y="1064979"/>
                            <a:ext cx="407013" cy="11389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Номер </w:t>
                              </w:r>
                            </w:p>
                          </w:txbxContent>
                        </wps:txbx>
                        <wps:bodyPr horzOverflow="overflow" vert="horz" lIns="0" tIns="0" rIns="0" bIns="0" rtlCol="0">
                          <a:noAutofit/>
                        </wps:bodyPr>
                      </wps:wsp>
                      <wps:wsp>
                        <wps:cNvPr id="2565" name="Rectangle 2565"/>
                        <wps:cNvSpPr/>
                        <wps:spPr>
                          <a:xfrm>
                            <a:off x="59504" y="1174301"/>
                            <a:ext cx="519111" cy="11389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функции </w:t>
                              </w:r>
                            </w:p>
                          </w:txbxContent>
                        </wps:txbx>
                        <wps:bodyPr horzOverflow="overflow" vert="horz" lIns="0" tIns="0" rIns="0" bIns="0" rtlCol="0">
                          <a:noAutofit/>
                        </wps:bodyPr>
                      </wps:wsp>
                      <wps:wsp>
                        <wps:cNvPr id="2566" name="Rectangle 2566"/>
                        <wps:cNvSpPr/>
                        <wps:spPr>
                          <a:xfrm>
                            <a:off x="449795" y="1158179"/>
                            <a:ext cx="67448" cy="13510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n</w:t>
                              </w:r>
                            </w:p>
                          </w:txbxContent>
                        </wps:txbx>
                        <wps:bodyPr horzOverflow="overflow" vert="horz" lIns="0" tIns="0" rIns="0" bIns="0" rtlCol="0">
                          <a:noAutofit/>
                        </wps:bodyPr>
                      </wps:wsp>
                      <wps:wsp>
                        <wps:cNvPr id="2567" name="Shape 2567"/>
                        <wps:cNvSpPr/>
                        <wps:spPr>
                          <a:xfrm>
                            <a:off x="280006" y="759914"/>
                            <a:ext cx="0" cy="215152"/>
                          </a:xfrm>
                          <a:custGeom>
                            <a:avLst/>
                            <a:gdLst/>
                            <a:ahLst/>
                            <a:cxnLst/>
                            <a:rect l="0" t="0" r="0" b="0"/>
                            <a:pathLst>
                              <a:path h="215152">
                                <a:moveTo>
                                  <a:pt x="0" y="0"/>
                                </a:moveTo>
                                <a:lnTo>
                                  <a:pt x="0" y="215152"/>
                                </a:lnTo>
                              </a:path>
                            </a:pathLst>
                          </a:custGeom>
                          <a:ln w="9110" cap="rnd">
                            <a:custDash>
                              <a:ds d="1" sp="645603"/>
                            </a:custDash>
                            <a:round/>
                          </a:ln>
                        </wps:spPr>
                        <wps:style>
                          <a:lnRef idx="1">
                            <a:srgbClr val="000000"/>
                          </a:lnRef>
                          <a:fillRef idx="0">
                            <a:srgbClr val="000000">
                              <a:alpha val="0"/>
                            </a:srgbClr>
                          </a:fillRef>
                          <a:effectRef idx="0">
                            <a:scrgbClr r="0" g="0" b="0"/>
                          </a:effectRef>
                          <a:fontRef idx="none"/>
                        </wps:style>
                        <wps:bodyPr/>
                      </wps:wsp>
                      <wps:wsp>
                        <wps:cNvPr id="2568" name="Shape 2568"/>
                        <wps:cNvSpPr/>
                        <wps:spPr>
                          <a:xfrm>
                            <a:off x="883094" y="759914"/>
                            <a:ext cx="0" cy="215152"/>
                          </a:xfrm>
                          <a:custGeom>
                            <a:avLst/>
                            <a:gdLst/>
                            <a:ahLst/>
                            <a:cxnLst/>
                            <a:rect l="0" t="0" r="0" b="0"/>
                            <a:pathLst>
                              <a:path h="215152">
                                <a:moveTo>
                                  <a:pt x="0" y="0"/>
                                </a:moveTo>
                                <a:lnTo>
                                  <a:pt x="0" y="215152"/>
                                </a:lnTo>
                              </a:path>
                            </a:pathLst>
                          </a:custGeom>
                          <a:ln w="9110" cap="rnd">
                            <a:custDash>
                              <a:ds d="1" sp="645603"/>
                            </a:custDash>
                            <a:round/>
                          </a:ln>
                        </wps:spPr>
                        <wps:style>
                          <a:lnRef idx="1">
                            <a:srgbClr val="000000"/>
                          </a:lnRef>
                          <a:fillRef idx="0">
                            <a:srgbClr val="000000">
                              <a:alpha val="0"/>
                            </a:srgbClr>
                          </a:fillRef>
                          <a:effectRef idx="0">
                            <a:scrgbClr r="0" g="0" b="0"/>
                          </a:effectRef>
                          <a:fontRef idx="none"/>
                        </wps:style>
                        <wps:bodyPr/>
                      </wps:wsp>
                      <wps:wsp>
                        <wps:cNvPr id="2569" name="Shape 2569"/>
                        <wps:cNvSpPr/>
                        <wps:spPr>
                          <a:xfrm>
                            <a:off x="1680029" y="759914"/>
                            <a:ext cx="0" cy="215152"/>
                          </a:xfrm>
                          <a:custGeom>
                            <a:avLst/>
                            <a:gdLst/>
                            <a:ahLst/>
                            <a:cxnLst/>
                            <a:rect l="0" t="0" r="0" b="0"/>
                            <a:pathLst>
                              <a:path h="215152">
                                <a:moveTo>
                                  <a:pt x="0" y="0"/>
                                </a:moveTo>
                                <a:lnTo>
                                  <a:pt x="0" y="215152"/>
                                </a:lnTo>
                              </a:path>
                            </a:pathLst>
                          </a:custGeom>
                          <a:ln w="9110" cap="rnd">
                            <a:custDash>
                              <a:ds d="1" sp="645603"/>
                            </a:custDash>
                            <a:round/>
                          </a:ln>
                        </wps:spPr>
                        <wps:style>
                          <a:lnRef idx="1">
                            <a:srgbClr val="000000"/>
                          </a:lnRef>
                          <a:fillRef idx="0">
                            <a:srgbClr val="000000">
                              <a:alpha val="0"/>
                            </a:srgbClr>
                          </a:fillRef>
                          <a:effectRef idx="0">
                            <a:scrgbClr r="0" g="0" b="0"/>
                          </a:effectRef>
                          <a:fontRef idx="none"/>
                        </wps:style>
                        <wps:bodyPr/>
                      </wps:wsp>
                    </wpg:wgp>
                  </a:graphicData>
                </a:graphic>
              </wp:inline>
            </w:drawing>
          </mc:Choice>
          <mc:Fallback>
            <w:pict>
              <v:group id="Group 58825" o:spid="_x0000_s1352" style="width:329.85pt;height:197.1pt;mso-position-horizontal-relative:char;mso-position-vertical-relative:line" coordsize="41890,250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">
                <v:rect id="Rectangle 2439" o:spid="_x0000_s1353" style="position:absolute;left:2542;width:4493;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бъект </w:t>
                        </w:r>
                      </w:p>
                    </w:txbxContent>
                  </v:textbox>
                </v:rect>
                <v:rect id="Rectangle 2440" o:spid="_x0000_s1354" style="position:absolute;left:5920;width:674;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441" o:spid="_x0000_s1355" style="position:absolute;left:6427;width:4727;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w:t>
                        </w:r>
                      </w:p>
                    </w:txbxContent>
                  </v:textbox>
                </v:rect>
                <v:rect id="Rectangle 2442" o:spid="_x0000_s1356" style="position:absolute;left:9982;width:674;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443" o:spid="_x0000_s1357" style="position:absolute;left:15449;top:2965;width:4059;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Чтение</w:t>
                        </w:r>
                      </w:p>
                    </w:txbxContent>
                  </v:textbox>
                </v:rect>
                <v:rect id="Rectangle 2444" o:spid="_x0000_s1358" style="position:absolute;left:15776;top:5117;width:3979;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Запись</w:t>
                        </w:r>
                      </w:p>
                    </w:txbxContent>
                  </v:textbox>
                </v:rect>
                <v:rect id="Rectangle 2445" o:spid="_x0000_s1359" style="position:absolute;left:14784;top:10497;width:15104;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Управлением устройством</w:t>
                        </w:r>
                      </w:p>
                    </w:txbxContent>
                  </v:textbox>
                </v:rect>
                <v:rect id="Rectangle 2446" o:spid="_x0000_s1360" style="position:absolute;left:15108;top:12649;width:12592;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Инициализация ввода</w:t>
                        </w:r>
                      </w:p>
                    </w:txbxContent>
                  </v:textbox>
                </v:rect>
                <v:rect id="Rectangle 2447" o:spid="_x0000_s1361" style="position:absolute;left:24576;top:12488;width:404;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448" o:spid="_x0000_s1362" style="position:absolute;left:24879;top:12649;width:4217;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rect id="Rectangle 2449" o:spid="_x0000_s1363" style="position:absolute;left:15029;top:14801;width:10904;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Выгрузка драйвера</w:t>
                        </w:r>
                      </w:p>
                    </w:txbxContent>
                  </v:textbox>
                </v:rect>
                <v:rect id="Rectangle 2450" o:spid="_x0000_s1364" style="position:absolute;left:14949;top:16953;width:4688;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тмена </w:t>
                        </w:r>
                      </w:p>
                    </w:txbxContent>
                  </v:textbox>
                </v:rect>
                <v:rect id="Rectangle 2451" o:spid="_x0000_s1365" style="position:absolute;left:39029;top:21947;width:769;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У</w:t>
                        </w:r>
                      </w:p>
                    </w:txbxContent>
                  </v:textbox>
                </v:rect>
                <v:rect id="Rectangle 2452" o:spid="_x0000_s1366" style="position:absolute;left:39111;top:21449;width:606;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с</w:t>
                        </w:r>
                      </w:p>
                    </w:txbxContent>
                  </v:textbox>
                </v:rect>
                <v:rect id="Rectangle 2453" o:spid="_x0000_s1367" style="position:absolute;left:39136;top:21020;width:555;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т</w:t>
                        </w:r>
                      </w:p>
                    </w:txbxContent>
                  </v:textbox>
                </v:rect>
                <v:rect id="Rectangle 2454" o:spid="_x0000_s1368" style="position:absolute;left:39077;top:20543;width:673;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р</w:t>
                        </w:r>
                      </w:p>
                    </w:txbxContent>
                  </v:textbox>
                </v:rect>
                <v:rect id="Rectangle 2455" o:spid="_x0000_s1369" style="position:absolute;left:39077;top:20036;width:674;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о</w:t>
                        </w:r>
                      </w:p>
                    </w:txbxContent>
                  </v:textbox>
                </v:rect>
                <v:rect id="Rectangle 2456" o:spid="_x0000_s1370" style="position:absolute;left:39075;top:19528;width:677;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й</w:t>
                        </w:r>
                      </w:p>
                    </w:txbxContent>
                  </v:textbox>
                </v:rect>
                <v:rect id="Rectangle 2457" o:spid="_x0000_s1371" style="position:absolute;left:39111;top:19054;width:606;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с</w:t>
                        </w:r>
                      </w:p>
                    </w:txbxContent>
                  </v:textbox>
                </v:rect>
                <v:rect id="Rectangle 2458" o:spid="_x0000_s1372" style="position:absolute;left:39136;top:18625;width:555;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т</w:t>
                        </w:r>
                      </w:p>
                    </w:txbxContent>
                  </v:textbox>
                </v:rect>
                <v:rect id="Rectangle 2459" o:spid="_x0000_s1373" style="position:absolute;left:39092;top:18163;width:643;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w:t>
                        </w:r>
                      </w:p>
                    </w:txbxContent>
                  </v:textbox>
                </v:rect>
                <v:rect id="Rectangle 2460" o:spid="_x0000_s1374" style="position:absolute;left:39077;top:17664;width:673;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а</w:t>
                        </w:r>
                      </w:p>
                    </w:txbxContent>
                  </v:textbox>
                </v:rect>
                <v:rect id="Rectangle 2461" o:spid="_x0000_s1375" style="position:absolute;left:39190;top:17220;width:337;height:1352;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462" o:spid="_x0000_s1376" style="position:absolute;left:39190;top:16967;width:337;height:1352;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2463" o:spid="_x0000_s1377" style="position:absolute;left:40205;top:24155;width:606;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у</w:t>
                        </w:r>
                      </w:p>
                    </w:txbxContent>
                  </v:textbox>
                </v:rect>
                <v:rect id="Rectangle 2464" o:spid="_x0000_s1378" style="position:absolute;left:40180;top:23674;width:656;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п</w:t>
                        </w:r>
                      </w:p>
                    </w:txbxContent>
                  </v:textbox>
                </v:rect>
                <v:rect id="Rectangle 2465" o:spid="_x0000_s1379" style="position:absolute;left:40171;top:23172;width:674;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р</w:t>
                        </w:r>
                      </w:p>
                    </w:txbxContent>
                  </v:textbox>
                </v:rect>
                <v:rect id="Rectangle 2466" o:spid="_x0000_s1380" style="position:absolute;left:40171;top:22666;width:673;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а</w:t>
                        </w:r>
                      </w:p>
                    </w:txbxContent>
                  </v:textbox>
                </v:rect>
                <v:rect id="Rectangle 2467" o:spid="_x0000_s1381" style="position:absolute;left:40186;top:22174;width:644;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w:t>
                        </w:r>
                      </w:p>
                    </w:txbxContent>
                  </v:textbox>
                </v:rect>
                <v:rect id="Rectangle 2468" o:spid="_x0000_s1382" style="position:absolute;left:40154;top:21659;width:707;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л</w:t>
                        </w:r>
                      </w:p>
                    </w:txbxContent>
                  </v:textbox>
                </v:rect>
                <v:rect id="Rectangle 2469" o:spid="_x0000_s1383" style="position:absolute;left:40179;top:21152;width:657;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я</w:t>
                        </w:r>
                      </w:p>
                    </w:txbxContent>
                  </v:textbox>
                </v:rect>
                <v:rect id="Rectangle 2470" o:spid="_x0000_s1384" style="position:absolute;left:40171;top:20650;width:674;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е</w:t>
                        </w:r>
                      </w:p>
                    </w:txbxContent>
                  </v:textbox>
                </v:rect>
                <v:rect id="Rectangle 2471" o:spid="_x0000_s1385" style="position:absolute;left:40091;top:20064;width:833;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м</w:t>
                        </w:r>
                      </w:p>
                    </w:txbxContent>
                  </v:textbox>
                </v:rect>
                <v:rect id="Rectangle 2472" o:spid="_x0000_s1386" style="position:absolute;left:40072;top:19419;width:871;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ы</w:t>
                        </w:r>
                      </w:p>
                    </w:txbxContent>
                  </v:textbox>
                </v:rect>
                <v:rect id="Rectangle 2473" o:spid="_x0000_s1387" style="position:absolute;left:40171;top:18862;width:674;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е</w:t>
                        </w:r>
                      </w:p>
                    </w:txbxContent>
                  </v:textbox>
                </v:rect>
                <v:rect id="Rectangle 2474" o:spid="_x0000_s1388" style="position:absolute;left:40339;top:18524;width:337;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2475" o:spid="_x0000_s1389" style="position:absolute;left:40155;top:18086;width:706;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w:t>
                        </w:r>
                      </w:p>
                    </w:txbxContent>
                  </v:textbox>
                </v:rect>
                <v:rect id="Rectangle 2476" o:spid="_x0000_s1390" style="position:absolute;left:40171;top:17571;width:674;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а</w:t>
                        </w:r>
                      </w:p>
                    </w:txbxContent>
                  </v:textbox>
                </v:rect>
                <v:rect id="Rectangle 2477" o:spid="_x0000_s1391" style="position:absolute;left:40173;top:17067;width:669;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н</w:t>
                        </w:r>
                      </w:p>
                    </w:txbxContent>
                  </v:textbox>
                </v:rect>
                <v:rect id="Rectangle 2478" o:spid="_x0000_s1392" style="position:absolute;left:40173;top:16564;width:669;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н</w:t>
                        </w:r>
                      </w:p>
                    </w:txbxContent>
                  </v:textbox>
                </v:rect>
                <v:rect id="Rectangle 2479" o:spid="_x0000_s1393" style="position:absolute;left:40072;top:15960;width:871;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ы</w:t>
                        </w:r>
                      </w:p>
                    </w:txbxContent>
                  </v:textbox>
                </v:rect>
                <v:rect id="Rectangle 2480" o:spid="_x0000_s1394" style="position:absolute;left:40091;top:15323;width:834;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м</w:t>
                        </w:r>
                      </w:p>
                    </w:txbxContent>
                  </v:textbox>
                </v:rect>
                <v:rect id="Rectangle 2481" o:spid="_x0000_s1395" style="position:absolute;left:40339;top:14946;width:337;height:1140;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2482" o:spid="_x0000_s1396" style="position:absolute;left:41249;top:21775;width:707;height:1139;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w:t>
                        </w:r>
                      </w:p>
                    </w:txbxContent>
                  </v:textbox>
                </v:rect>
                <v:rect id="Rectangle 2483" o:spid="_x0000_s1397" style="position:absolute;left:41266;top:21260;width:673;height:1139;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р</w:t>
                        </w:r>
                      </w:p>
                    </w:txbxContent>
                  </v:textbox>
                </v:rect>
                <v:rect id="Rectangle 2484" o:spid="_x0000_s1398" style="position:absolute;left:41266;top:20753;width:674;height:1139;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а</w:t>
                        </w:r>
                      </w:p>
                    </w:txbxContent>
                  </v:textbox>
                </v:rect>
                <v:rect id="Rectangle 2485" o:spid="_x0000_s1399" style="position:absolute;left:41264;top:20245;width:677;height:1139;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й</w:t>
                        </w:r>
                      </w:p>
                    </w:txbxContent>
                  </v:textbox>
                </v:rect>
                <v:rect id="Rectangle 2486" o:spid="_x0000_s1400" style="position:absolute;left:41281;top:19753;width:643;height:1139;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w:t>
                        </w:r>
                      </w:p>
                    </w:txbxContent>
                  </v:textbox>
                </v:rect>
                <v:rect id="Rectangle 2487" o:spid="_x0000_s1401" style="position:absolute;left:41266;top:19253;width:674;height:1139;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е</w:t>
                        </w:r>
                      </w:p>
                    </w:txbxContent>
                  </v:textbox>
                </v:rect>
                <v:rect id="Rectangle 2488" o:spid="_x0000_s1402" style="position:absolute;left:41266;top:18747;width:673;height:1139;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р</w:t>
                        </w:r>
                      </w:p>
                    </w:txbxContent>
                  </v:textbox>
                </v:rect>
                <v:rect id="Rectangle 2489" o:spid="_x0000_s1403" style="position:absolute;left:41266;top:18240;width:674;height:1139;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о</w:t>
                        </w:r>
                      </w:p>
                    </w:txbxContent>
                  </v:textbox>
                </v:rect>
                <v:rect id="Rectangle 2490" o:spid="_x0000_s1404" style="position:absolute;left:41186;top:17653;width:834;height:1139;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м</w:t>
                        </w:r>
                      </w:p>
                    </w:txbxContent>
                  </v:textbox>
                </v:rect>
                <v:shape id="Shape 2492" o:spid="_x0000_s1405" style="position:absolute;left:5169;top:2608;width:7108;height:2151;visibility:visible;mso-wrap-style:square;v-text-anchor:top" coordsize="710828,2151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" path="m710828,215152r,-53750c710828,72274,638490,,549283,l161530,c72330,,,72274,,161402r,l,215152r710828,xe" filled="f" strokeweight=".15183mm">
                  <v:stroke endcap="round"/>
                  <v:path arrowok="t" textboxrect="0,0,710828,215152"/>
                </v:shape>
                <v:shape id="Shape 2494" o:spid="_x0000_s1406" style="position:absolute;left:5169;top:4760;width:7108;height:1937;visibility:visible;mso-wrap-style:square;v-text-anchor:top" coordsize="710790,1936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" path="m,193682r710790,l710790,,,,,193682xe" filled="f" strokeweight=".15183mm">
                  <v:stroke endcap="round"/>
                  <v:path arrowok="t" textboxrect="0,0,710790,193682"/>
                </v:shape>
                <v:shape id="Shape 2496" o:spid="_x0000_s1407" style="position:absolute;left:5169;top:18748;width:7108;height:2582;visibility:visible;mso-wrap-style:square;v-text-anchor:top" coordsize="710828,2582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" path="m710828,l,,,96841v,89136,72330,161394,161530,161402l161530,258243r387753,c638490,258243,710828,185977,710828,96841v,,,,,l710828,96841,710828,xe" filled="f" strokeweight=".15183mm">
                  <v:stroke endcap="round"/>
                  <v:path arrowok="t" textboxrect="0,0,710828,258243"/>
                </v:shape>
                <v:shape id="Shape 69379" o:spid="_x0000_s1408" style="position:absolute;left:5169;top:16381;width:7108;height:2367;visibility:visible;mso-wrap-style:square;v-text-anchor:top" coordsize="710790,2367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" path="m,l710790,r,236720l,236720,,e" stroked="f" strokeweight="0">
                  <v:stroke endcap="round"/>
                  <v:path arrowok="t" textboxrect="0,0,710790,236720"/>
                </v:shape>
                <v:shape id="Shape 2498" o:spid="_x0000_s1409" style="position:absolute;left:5169;top:16381;width:7108;height:2367;visibility:visible;mso-wrap-style:square;v-text-anchor:top" coordsize="710790,2367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" path="m,236720r710790,l710790,,,,,236720xe" filled="f" strokeweight=".15183mm">
                  <v:stroke endcap="round"/>
                  <v:path arrowok="t" textboxrect="0,0,710790,236720"/>
                </v:shape>
                <v:shape id="Shape 69380" o:spid="_x0000_s1410" style="position:absolute;left:5169;top:6697;width:7108;height:3228;visibility:visible;mso-wrap-style:square;v-text-anchor:top" coordsize="710790,3228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" path="m,l710790,r,322804l,322804,,e" stroked="f" strokeweight="0">
                  <v:stroke endcap="round"/>
                  <v:path arrowok="t" textboxrect="0,0,710790,322804"/>
                </v:shape>
                <v:shape id="Shape 2500" o:spid="_x0000_s1411" style="position:absolute;left:5169;top:6697;width:7108;height:3228;visibility:visible;mso-wrap-style:square;v-text-anchor:top" coordsize="710790,3228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" path="m,322804r710790,l710790,,,,,322804xe" filled="f" strokeweight=".15183mm">
                  <v:stroke endcap="round"/>
                  <v:path arrowok="t" textboxrect="0,0,710790,322804"/>
                </v:shape>
                <v:shape id="Shape 69381" o:spid="_x0000_s1412" style="position:absolute;left:5169;top:14229;width:7108;height:2152;visibility:visible;mso-wrap-style:square;v-text-anchor:top" coordsize="710790,2151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" path="m,l710790,r,215197l,215197,,e" stroked="f" strokeweight="0">
                  <v:stroke endcap="round"/>
                  <v:path arrowok="t" textboxrect="0,0,710790,215197"/>
                </v:shape>
                <v:shape id="Shape 2502" o:spid="_x0000_s1413" style="position:absolute;left:5169;top:14229;width:7108;height:2152;visibility:visible;mso-wrap-style:square;v-text-anchor:top" coordsize="710790,2151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" path="m,215197r710790,l710790,,,,,215197xe" filled="f" strokeweight=".15183mm">
                  <v:stroke endcap="round"/>
                  <v:path arrowok="t" textboxrect="0,0,710790,215197"/>
                </v:shape>
                <v:shape id="Shape 2504" o:spid="_x0000_s1414" style="position:absolute;left:5169;top:12077;width:7108;height:2152;visibility:visible;mso-wrap-style:square;v-text-anchor:top" coordsize="710790,215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" path="m,215198r710790,l710790,,,,,215198xe" filled="f" strokeweight=".15183mm">
                  <v:stroke endcap="round"/>
                  <v:path arrowok="t" textboxrect="0,0,710790,215198"/>
                </v:shape>
                <v:shape id="Shape 69382" o:spid="_x0000_s1415" style="position:absolute;left:5169;top:9924;width:7108;height:2152;visibility:visible;mso-wrap-style:square;v-text-anchor:top" coordsize="710790,215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" path="m,l710790,r,215198l,215198,,e" stroked="f" strokeweight="0">
                  <v:stroke endcap="round"/>
                  <v:path arrowok="t" textboxrect="0,0,710790,215198"/>
                </v:shape>
                <v:shape id="Shape 2506" o:spid="_x0000_s1416" style="position:absolute;left:5169;top:9924;width:7108;height:2152;visibility:visible;mso-wrap-style:square;v-text-anchor:top" coordsize="710790,215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" path="m,215198r710790,l710790,,,,,215198xe" filled="f" strokeweight=".15183mm">
                  <v:stroke endcap="round"/>
                  <v:path arrowok="t" textboxrect="0,0,710790,215198"/>
                </v:shape>
                <v:shape id="Shape 2507" o:spid="_x0000_s1417" style="position:absolute;left:9046;top:3469;width:4708;height:0;visibility:visible;mso-wrap-style:square;v-text-anchor:top" coordsize="47072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" path="m,l470729,e" filled="f" strokeweight=".15183mm">
                  <v:stroke endcap="round"/>
                  <v:path arrowok="t" textboxrect="0,0,470729,0"/>
                </v:shape>
                <v:shape id="Shape 2508" o:spid="_x0000_s1418" style="position:absolute;left:13692;top:3223;width:739;height:492;visibility:visible;mso-wrap-style:square;v-text-anchor:top" coordsize="73858,49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" path="m,l73858,24597,,49195,,xe" fillcolor="black" stroked="f" strokeweight="0">
                  <v:stroke endcap="round"/>
                  <v:path arrowok="t" textboxrect="0,0,73858,49195"/>
                </v:shape>
                <v:shape id="Shape 2509" o:spid="_x0000_s1419" style="position:absolute;left:9046;top:5620;width:4708;height:0;visibility:visible;mso-wrap-style:square;v-text-anchor:top" coordsize="47072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" path="m,l470729,e" filled="f" strokeweight=".15183mm">
                  <v:stroke endcap="round"/>
                  <v:path arrowok="t" textboxrect="0,0,470729,0"/>
                </v:shape>
                <v:shape id="Shape 2510" o:spid="_x0000_s1420" style="position:absolute;left:13692;top:5374;width:739;height:492;visibility:visible;mso-wrap-style:square;v-text-anchor:top" coordsize="73858,49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" path="m,l73858,24597,,49195,,xe" fillcolor="black" stroked="f" strokeweight="0">
                  <v:stroke endcap="round"/>
                  <v:path arrowok="t" textboxrect="0,0,73858,49195"/>
                </v:shape>
                <v:shape id="Shape 2511" o:spid="_x0000_s1421" style="position:absolute;left:9046;top:11001;width:4708;height:0;visibility:visible;mso-wrap-style:square;v-text-anchor:top" coordsize="47072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" path="m,l470729,e" filled="f" strokeweight=".15183mm">
                  <v:stroke endcap="round"/>
                  <v:path arrowok="t" textboxrect="0,0,470729,0"/>
                </v:shape>
                <v:shape id="Shape 2512" o:spid="_x0000_s1422" style="position:absolute;left:13692;top:10755;width:739;height:492;visibility:visible;mso-wrap-style:square;v-text-anchor:top" coordsize="73858,49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" path="m,l73858,24598,,49195,,xe" fillcolor="black" stroked="f" strokeweight="0">
                  <v:stroke endcap="round"/>
                  <v:path arrowok="t" textboxrect="0,0,73858,49195"/>
                </v:shape>
                <v:shape id="Shape 2513" o:spid="_x0000_s1423" style="position:absolute;left:9046;top:13153;width:4708;height:0;visibility:visible;mso-wrap-style:square;v-text-anchor:top" coordsize="47072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" path="m,l470729,e" filled="f" strokeweight=".15183mm">
                  <v:stroke endcap="round"/>
                  <v:path arrowok="t" textboxrect="0,0,470729,0"/>
                </v:shape>
                <v:shape id="Shape 2514" o:spid="_x0000_s1424" style="position:absolute;left:13692;top:12907;width:739;height:492;visibility:visible;mso-wrap-style:square;v-text-anchor:top" coordsize="73858,49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" path="m,l73858,24598,,49195,,xe" fillcolor="black" stroked="f" strokeweight="0">
                  <v:stroke endcap="round"/>
                  <v:path arrowok="t" textboxrect="0,0,73858,49195"/>
                </v:shape>
                <v:shape id="Shape 2515" o:spid="_x0000_s1425" style="position:absolute;left:9046;top:15089;width:4708;height:0;visibility:visible;mso-wrap-style:square;v-text-anchor:top" coordsize="47072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" path="m,l470729,e" filled="f" strokeweight=".15183mm">
                  <v:stroke endcap="round"/>
                  <v:path arrowok="t" textboxrect="0,0,470729,0"/>
                </v:shape>
                <v:shape id="Shape 2516" o:spid="_x0000_s1426" style="position:absolute;left:13692;top:14844;width:739;height:491;visibility:visible;mso-wrap-style:square;v-text-anchor:top" coordsize="73858,49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" path="m,l73858,24598,,49195,,xe" fillcolor="black" stroked="f" strokeweight="0">
                  <v:stroke endcap="round"/>
                  <v:path arrowok="t" textboxrect="0,0,73858,49195"/>
                </v:shape>
                <v:shape id="Shape 2517" o:spid="_x0000_s1427" style="position:absolute;left:9046;top:17457;width:4708;height:0;visibility:visible;mso-wrap-style:square;v-text-anchor:top" coordsize="47072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" path="m,l470729,e" filled="f" strokeweight=".15183mm">
                  <v:stroke endcap="round"/>
                  <v:path arrowok="t" textboxrect="0,0,470729,0"/>
                </v:shape>
                <v:shape id="Shape 2518" o:spid="_x0000_s1428" style="position:absolute;left:13692;top:17211;width:739;height:492;visibility:visible;mso-wrap-style:square;v-text-anchor:top" coordsize="73858,49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" path="m,l73858,24598,,49195,,xe" fillcolor="black" stroked="f" strokeweight="0">
                  <v:stroke endcap="round"/>
                  <v:path arrowok="t" textboxrect="0,0,73858,49195"/>
                </v:shape>
                <v:shape id="Shape 2519" o:spid="_x0000_s1429" style="position:absolute;left:9046;top:20254;width:4708;height:0;visibility:visible;mso-wrap-style:square;v-text-anchor:top" coordsize="47072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" path="m,l470729,e" filled="f" strokeweight=".15183mm">
                  <v:stroke endcap="round"/>
                  <v:path arrowok="t" textboxrect="0,0,470729,0"/>
                </v:shape>
                <v:shape id="Shape 2520" o:spid="_x0000_s1430" style="position:absolute;left:13692;top:20008;width:739;height:492;visibility:visible;mso-wrap-style:square;v-text-anchor:top" coordsize="73858,49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" path="m,l73858,24597,,49195,,xe" fillcolor="black" stroked="f" strokeweight="0">
                  <v:stroke endcap="round"/>
                  <v:path arrowok="t" textboxrect="0,0,73858,49195"/>
                </v:shape>
                <v:shape id="Shape 2521" o:spid="_x0000_s1431" style="position:absolute;left:14431;top:18640;width:6892;height:3228;visibility:visible;mso-wrap-style:square;v-text-anchor:top" coordsize="689263,3228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" path="m161545,l527718,v89207,,161545,72267,161545,161402c689263,250545,616925,322804,527718,322804r-366173,c72338,322804,,250545,,161402,,72267,72338,,161545,xe" stroked="f" strokeweight="0">
                  <v:stroke endcap="round"/>
                  <v:path arrowok="t" textboxrect="0,0,689263,322804"/>
                </v:shape>
                <v:shape id="Shape 2522" o:spid="_x0000_s1432" style="position:absolute;left:14431;top:18640;width:6892;height:3228;visibility:visible;mso-wrap-style:square;v-text-anchor:top" coordsize="689263,3228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" path="m161545,322804r366173,c616925,322804,689263,250545,689263,161402v,,,,,c689263,72267,616925,,527718,l161545,c72338,,,72267,,161402v,89143,72338,161402,161545,161402xe" filled="f" strokeweight=".05061mm">
                  <v:stroke endcap="round"/>
                  <v:path arrowok="t" textboxrect="0,0,689263,322804"/>
                </v:shape>
                <v:rect id="Rectangle 2523" o:spid="_x0000_s1433" style="position:absolute;left:16235;top:19318;width:4368;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v:textbox>
                </v:rect>
                <v:rect id="Rectangle 2524" o:spid="_x0000_s1434" style="position:absolute;left:15011;top:20411;width:674;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525" o:spid="_x0000_s1435" style="position:absolute;left:15518;top:20411;width:6275;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устройство</w:t>
                        </w:r>
                      </w:p>
                    </w:txbxContent>
                  </v:textbox>
                </v:rect>
                <v:rect id="Rectangle 2526" o:spid="_x0000_s1436" style="position:absolute;left:20236;top:20411;width:674;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2528" o:spid="_x0000_s1437" style="position:absolute;left:31447;top:18640;width:6892;height:3228;visibility:visible;mso-wrap-style:square;v-text-anchor:top" coordsize="689263,3228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" path="m161545,322804r366173,c616925,322804,689263,250545,689263,161402v,,,,,c689263,72267,616925,,527718,l161545,c72338,,,72267,,161402v,89143,72338,161402,161545,161402xe" filled="f" strokeweight=".05061mm">
                  <v:stroke endcap="round"/>
                  <v:path arrowok="t" textboxrect="0,0,689263,322804"/>
                </v:shape>
                <v:rect id="Rectangle 2529" o:spid="_x0000_s1438" style="position:absolute;left:33251;top:19318;width:4368;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v:textbox>
                </v:rect>
                <v:rect id="Rectangle 2530" o:spid="_x0000_s1439" style="position:absolute;left:32027;top:20411;width:674;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531" o:spid="_x0000_s1440" style="position:absolute;left:32534;top:20411;width:6275;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устройство</w:t>
                        </w:r>
                      </w:p>
                    </w:txbxContent>
                  </v:textbox>
                </v:rect>
                <v:rect id="Rectangle 2532" o:spid="_x0000_s1441" style="position:absolute;left:37252;top:20411;width:674;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2534" o:spid="_x0000_s1442" style="position:absolute;left:23047;top:18640;width:6892;height:3228;visibility:visible;mso-wrap-style:square;v-text-anchor:top" coordsize="689263,3228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" path="m161545,322804r366174,c616925,322804,689263,250545,689263,161402v,,,,,c689263,72267,616925,,527719,l161545,c72338,,,72267,,161402v,89143,72338,161402,161545,161402xe" filled="f" strokeweight=".05061mm">
                  <v:stroke endcap="round"/>
                  <v:path arrowok="t" textboxrect="0,0,689263,322804"/>
                </v:shape>
                <v:rect id="Rectangle 2535" o:spid="_x0000_s1443" style="position:absolute;left:24851;top:19318;width:4368;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v:textbox>
                </v:rect>
                <v:rect id="Rectangle 2536" o:spid="_x0000_s1444" style="position:absolute;left:23626;top:20411;width:675;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537" o:spid="_x0000_s1445" style="position:absolute;left:24134;top:20411;width:6275;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устройство</w:t>
                        </w:r>
                      </w:p>
                    </w:txbxContent>
                  </v:textbox>
                </v:rect>
                <v:rect id="Rectangle 2538" o:spid="_x0000_s1446" style="position:absolute;left:28852;top:20411;width:674;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2539" o:spid="_x0000_s1447" style="position:absolute;left:21323;top:20254;width:1047;height:0;visibility:visible;mso-wrap-style:square;v-text-anchor:top" coordsize="10463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" path="m,l104632,e" filled="f" strokeweight=".15183mm">
                  <v:stroke endcap="round"/>
                  <v:path arrowok="t" textboxrect="0,0,104632,0"/>
                </v:shape>
                <v:shape id="Shape 2540" o:spid="_x0000_s1448" style="position:absolute;left:22308;top:20008;width:739;height:492;visibility:visible;mso-wrap-style:square;v-text-anchor:top" coordsize="73858,49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" path="m,l73858,24597,,49195,,xe" fillcolor="black" stroked="f" strokeweight="0">
                  <v:stroke endcap="round"/>
                  <v:path arrowok="t" textboxrect="0,0,73858,49195"/>
                </v:shape>
                <v:shape id="Shape 2541" o:spid="_x0000_s1449" style="position:absolute;left:29939;top:20254;width:831;height:0;visibility:visible;mso-wrap-style:square;v-text-anchor:top" coordsize="8305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" path="m,l83052,e" filled="f" strokeweight=".15183mm">
                  <v:stroke endcap="round"/>
                  <v:path arrowok="t" textboxrect="0,0,83052,0"/>
                </v:shape>
                <v:shape id="Shape 2542" o:spid="_x0000_s1450" style="position:absolute;left:30708;top:20008;width:739;height:492;visibility:visible;mso-wrap-style:square;v-text-anchor:top" coordsize="73858,49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" path="m,l73858,24597,,49195,,xe" fillcolor="black" stroked="f" strokeweight="0">
                  <v:stroke endcap="round"/>
                  <v:path arrowok="t" textboxrect="0,0,73858,49195"/>
                </v:shape>
                <v:shape id="Shape 2543" o:spid="_x0000_s1451" style="position:absolute;top:712;width:38339;height:24318;visibility:visible;mso-wrap-style:square;v-text-anchor:top" coordsize="3833986,243177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" path="m418474,108259c351850,43046,185503,,,l,,,2431772r3608462,c3733001,2431772,3833986,2214054,3833986,1945478v,,,,,e" filled="f" strokeweight=".15183mm">
                  <v:stroke endcap="round"/>
                  <v:path arrowok="t" textboxrect="0,0,3833986,2431772"/>
                </v:shape>
                <v:shape id="Shape 2544" o:spid="_x0000_s1452" style="position:absolute;left:3936;top:1631;width:547;height:771;visibility:visible;mso-wrap-style:square;v-text-anchor:top" coordsize="54717,770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" path="m44170,l54717,77057,,21712,44170,xe" fillcolor="black" stroked="f" strokeweight="0">
                  <v:stroke endcap="round"/>
                  <v:path arrowok="t" textboxrect="0,0,54717,77057"/>
                </v:shape>
                <v:shape id="Shape 2545" o:spid="_x0000_s1453" style="position:absolute;left:29177;top:20254;width:762;height:4355;visibility:visible;mso-wrap-style:square;v-text-anchor:top" coordsize="76213,4355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" path="m76213,c76213,187935,46351,358402,,435512e" filled="f" strokeweight=".15183mm">
                  <v:stroke endcap="round"/>
                  <v:path arrowok="t" textboxrect="0,0,76213,435512"/>
                </v:shape>
                <v:shape id="Shape 2546" o:spid="_x0000_s1454" style="position:absolute;left:28647;top:24378;width:731;height:652;visibility:visible;mso-wrap-style:square;v-text-anchor:top" coordsize="73174,651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" path="m42552,l73174,38529,,65146,42552,xe" fillcolor="black" stroked="f" strokeweight="0">
                  <v:stroke endcap="round"/>
                  <v:path arrowok="t" textboxrect="0,0,73174,65146"/>
                </v:shape>
                <v:shape id="Shape 2547" o:spid="_x0000_s1455" style="position:absolute;left:20561;top:20254;width:762;height:4355;visibility:visible;mso-wrap-style:square;v-text-anchor:top" coordsize="76213,4355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" path="m76213,c76213,187935,46427,358402,,435512e" filled="f" strokeweight=".15183mm">
                  <v:stroke endcap="round"/>
                  <v:path arrowok="t" textboxrect="0,0,76213,435512"/>
                </v:shape>
                <v:shape id="Shape 2548" o:spid="_x0000_s1456" style="position:absolute;left:20031;top:24378;width:731;height:652;visibility:visible;mso-wrap-style:square;v-text-anchor:top" coordsize="73174,651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" path="m42552,l73174,38529,,65146,42552,xe" fillcolor="black" stroked="f" strokeweight="0">
                  <v:stroke endcap="round"/>
                  <v:path arrowok="t" textboxrect="0,0,73174,65146"/>
                </v:shape>
                <v:rect id="Rectangle 2549" o:spid="_x0000_s1457" style="position:absolute;left:16582;top:22428;width:404;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550" o:spid="_x0000_s1458" style="position:absolute;left:16886;top:22589;width:2637;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4"/>
                          </w:rPr>
                          <w:t>Диск</w:t>
                        </w:r>
                      </w:p>
                    </w:txbxContent>
                  </v:textbox>
                </v:rect>
                <v:rect id="Rectangle 2551" o:spid="_x0000_s1459" style="position:absolute;left:18868;top:22428;width:404;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552" o:spid="_x0000_s1460" style="position:absolute;left:22918;top:22428;width:404;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553" o:spid="_x0000_s1461" style="position:absolute;left:23222;top:22589;width:7663;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Раздел диска</w:t>
                        </w:r>
                      </w:p>
                    </w:txbxContent>
                  </v:textbox>
                </v:rect>
                <v:rect id="Rectangle 2554" o:spid="_x0000_s1462" style="position:absolute;left:28983;top:22428;width:404;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555" o:spid="_x0000_s1463" style="position:absolute;left:31237;top:22428;width:404;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556" o:spid="_x0000_s1464" style="position:absolute;left:31541;top:22589;width:7662;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Раздел диска</w:t>
                        </w:r>
                      </w:p>
                    </w:txbxContent>
                  </v:textbox>
                </v:rect>
                <v:rect id="Rectangle 2557" o:spid="_x0000_s1465" style="position:absolute;left:37302;top:22428;width:404;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558" o:spid="_x0000_s1466" style="position:absolute;left:1222;top:2788;width:4070;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Номер </w:t>
                        </w:r>
                      </w:p>
                    </w:txbxContent>
                  </v:textbox>
                </v:rect>
                <v:rect id="Rectangle 2559" o:spid="_x0000_s1467" style="position:absolute;left:420;top:3882;width:5191;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функции </w:t>
                        </w:r>
                      </w:p>
                    </w:txbxContent>
                  </v:textbox>
                </v:rect>
                <v:rect id="Rectangle 2560" o:spid="_x0000_s1468" style="position:absolute;left:4323;top:3721;width:674;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rect id="Rectangle 2561" o:spid="_x0000_s1469" style="position:absolute;left:1396;top:4839;width:4070;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Номер </w:t>
                        </w:r>
                      </w:p>
                    </w:txbxContent>
                  </v:textbox>
                </v:rect>
                <v:rect id="Rectangle 2562" o:spid="_x0000_s1470" style="position:absolute;left:595;top:5932;width:5191;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функции </w:t>
                        </w:r>
                      </w:p>
                    </w:txbxContent>
                  </v:textbox>
                </v:rect>
                <v:rect id="Rectangle 2563" o:spid="_x0000_s1471" style="position:absolute;left:4497;top:5771;width:675;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rect id="Rectangle 2564" o:spid="_x0000_s1472" style="position:absolute;left:1396;top:10649;width:4070;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Номер </w:t>
                        </w:r>
                      </w:p>
                    </w:txbxContent>
                  </v:textbox>
                </v:rect>
                <v:rect id="Rectangle 2565" o:spid="_x0000_s1473" style="position:absolute;left:595;top:11743;width:5191;height:11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функции </w:t>
                        </w:r>
                      </w:p>
                    </w:txbxContent>
                  </v:textbox>
                </v:rect>
                <v:rect id="Rectangle 2566" o:spid="_x0000_s1474" style="position:absolute;left:4497;top:11581;width:675;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n</w:t>
                        </w:r>
                      </w:p>
                    </w:txbxContent>
                  </v:textbox>
                </v:rect>
                <v:shape id="Shape 2567" o:spid="_x0000_s1475" style="position:absolute;left:2800;top:7599;width:0;height:2151;visibility:visible;mso-wrap-style:square;v-text-anchor:top" coordsize="0,2151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" path="m,l,215152e" filled="f" strokeweight=".25306mm">
                  <v:stroke endcap="round"/>
                  <v:path arrowok="t" textboxrect="0,0,0,215152"/>
                </v:shape>
                <v:shape id="Shape 2568" o:spid="_x0000_s1476" style="position:absolute;left:8830;top:7599;width:0;height:2151;visibility:visible;mso-wrap-style:square;v-text-anchor:top" coordsize="0,2151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" path="m,l,215152e" filled="f" strokeweight=".25306mm">
                  <v:stroke endcap="round"/>
                  <v:path arrowok="t" textboxrect="0,0,0,215152"/>
                </v:shape>
                <v:shape id="Shape 2569" o:spid="_x0000_s1477" style="position:absolute;left:16800;top:7599;width:0;height:2151;visibility:visible;mso-wrap-style:square;v-text-anchor:top" coordsize="0,2151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" path="m,l,215152e" filled="f" strokeweight=".25306mm">
                  <v:stroke endcap="round"/>
                  <v:path arrowok="t" textboxrect="0,0,0,215152"/>
                </v:shape>
                <w10:anchorlock/>
              </v:group>
            </w:pict>
          </mc:Fallback>
        </mc:AlternateContent>
      </w:r>
    </w:p>
    <w:p w:rsidR="0043064D" w:rsidRDefault="008B3C4B">
      <w:pPr>
        <w:spacing w:after="297" w:line="259" w:lineRule="auto"/>
        <w:ind w:left="1429" w:right="1232" w:firstLine="0"/>
        <w:jc w:val="right"/>
      </w:pPr>
      <w:r>
        <w:t xml:space="preserve"> </w:t>
      </w:r>
    </w:p>
    <w:p w:rsidR="0043064D" w:rsidRDefault="008B3C4B">
      <w:pPr>
        <w:spacing w:after="333" w:line="265" w:lineRule="auto"/>
        <w:ind w:right="1"/>
        <w:jc w:val="center"/>
      </w:pPr>
      <w:r>
        <w:t xml:space="preserve">Рис. 6. Объект «драйвер» </w:t>
      </w:r>
    </w:p>
    <w:p w:rsidR="0043064D" w:rsidRDefault="008B3C4B">
      <w:pPr>
        <w:spacing w:after="262"/>
        <w:ind w:left="-5" w:right="1"/>
      </w:pPr>
      <w:r>
        <w:t>Использование объектов для регистрации информации о драйверах означает, что диспетчеру ввода-вывода не нужно знать никаких деталей реализации драйверов. Он просто находит драйвер по указателю, тем самым позволяя легко загружать новые драйверы и обеспечивая</w:t>
      </w:r>
      <w:r>
        <w:t xml:space="preserve"> их переносимость. Кроме того, представление устройств и драйверов разными объектами упрощает подсистеме ввода-вывода закрепление драйверов за дополнительными устройствами, которые появляются при изменении конфигурации системы. </w:t>
      </w:r>
    </w:p>
    <w:p w:rsidR="0043064D" w:rsidRDefault="008B3C4B">
      <w:pPr>
        <w:pStyle w:val="3"/>
        <w:spacing w:after="57" w:line="265" w:lineRule="auto"/>
        <w:ind w:left="-5"/>
      </w:pPr>
      <w:bookmarkStart w:id="10" w:name="_Toc68658"/>
      <w:r>
        <w:rPr>
          <w:rFonts w:ascii="Tahoma" w:eastAsia="Tahoma" w:hAnsi="Tahoma" w:cs="Tahoma"/>
          <w:b w:val="0"/>
        </w:rPr>
        <w:t xml:space="preserve">Открытие устройств </w:t>
      </w:r>
      <w:bookmarkEnd w:id="10"/>
    </w:p>
    <w:p w:rsidR="0043064D" w:rsidRDefault="008B3C4B">
      <w:pPr>
        <w:ind w:left="-5" w:right="1"/>
      </w:pPr>
      <w:r>
        <w:t>Объекты</w:t>
      </w:r>
      <w:r>
        <w:t xml:space="preserve"> «файл» являются структурами режима ядра, которые точно соответствуют определению объектов в </w:t>
      </w:r>
      <w:proofErr w:type="spellStart"/>
      <w:r>
        <w:t>Windows</w:t>
      </w:r>
      <w:proofErr w:type="spellEnd"/>
      <w:r>
        <w:t>: это системные ресурсы, доступные для совместного использования двум или нескольким процессам, у них могут быть имена, их безопасность обеспечивается модел</w:t>
      </w:r>
      <w:r>
        <w:t xml:space="preserve">ью защиты объектов, и они поддерживают синхронизацию. </w:t>
      </w:r>
    </w:p>
    <w:p w:rsidR="0043064D" w:rsidRDefault="008B3C4B">
      <w:pPr>
        <w:spacing w:after="139"/>
        <w:ind w:left="-5" w:right="1"/>
      </w:pPr>
      <w:r>
        <w:rPr>
          <w:b/>
        </w:rPr>
        <w:t>Объекты «файл»</w:t>
      </w:r>
      <w:r>
        <w:t xml:space="preserve"> — представление ресурсов в памяти, которое обеспечивает чтение и запись данных в эти ресурсы. Описание и размеры полей см. в определении структуры </w:t>
      </w:r>
      <w:r>
        <w:rPr>
          <w:rFonts w:ascii="Courier New" w:eastAsia="Courier New" w:hAnsi="Courier New" w:cs="Courier New"/>
        </w:rPr>
        <w:t>FILE_OBJECT</w:t>
      </w:r>
      <w:r>
        <w:t xml:space="preserve"> в </w:t>
      </w:r>
      <w:proofErr w:type="spellStart"/>
      <w:r>
        <w:rPr>
          <w:rFonts w:ascii="Courier New" w:eastAsia="Courier New" w:hAnsi="Courier New" w:cs="Courier New"/>
        </w:rPr>
        <w:t>Ntddk.h</w:t>
      </w:r>
      <w:proofErr w:type="spellEnd"/>
      <w:r>
        <w:t xml:space="preserve">. </w:t>
      </w:r>
    </w:p>
    <w:p w:rsidR="0043064D" w:rsidRDefault="008B3C4B">
      <w:pPr>
        <w:ind w:left="-5" w:right="1"/>
      </w:pPr>
      <w:r>
        <w:t xml:space="preserve">Когда поток открывает файл или простое устройство, диспетчер ввода-вывода возвращает описатель объекта «файл». Рис. 7 иллюстрирует, что происходит при открытии файла. </w:t>
      </w:r>
    </w:p>
    <w:p w:rsidR="0043064D" w:rsidRDefault="008B3C4B">
      <w:pPr>
        <w:ind w:left="-5" w:right="1"/>
      </w:pPr>
      <w:r>
        <w:t xml:space="preserve">В этом примере С-программа (1) вызывает из стандартной библиотеки функцию </w:t>
      </w:r>
      <w:proofErr w:type="spellStart"/>
      <w:r>
        <w:rPr>
          <w:rFonts w:ascii="Courier New" w:eastAsia="Courier New" w:hAnsi="Courier New" w:cs="Courier New"/>
        </w:rPr>
        <w:t>fopen</w:t>
      </w:r>
      <w:proofErr w:type="spellEnd"/>
      <w:r>
        <w:t>, которая</w:t>
      </w:r>
      <w:r>
        <w:t xml:space="preserve"> в свою очередь вызывает </w:t>
      </w:r>
      <w:proofErr w:type="spellStart"/>
      <w:r>
        <w:t>Windows</w:t>
      </w:r>
      <w:proofErr w:type="spellEnd"/>
      <w:r>
        <w:t xml:space="preserve">-функцию </w:t>
      </w:r>
      <w:proofErr w:type="spellStart"/>
      <w:r>
        <w:rPr>
          <w:rFonts w:ascii="Courier New" w:eastAsia="Courier New" w:hAnsi="Courier New" w:cs="Courier New"/>
        </w:rPr>
        <w:t>CreateFile</w:t>
      </w:r>
      <w:proofErr w:type="spellEnd"/>
      <w:r>
        <w:t xml:space="preserve"> (2). Далее DLL, подсистемы </w:t>
      </w:r>
      <w:proofErr w:type="spellStart"/>
      <w:r>
        <w:t>Windows</w:t>
      </w:r>
      <w:proofErr w:type="spellEnd"/>
      <w:r>
        <w:t xml:space="preserve"> (в данном случае — </w:t>
      </w:r>
      <w:r>
        <w:rPr>
          <w:rFonts w:ascii="Courier New" w:eastAsia="Courier New" w:hAnsi="Courier New" w:cs="Courier New"/>
        </w:rPr>
        <w:t>Kernel2.dll</w:t>
      </w:r>
      <w:r>
        <w:t xml:space="preserve">) вызывает функцию </w:t>
      </w:r>
      <w:proofErr w:type="spellStart"/>
      <w:r>
        <w:rPr>
          <w:rFonts w:ascii="Courier New" w:eastAsia="Courier New" w:hAnsi="Courier New" w:cs="Courier New"/>
        </w:rPr>
        <w:t>NtCreateFile</w:t>
      </w:r>
      <w:proofErr w:type="spellEnd"/>
      <w:r>
        <w:t xml:space="preserve"> из Ntdll.dll (3). Эта функция в Ntdll.dll содержит соответствующие команды, вызывающие переход в режим ядра</w:t>
      </w:r>
      <w:r>
        <w:t xml:space="preserve"> в диспетчер системных сервисов, который и обращается к настоящей функции </w:t>
      </w:r>
      <w:proofErr w:type="spellStart"/>
      <w:r>
        <w:rPr>
          <w:rFonts w:ascii="Courier New" w:eastAsia="Courier New" w:hAnsi="Courier New" w:cs="Courier New"/>
        </w:rPr>
        <w:t>NtCreateFile</w:t>
      </w:r>
      <w:proofErr w:type="spellEnd"/>
      <w:r>
        <w:t xml:space="preserve"> (4) из </w:t>
      </w:r>
      <w:r>
        <w:rPr>
          <w:rFonts w:ascii="Courier New" w:eastAsia="Courier New" w:hAnsi="Courier New" w:cs="Courier New"/>
        </w:rPr>
        <w:t>Ntoskrnl.exe</w:t>
      </w:r>
      <w:r>
        <w:t xml:space="preserve">. </w:t>
      </w:r>
    </w:p>
    <w:p w:rsidR="0043064D" w:rsidRDefault="008B3C4B">
      <w:pPr>
        <w:spacing w:after="365" w:line="259" w:lineRule="auto"/>
        <w:ind w:left="1320" w:firstLine="0"/>
        <w:jc w:val="left"/>
      </w:pPr>
      <w:r>
        <w:rPr>
          <w:rFonts w:ascii="Calibri" w:eastAsia="Calibri" w:hAnsi="Calibri" w:cs="Calibri"/>
          <w:noProof/>
          <w:sz w:val="22"/>
        </w:rPr>
        <w:lastRenderedPageBreak/>
        <mc:AlternateContent>
          <mc:Choice Requires="wpg">
            <w:drawing>
              <wp:inline distT="0" distB="0" distL="0" distR="0">
                <wp:extent cx="4326495" cy="3833836"/>
                <wp:effectExtent l="0" t="0" r="0" b="0"/>
                <wp:docPr id="58484" name="Group 58484"/>
                <wp:cNvGraphicFramePr/>
                <a:graphic xmlns:a="http://schemas.openxmlformats.org/drawingml/2006/main">
                  <a:graphicData uri="http://schemas.microsoft.com/office/word/2010/wordprocessingGroup">
                    <wpg:wgp>
                      <wpg:cNvGrpSpPr/>
                      <wpg:grpSpPr>
                        <a:xfrm>
                          <a:off x="0" y="0"/>
                          <a:ext cx="4326495" cy="3833836"/>
                          <a:chOff x="0" y="0"/>
                          <a:chExt cx="4326495" cy="3833836"/>
                        </a:xfrm>
                      </wpg:grpSpPr>
                      <wps:wsp>
                        <wps:cNvPr id="2691" name="Shape 2691"/>
                        <wps:cNvSpPr/>
                        <wps:spPr>
                          <a:xfrm>
                            <a:off x="1450234" y="0"/>
                            <a:ext cx="1082225" cy="367950"/>
                          </a:xfrm>
                          <a:custGeom>
                            <a:avLst/>
                            <a:gdLst/>
                            <a:ahLst/>
                            <a:cxnLst/>
                            <a:rect l="0" t="0" r="0" b="0"/>
                            <a:pathLst>
                              <a:path w="1082225" h="367950">
                                <a:moveTo>
                                  <a:pt x="1082225" y="183936"/>
                                </a:moveTo>
                                <a:cubicBezTo>
                                  <a:pt x="1082225" y="82386"/>
                                  <a:pt x="839940" y="0"/>
                                  <a:pt x="541074" y="0"/>
                                </a:cubicBezTo>
                                <a:cubicBezTo>
                                  <a:pt x="242208" y="0"/>
                                  <a:pt x="0" y="82386"/>
                                  <a:pt x="0" y="183936"/>
                                </a:cubicBezTo>
                                <a:cubicBezTo>
                                  <a:pt x="0" y="285564"/>
                                  <a:pt x="242208" y="367950"/>
                                  <a:pt x="541074" y="367950"/>
                                </a:cubicBezTo>
                                <a:cubicBezTo>
                                  <a:pt x="839940" y="367950"/>
                                  <a:pt x="1082225" y="285564"/>
                                  <a:pt x="1082225" y="183936"/>
                                </a:cubicBezTo>
                                <a:close/>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692" name="Rectangle 2692"/>
                        <wps:cNvSpPr/>
                        <wps:spPr>
                          <a:xfrm>
                            <a:off x="1529646" y="128502"/>
                            <a:ext cx="494378" cy="13587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Windows</w:t>
                              </w:r>
                              <w:proofErr w:type="spellEnd"/>
                            </w:p>
                          </w:txbxContent>
                        </wps:txbx>
                        <wps:bodyPr horzOverflow="overflow" vert="horz" lIns="0" tIns="0" rIns="0" bIns="0" rtlCol="0">
                          <a:noAutofit/>
                        </wps:bodyPr>
                      </wps:wsp>
                      <wps:wsp>
                        <wps:cNvPr id="2693" name="Rectangle 2693"/>
                        <wps:cNvSpPr/>
                        <wps:spPr>
                          <a:xfrm>
                            <a:off x="1901358" y="128502"/>
                            <a:ext cx="40584" cy="13587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694" name="Rectangle 2694"/>
                        <wps:cNvSpPr/>
                        <wps:spPr>
                          <a:xfrm>
                            <a:off x="1931825" y="144718"/>
                            <a:ext cx="693173" cy="114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иложение</w:t>
                              </w:r>
                            </w:p>
                          </w:txbxContent>
                        </wps:txbx>
                        <wps:bodyPr horzOverflow="overflow" vert="horz" lIns="0" tIns="0" rIns="0" bIns="0" rtlCol="0">
                          <a:noAutofit/>
                        </wps:bodyPr>
                      </wps:wsp>
                      <wps:wsp>
                        <wps:cNvPr id="2696" name="Shape 2696"/>
                        <wps:cNvSpPr/>
                        <wps:spPr>
                          <a:xfrm>
                            <a:off x="1396096" y="476143"/>
                            <a:ext cx="595235" cy="324657"/>
                          </a:xfrm>
                          <a:custGeom>
                            <a:avLst/>
                            <a:gdLst/>
                            <a:ahLst/>
                            <a:cxnLst/>
                            <a:rect l="0" t="0" r="0" b="0"/>
                            <a:pathLst>
                              <a:path w="595235" h="324657">
                                <a:moveTo>
                                  <a:pt x="0" y="324657"/>
                                </a:moveTo>
                                <a:lnTo>
                                  <a:pt x="595235" y="324657"/>
                                </a:lnTo>
                                <a:lnTo>
                                  <a:pt x="595235" y="0"/>
                                </a:lnTo>
                                <a:lnTo>
                                  <a:pt x="0" y="0"/>
                                </a:ln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2697" name="Rectangle 2697"/>
                        <wps:cNvSpPr/>
                        <wps:spPr>
                          <a:xfrm>
                            <a:off x="1411367" y="473087"/>
                            <a:ext cx="223564"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LL</w:t>
                              </w:r>
                            </w:p>
                          </w:txbxContent>
                        </wps:txbx>
                        <wps:bodyPr horzOverflow="overflow" vert="horz" lIns="0" tIns="0" rIns="0" bIns="0" rtlCol="0">
                          <a:noAutofit/>
                        </wps:bodyPr>
                      </wps:wsp>
                      <wps:wsp>
                        <wps:cNvPr id="2698" name="Rectangle 2698"/>
                        <wps:cNvSpPr/>
                        <wps:spPr>
                          <a:xfrm>
                            <a:off x="1579432" y="473087"/>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2699" name="Rectangle 2699"/>
                        <wps:cNvSpPr/>
                        <wps:spPr>
                          <a:xfrm>
                            <a:off x="1598674" y="489302"/>
                            <a:ext cx="510171" cy="114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ериода </w:t>
                              </w:r>
                            </w:p>
                          </w:txbxContent>
                        </wps:txbx>
                        <wps:bodyPr horzOverflow="overflow" vert="horz" lIns="0" tIns="0" rIns="0" bIns="0" rtlCol="0">
                          <a:noAutofit/>
                        </wps:bodyPr>
                      </wps:wsp>
                      <wps:wsp>
                        <wps:cNvPr id="2700" name="Rectangle 2700"/>
                        <wps:cNvSpPr/>
                        <wps:spPr>
                          <a:xfrm>
                            <a:off x="1420225" y="599252"/>
                            <a:ext cx="693726" cy="114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полнения</w:t>
                              </w:r>
                            </w:p>
                          </w:txbxContent>
                        </wps:txbx>
                        <wps:bodyPr horzOverflow="overflow" vert="horz" lIns="0" tIns="0" rIns="0" bIns="0" rtlCol="0">
                          <a:noAutofit/>
                        </wps:bodyPr>
                      </wps:wsp>
                      <wps:wsp>
                        <wps:cNvPr id="2701" name="Rectangle 2701"/>
                        <wps:cNvSpPr/>
                        <wps:spPr>
                          <a:xfrm>
                            <a:off x="1941752" y="583037"/>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2702" name="Rectangle 2702"/>
                        <wps:cNvSpPr/>
                        <wps:spPr>
                          <a:xfrm>
                            <a:off x="1432213" y="692987"/>
                            <a:ext cx="40584"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03" name="Rectangle 2703"/>
                        <wps:cNvSpPr/>
                        <wps:spPr>
                          <a:xfrm>
                            <a:off x="1462756" y="692987"/>
                            <a:ext cx="2504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CRT</w:t>
                              </w:r>
                            </w:p>
                          </w:txbxContent>
                        </wps:txbx>
                        <wps:bodyPr horzOverflow="overflow" vert="horz" lIns="0" tIns="0" rIns="0" bIns="0" rtlCol="0">
                          <a:noAutofit/>
                        </wps:bodyPr>
                      </wps:wsp>
                      <wps:wsp>
                        <wps:cNvPr id="58208" name="Rectangle 58208"/>
                        <wps:cNvSpPr/>
                        <wps:spPr>
                          <a:xfrm>
                            <a:off x="1651056" y="692987"/>
                            <a:ext cx="40584"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8215" name="Rectangle 58215"/>
                        <wps:cNvSpPr/>
                        <wps:spPr>
                          <a:xfrm>
                            <a:off x="1681569" y="692987"/>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2705" name="Rectangle 2705"/>
                        <wps:cNvSpPr/>
                        <wps:spPr>
                          <a:xfrm>
                            <a:off x="1707026" y="709202"/>
                            <a:ext cx="208276" cy="114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ля</w:t>
                              </w:r>
                            </w:p>
                          </w:txbxContent>
                        </wps:txbx>
                        <wps:bodyPr horzOverflow="overflow" vert="horz" lIns="0" tIns="0" rIns="0" bIns="0" rtlCol="0">
                          <a:noAutofit/>
                        </wps:bodyPr>
                      </wps:wsp>
                      <wps:wsp>
                        <wps:cNvPr id="2706" name="Rectangle 2706"/>
                        <wps:cNvSpPr/>
                        <wps:spPr>
                          <a:xfrm>
                            <a:off x="1863561" y="692987"/>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2707" name="Rectangle 2707"/>
                        <wps:cNvSpPr/>
                        <wps:spPr>
                          <a:xfrm>
                            <a:off x="1889064" y="692987"/>
                            <a:ext cx="88011"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C</w:t>
                              </w:r>
                            </w:p>
                          </w:txbxContent>
                        </wps:txbx>
                        <wps:bodyPr horzOverflow="overflow" vert="horz" lIns="0" tIns="0" rIns="0" bIns="0" rtlCol="0">
                          <a:noAutofit/>
                        </wps:bodyPr>
                      </wps:wsp>
                      <wps:wsp>
                        <wps:cNvPr id="2709" name="Shape 2709"/>
                        <wps:cNvSpPr/>
                        <wps:spPr>
                          <a:xfrm>
                            <a:off x="2099584" y="476143"/>
                            <a:ext cx="419367" cy="324657"/>
                          </a:xfrm>
                          <a:custGeom>
                            <a:avLst/>
                            <a:gdLst/>
                            <a:ahLst/>
                            <a:cxnLst/>
                            <a:rect l="0" t="0" r="0" b="0"/>
                            <a:pathLst>
                              <a:path w="419367" h="324657">
                                <a:moveTo>
                                  <a:pt x="0" y="324657"/>
                                </a:moveTo>
                                <a:lnTo>
                                  <a:pt x="419367" y="324657"/>
                                </a:lnTo>
                                <a:lnTo>
                                  <a:pt x="419367" y="0"/>
                                </a:lnTo>
                                <a:lnTo>
                                  <a:pt x="0" y="0"/>
                                </a:ln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2710" name="Rectangle 2710"/>
                        <wps:cNvSpPr/>
                        <wps:spPr>
                          <a:xfrm>
                            <a:off x="2114856" y="528062"/>
                            <a:ext cx="528238" cy="135878"/>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Windows</w:t>
                              </w:r>
                              <w:proofErr w:type="spellEnd"/>
                              <w:r>
                                <w:rPr>
                                  <w:rFonts w:ascii="Arial" w:eastAsia="Arial" w:hAnsi="Arial" w:cs="Arial"/>
                                  <w:sz w:val="14"/>
                                </w:rPr>
                                <w:t xml:space="preserve"> </w:t>
                              </w:r>
                            </w:p>
                          </w:txbxContent>
                        </wps:txbx>
                        <wps:bodyPr horzOverflow="overflow" vert="horz" lIns="0" tIns="0" rIns="0" bIns="0" rtlCol="0">
                          <a:noAutofit/>
                        </wps:bodyPr>
                      </wps:wsp>
                      <wps:wsp>
                        <wps:cNvPr id="2711" name="Rectangle 2711"/>
                        <wps:cNvSpPr/>
                        <wps:spPr>
                          <a:xfrm>
                            <a:off x="2225194" y="638012"/>
                            <a:ext cx="223564"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LL</w:t>
                              </w:r>
                            </w:p>
                          </w:txbxContent>
                        </wps:txbx>
                        <wps:bodyPr horzOverflow="overflow" vert="horz" lIns="0" tIns="0" rIns="0" bIns="0" rtlCol="0">
                          <a:noAutofit/>
                        </wps:bodyPr>
                      </wps:wsp>
                      <wps:wsp>
                        <wps:cNvPr id="2712" name="Shape 2712"/>
                        <wps:cNvSpPr/>
                        <wps:spPr>
                          <a:xfrm>
                            <a:off x="259740" y="2099428"/>
                            <a:ext cx="3679619" cy="0"/>
                          </a:xfrm>
                          <a:custGeom>
                            <a:avLst/>
                            <a:gdLst/>
                            <a:ahLst/>
                            <a:cxnLst/>
                            <a:rect l="0" t="0" r="0" b="0"/>
                            <a:pathLst>
                              <a:path w="3679619">
                                <a:moveTo>
                                  <a:pt x="0" y="0"/>
                                </a:moveTo>
                                <a:lnTo>
                                  <a:pt x="3679619" y="0"/>
                                </a:lnTo>
                              </a:path>
                            </a:pathLst>
                          </a:custGeom>
                          <a:ln w="16492" cap="rnd">
                            <a:round/>
                          </a:ln>
                        </wps:spPr>
                        <wps:style>
                          <a:lnRef idx="1">
                            <a:srgbClr val="000000"/>
                          </a:lnRef>
                          <a:fillRef idx="0">
                            <a:srgbClr val="000000">
                              <a:alpha val="0"/>
                            </a:srgbClr>
                          </a:fillRef>
                          <a:effectRef idx="0">
                            <a:scrgbClr r="0" g="0" b="0"/>
                          </a:effectRef>
                          <a:fontRef idx="none"/>
                        </wps:style>
                        <wps:bodyPr/>
                      </wps:wsp>
                      <wps:wsp>
                        <wps:cNvPr id="2713" name="Rectangle 2713"/>
                        <wps:cNvSpPr/>
                        <wps:spPr>
                          <a:xfrm>
                            <a:off x="2958538" y="1983855"/>
                            <a:ext cx="1457616" cy="114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wps:txbx>
                        <wps:bodyPr horzOverflow="overflow" vert="horz" lIns="0" tIns="0" rIns="0" bIns="0" rtlCol="0">
                          <a:noAutofit/>
                        </wps:bodyPr>
                      </wps:wsp>
                      <wps:wsp>
                        <wps:cNvPr id="2714" name="Rectangle 2714"/>
                        <wps:cNvSpPr/>
                        <wps:spPr>
                          <a:xfrm>
                            <a:off x="2961974" y="2136562"/>
                            <a:ext cx="688955" cy="114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 ядра</w:t>
                              </w:r>
                            </w:p>
                          </w:txbxContent>
                        </wps:txbx>
                        <wps:bodyPr horzOverflow="overflow" vert="horz" lIns="0" tIns="0" rIns="0" bIns="0" rtlCol="0">
                          <a:noAutofit/>
                        </wps:bodyPr>
                      </wps:wsp>
                      <wps:wsp>
                        <wps:cNvPr id="2715" name="Shape 2715"/>
                        <wps:cNvSpPr/>
                        <wps:spPr>
                          <a:xfrm>
                            <a:off x="1233758" y="188213"/>
                            <a:ext cx="216628" cy="435981"/>
                          </a:xfrm>
                          <a:custGeom>
                            <a:avLst/>
                            <a:gdLst/>
                            <a:ahLst/>
                            <a:cxnLst/>
                            <a:rect l="0" t="0" r="0" b="0"/>
                            <a:pathLst>
                              <a:path w="216628" h="435981">
                                <a:moveTo>
                                  <a:pt x="216628" y="0"/>
                                </a:moveTo>
                                <a:cubicBezTo>
                                  <a:pt x="96975" y="0"/>
                                  <a:pt x="0" y="128962"/>
                                  <a:pt x="0" y="287931"/>
                                </a:cubicBezTo>
                                <a:cubicBezTo>
                                  <a:pt x="0" y="351839"/>
                                  <a:pt x="37492" y="409791"/>
                                  <a:pt x="95830" y="435981"/>
                                </a:cubicBezTo>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716" name="Shape 2716"/>
                        <wps:cNvSpPr/>
                        <wps:spPr>
                          <a:xfrm>
                            <a:off x="1318363" y="598691"/>
                            <a:ext cx="77733" cy="48408"/>
                          </a:xfrm>
                          <a:custGeom>
                            <a:avLst/>
                            <a:gdLst/>
                            <a:ahLst/>
                            <a:cxnLst/>
                            <a:rect l="0" t="0" r="0" b="0"/>
                            <a:pathLst>
                              <a:path w="77733" h="48408">
                                <a:moveTo>
                                  <a:pt x="10308" y="0"/>
                                </a:moveTo>
                                <a:lnTo>
                                  <a:pt x="77733" y="39780"/>
                                </a:lnTo>
                                <a:lnTo>
                                  <a:pt x="0" y="48408"/>
                                </a:lnTo>
                                <a:lnTo>
                                  <a:pt x="10308"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717" name="Shape 2717"/>
                        <wps:cNvSpPr/>
                        <wps:spPr>
                          <a:xfrm>
                            <a:off x="1558433" y="800800"/>
                            <a:ext cx="735559" cy="216464"/>
                          </a:xfrm>
                          <a:custGeom>
                            <a:avLst/>
                            <a:gdLst/>
                            <a:ahLst/>
                            <a:cxnLst/>
                            <a:rect l="0" t="0" r="0" b="0"/>
                            <a:pathLst>
                              <a:path w="735559" h="216464">
                                <a:moveTo>
                                  <a:pt x="0" y="0"/>
                                </a:moveTo>
                                <a:cubicBezTo>
                                  <a:pt x="0" y="119494"/>
                                  <a:pt x="193797" y="216464"/>
                                  <a:pt x="432875" y="216464"/>
                                </a:cubicBezTo>
                                <a:cubicBezTo>
                                  <a:pt x="570930" y="216464"/>
                                  <a:pt x="693256" y="155762"/>
                                  <a:pt x="735559" y="66275"/>
                                </a:cubicBezTo>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718" name="Shape 2718"/>
                        <wps:cNvSpPr/>
                        <wps:spPr>
                          <a:xfrm>
                            <a:off x="2268489" y="800800"/>
                            <a:ext cx="48182" cy="77881"/>
                          </a:xfrm>
                          <a:custGeom>
                            <a:avLst/>
                            <a:gdLst/>
                            <a:ahLst/>
                            <a:cxnLst/>
                            <a:rect l="0" t="0" r="0" b="0"/>
                            <a:pathLst>
                              <a:path w="48182" h="77881">
                                <a:moveTo>
                                  <a:pt x="40775" y="0"/>
                                </a:moveTo>
                                <a:lnTo>
                                  <a:pt x="48182" y="77881"/>
                                </a:lnTo>
                                <a:lnTo>
                                  <a:pt x="0" y="66733"/>
                                </a:lnTo>
                                <a:lnTo>
                                  <a:pt x="4077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719" name="Shape 2719"/>
                        <wps:cNvSpPr/>
                        <wps:spPr>
                          <a:xfrm>
                            <a:off x="0" y="0"/>
                            <a:ext cx="151518" cy="151486"/>
                          </a:xfrm>
                          <a:custGeom>
                            <a:avLst/>
                            <a:gdLst/>
                            <a:ahLst/>
                            <a:cxnLst/>
                            <a:rect l="0" t="0" r="0" b="0"/>
                            <a:pathLst>
                              <a:path w="151518" h="151486">
                                <a:moveTo>
                                  <a:pt x="75755" y="0"/>
                                </a:moveTo>
                                <a:cubicBezTo>
                                  <a:pt x="117599" y="0"/>
                                  <a:pt x="151518" y="33901"/>
                                  <a:pt x="151518" y="75743"/>
                                </a:cubicBezTo>
                                <a:cubicBezTo>
                                  <a:pt x="151518" y="117585"/>
                                  <a:pt x="117599" y="151486"/>
                                  <a:pt x="75755" y="151486"/>
                                </a:cubicBezTo>
                                <a:cubicBezTo>
                                  <a:pt x="33918" y="151486"/>
                                  <a:pt x="0" y="117585"/>
                                  <a:pt x="0" y="75743"/>
                                </a:cubicBezTo>
                                <a:cubicBezTo>
                                  <a:pt x="0" y="33901"/>
                                  <a:pt x="33918" y="0"/>
                                  <a:pt x="75755"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2720" name="Shape 2720"/>
                        <wps:cNvSpPr/>
                        <wps:spPr>
                          <a:xfrm>
                            <a:off x="0" y="0"/>
                            <a:ext cx="151518" cy="151486"/>
                          </a:xfrm>
                          <a:custGeom>
                            <a:avLst/>
                            <a:gdLst/>
                            <a:ahLst/>
                            <a:cxnLst/>
                            <a:rect l="0" t="0" r="0" b="0"/>
                            <a:pathLst>
                              <a:path w="151518" h="151486">
                                <a:moveTo>
                                  <a:pt x="151518" y="75743"/>
                                </a:moveTo>
                                <a:cubicBezTo>
                                  <a:pt x="151518" y="33901"/>
                                  <a:pt x="117599" y="0"/>
                                  <a:pt x="75755" y="0"/>
                                </a:cubicBezTo>
                                <a:cubicBezTo>
                                  <a:pt x="33918" y="0"/>
                                  <a:pt x="0" y="33901"/>
                                  <a:pt x="0" y="75743"/>
                                </a:cubicBezTo>
                                <a:cubicBezTo>
                                  <a:pt x="0" y="117585"/>
                                  <a:pt x="33918" y="151486"/>
                                  <a:pt x="75755" y="151486"/>
                                </a:cubicBezTo>
                                <a:cubicBezTo>
                                  <a:pt x="117599" y="151486"/>
                                  <a:pt x="151518" y="117585"/>
                                  <a:pt x="151518" y="75743"/>
                                </a:cubicBezTo>
                                <a:close/>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721" name="Rectangle 2721"/>
                        <wps:cNvSpPr/>
                        <wps:spPr>
                          <a:xfrm>
                            <a:off x="50277" y="20309"/>
                            <a:ext cx="67778"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2722" name="Rectangle 2722"/>
                        <wps:cNvSpPr/>
                        <wps:spPr>
                          <a:xfrm>
                            <a:off x="208603" y="19697"/>
                            <a:ext cx="101638" cy="135878"/>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fp</w:t>
                              </w:r>
                              <w:proofErr w:type="spellEnd"/>
                            </w:p>
                          </w:txbxContent>
                        </wps:txbx>
                        <wps:bodyPr horzOverflow="overflow" vert="horz" lIns="0" tIns="0" rIns="0" bIns="0" rtlCol="0">
                          <a:noAutofit/>
                        </wps:bodyPr>
                      </wps:wsp>
                      <wps:wsp>
                        <wps:cNvPr id="2723" name="Rectangle 2723"/>
                        <wps:cNvSpPr/>
                        <wps:spPr>
                          <a:xfrm>
                            <a:off x="285022" y="19697"/>
                            <a:ext cx="71170"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24" name="Rectangle 2724"/>
                        <wps:cNvSpPr/>
                        <wps:spPr>
                          <a:xfrm>
                            <a:off x="338534" y="19697"/>
                            <a:ext cx="304972" cy="135878"/>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fopen</w:t>
                              </w:r>
                              <w:proofErr w:type="spellEnd"/>
                            </w:p>
                          </w:txbxContent>
                        </wps:txbx>
                        <wps:bodyPr horzOverflow="overflow" vert="horz" lIns="0" tIns="0" rIns="0" bIns="0" rtlCol="0">
                          <a:noAutofit/>
                        </wps:bodyPr>
                      </wps:wsp>
                      <wps:wsp>
                        <wps:cNvPr id="2725" name="Rectangle 2725"/>
                        <wps:cNvSpPr/>
                        <wps:spPr>
                          <a:xfrm>
                            <a:off x="567838" y="19697"/>
                            <a:ext cx="40584"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26" name="Rectangle 2726"/>
                        <wps:cNvSpPr/>
                        <wps:spPr>
                          <a:xfrm>
                            <a:off x="598351" y="35913"/>
                            <a:ext cx="128572" cy="114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w:t>
                              </w:r>
                            </w:p>
                          </w:txbxContent>
                        </wps:txbx>
                        <wps:bodyPr horzOverflow="overflow" vert="horz" lIns="0" tIns="0" rIns="0" bIns="0" rtlCol="0">
                          <a:noAutofit/>
                        </wps:bodyPr>
                      </wps:wsp>
                      <wps:wsp>
                        <wps:cNvPr id="2727" name="Rectangle 2727"/>
                        <wps:cNvSpPr/>
                        <wps:spPr>
                          <a:xfrm>
                            <a:off x="695036" y="19697"/>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28" name="Rectangle 2728"/>
                        <wps:cNvSpPr/>
                        <wps:spPr>
                          <a:xfrm>
                            <a:off x="720493" y="19697"/>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29" name="Rectangle 2729"/>
                        <wps:cNvSpPr/>
                        <wps:spPr>
                          <a:xfrm>
                            <a:off x="745951" y="19697"/>
                            <a:ext cx="318247" cy="135878"/>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myfile</w:t>
                              </w:r>
                              <w:proofErr w:type="spellEnd"/>
                            </w:p>
                          </w:txbxContent>
                        </wps:txbx>
                        <wps:bodyPr horzOverflow="overflow" vert="horz" lIns="0" tIns="0" rIns="0" bIns="0" rtlCol="0">
                          <a:noAutofit/>
                        </wps:bodyPr>
                      </wps:wsp>
                      <wps:wsp>
                        <wps:cNvPr id="2730" name="Rectangle 2730"/>
                        <wps:cNvSpPr/>
                        <wps:spPr>
                          <a:xfrm>
                            <a:off x="985212" y="19697"/>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31" name="Rectangle 2731"/>
                        <wps:cNvSpPr/>
                        <wps:spPr>
                          <a:xfrm>
                            <a:off x="1010716" y="35913"/>
                            <a:ext cx="209998" cy="11454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at</w:t>
                              </w:r>
                              <w:proofErr w:type="spellEnd"/>
                              <w:r>
                                <w:rPr>
                                  <w:rFonts w:ascii="Arial" w:eastAsia="Arial" w:hAnsi="Arial" w:cs="Arial"/>
                                  <w:sz w:val="14"/>
                                </w:rPr>
                                <w:t>”</w:t>
                              </w:r>
                            </w:p>
                          </w:txbxContent>
                        </wps:txbx>
                        <wps:bodyPr horzOverflow="overflow" vert="horz" lIns="0" tIns="0" rIns="0" bIns="0" rtlCol="0">
                          <a:noAutofit/>
                        </wps:bodyPr>
                      </wps:wsp>
                      <wps:wsp>
                        <wps:cNvPr id="2732" name="Rectangle 2732"/>
                        <wps:cNvSpPr/>
                        <wps:spPr>
                          <a:xfrm>
                            <a:off x="1168548" y="19697"/>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33" name="Rectangle 2733"/>
                        <wps:cNvSpPr/>
                        <wps:spPr>
                          <a:xfrm>
                            <a:off x="1194052" y="19697"/>
                            <a:ext cx="40584"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r</w:t>
                              </w:r>
                            </w:p>
                          </w:txbxContent>
                        </wps:txbx>
                        <wps:bodyPr horzOverflow="overflow" vert="horz" lIns="0" tIns="0" rIns="0" bIns="0" rtlCol="0">
                          <a:noAutofit/>
                        </wps:bodyPr>
                      </wps:wsp>
                      <wps:wsp>
                        <wps:cNvPr id="2734" name="Rectangle 2734"/>
                        <wps:cNvSpPr/>
                        <wps:spPr>
                          <a:xfrm>
                            <a:off x="1224519" y="19697"/>
                            <a:ext cx="40584"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35" name="Rectangle 2735"/>
                        <wps:cNvSpPr/>
                        <wps:spPr>
                          <a:xfrm>
                            <a:off x="2615384" y="57292"/>
                            <a:ext cx="725470" cy="114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wps:txbx>
                        <wps:bodyPr horzOverflow="overflow" vert="horz" lIns="0" tIns="0" rIns="0" bIns="0" rtlCol="0">
                          <a:noAutofit/>
                        </wps:bodyPr>
                      </wps:wsp>
                      <wps:wsp>
                        <wps:cNvPr id="2736" name="Rectangle 2736"/>
                        <wps:cNvSpPr/>
                        <wps:spPr>
                          <a:xfrm>
                            <a:off x="2689528" y="151026"/>
                            <a:ext cx="494378" cy="135878"/>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Windows</w:t>
                              </w:r>
                              <w:proofErr w:type="spellEnd"/>
                            </w:p>
                          </w:txbxContent>
                        </wps:txbx>
                        <wps:bodyPr horzOverflow="overflow" vert="horz" lIns="0" tIns="0" rIns="0" bIns="0" rtlCol="0">
                          <a:noAutofit/>
                        </wps:bodyPr>
                      </wps:wsp>
                      <wps:wsp>
                        <wps:cNvPr id="2737" name="Rectangle 2737"/>
                        <wps:cNvSpPr/>
                        <wps:spPr>
                          <a:xfrm>
                            <a:off x="326943" y="929912"/>
                            <a:ext cx="562157" cy="13587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CreateFile</w:t>
                              </w:r>
                              <w:proofErr w:type="spellEnd"/>
                            </w:p>
                          </w:txbxContent>
                        </wps:txbx>
                        <wps:bodyPr horzOverflow="overflow" vert="horz" lIns="0" tIns="0" rIns="0" bIns="0" rtlCol="0">
                          <a:noAutofit/>
                        </wps:bodyPr>
                      </wps:wsp>
                      <wps:wsp>
                        <wps:cNvPr id="2738" name="Rectangle 2738"/>
                        <wps:cNvSpPr/>
                        <wps:spPr>
                          <a:xfrm>
                            <a:off x="749647" y="929912"/>
                            <a:ext cx="40584" cy="13587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39" name="Rectangle 2739"/>
                        <wps:cNvSpPr/>
                        <wps:spPr>
                          <a:xfrm>
                            <a:off x="780114" y="946128"/>
                            <a:ext cx="128572" cy="114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w:t>
                              </w:r>
                            </w:p>
                          </w:txbxContent>
                        </wps:txbx>
                        <wps:bodyPr horzOverflow="overflow" vert="horz" lIns="0" tIns="0" rIns="0" bIns="0" rtlCol="0">
                          <a:noAutofit/>
                        </wps:bodyPr>
                      </wps:wsp>
                      <wps:wsp>
                        <wps:cNvPr id="2740" name="Rectangle 2740"/>
                        <wps:cNvSpPr/>
                        <wps:spPr>
                          <a:xfrm>
                            <a:off x="876783" y="929912"/>
                            <a:ext cx="33859" cy="13587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41" name="Rectangle 2741"/>
                        <wps:cNvSpPr/>
                        <wps:spPr>
                          <a:xfrm>
                            <a:off x="902287" y="929912"/>
                            <a:ext cx="33859" cy="13587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42" name="Rectangle 2742"/>
                        <wps:cNvSpPr/>
                        <wps:spPr>
                          <a:xfrm>
                            <a:off x="927714" y="929912"/>
                            <a:ext cx="318247" cy="13587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myfile</w:t>
                              </w:r>
                              <w:proofErr w:type="spellEnd"/>
                            </w:p>
                          </w:txbxContent>
                        </wps:txbx>
                        <wps:bodyPr horzOverflow="overflow" vert="horz" lIns="0" tIns="0" rIns="0" bIns="0" rtlCol="0">
                          <a:noAutofit/>
                        </wps:bodyPr>
                      </wps:wsp>
                      <wps:wsp>
                        <wps:cNvPr id="2743" name="Rectangle 2743"/>
                        <wps:cNvSpPr/>
                        <wps:spPr>
                          <a:xfrm>
                            <a:off x="1167021" y="929912"/>
                            <a:ext cx="33859" cy="13587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44" name="Rectangle 2744"/>
                        <wps:cNvSpPr/>
                        <wps:spPr>
                          <a:xfrm>
                            <a:off x="1192448" y="946128"/>
                            <a:ext cx="209998" cy="11454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at</w:t>
                              </w:r>
                              <w:proofErr w:type="spellEnd"/>
                              <w:r>
                                <w:rPr>
                                  <w:rFonts w:ascii="Arial" w:eastAsia="Arial" w:hAnsi="Arial" w:cs="Arial"/>
                                  <w:sz w:val="14"/>
                                </w:rPr>
                                <w:t>”</w:t>
                              </w:r>
                            </w:p>
                          </w:txbxContent>
                        </wps:txbx>
                        <wps:bodyPr horzOverflow="overflow" vert="horz" lIns="0" tIns="0" rIns="0" bIns="0" rtlCol="0">
                          <a:noAutofit/>
                        </wps:bodyPr>
                      </wps:wsp>
                      <wps:wsp>
                        <wps:cNvPr id="2745" name="Rectangle 2745"/>
                        <wps:cNvSpPr/>
                        <wps:spPr>
                          <a:xfrm>
                            <a:off x="1350357" y="929912"/>
                            <a:ext cx="33859" cy="13587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46" name="Rectangle 2746"/>
                        <wps:cNvSpPr/>
                        <wps:spPr>
                          <a:xfrm>
                            <a:off x="1375784" y="946128"/>
                            <a:ext cx="121870" cy="114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47" name="Rectangle 2747"/>
                        <wps:cNvSpPr/>
                        <wps:spPr>
                          <a:xfrm>
                            <a:off x="1467414" y="929912"/>
                            <a:ext cx="40584" cy="13587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48" name="Rectangle 2748"/>
                        <wps:cNvSpPr/>
                        <wps:spPr>
                          <a:xfrm>
                            <a:off x="1313323" y="1642982"/>
                            <a:ext cx="684025" cy="135878"/>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NtCreateFile</w:t>
                              </w:r>
                              <w:proofErr w:type="spellEnd"/>
                            </w:p>
                          </w:txbxContent>
                        </wps:txbx>
                        <wps:bodyPr horzOverflow="overflow" vert="horz" lIns="0" tIns="0" rIns="0" bIns="0" rtlCol="0">
                          <a:noAutofit/>
                        </wps:bodyPr>
                      </wps:wsp>
                      <wps:wsp>
                        <wps:cNvPr id="2749" name="Rectangle 2749"/>
                        <wps:cNvSpPr/>
                        <wps:spPr>
                          <a:xfrm>
                            <a:off x="1827672" y="1642982"/>
                            <a:ext cx="40584"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50" name="Rectangle 2750"/>
                        <wps:cNvSpPr/>
                        <wps:spPr>
                          <a:xfrm>
                            <a:off x="1858139" y="1659198"/>
                            <a:ext cx="128572" cy="114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w:t>
                              </w:r>
                            </w:p>
                          </w:txbxContent>
                        </wps:txbx>
                        <wps:bodyPr horzOverflow="overflow" vert="horz" lIns="0" tIns="0" rIns="0" bIns="0" rtlCol="0">
                          <a:noAutofit/>
                        </wps:bodyPr>
                      </wps:wsp>
                      <wps:wsp>
                        <wps:cNvPr id="2751" name="Rectangle 2751"/>
                        <wps:cNvSpPr/>
                        <wps:spPr>
                          <a:xfrm>
                            <a:off x="1954809" y="1642982"/>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52" name="Rectangle 2752"/>
                        <wps:cNvSpPr/>
                        <wps:spPr>
                          <a:xfrm>
                            <a:off x="1980312" y="1642982"/>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53" name="Rectangle 2753"/>
                        <wps:cNvSpPr/>
                        <wps:spPr>
                          <a:xfrm>
                            <a:off x="2005739" y="1642982"/>
                            <a:ext cx="318247" cy="135878"/>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myfile</w:t>
                              </w:r>
                              <w:proofErr w:type="spellEnd"/>
                            </w:p>
                          </w:txbxContent>
                        </wps:txbx>
                        <wps:bodyPr horzOverflow="overflow" vert="horz" lIns="0" tIns="0" rIns="0" bIns="0" rtlCol="0">
                          <a:noAutofit/>
                        </wps:bodyPr>
                      </wps:wsp>
                      <wps:wsp>
                        <wps:cNvPr id="2754" name="Rectangle 2754"/>
                        <wps:cNvSpPr/>
                        <wps:spPr>
                          <a:xfrm>
                            <a:off x="2245047" y="1642982"/>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55" name="Rectangle 2755"/>
                        <wps:cNvSpPr/>
                        <wps:spPr>
                          <a:xfrm>
                            <a:off x="2270474" y="1659198"/>
                            <a:ext cx="209998" cy="11454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at</w:t>
                              </w:r>
                              <w:proofErr w:type="spellEnd"/>
                              <w:r>
                                <w:rPr>
                                  <w:rFonts w:ascii="Arial" w:eastAsia="Arial" w:hAnsi="Arial" w:cs="Arial"/>
                                  <w:sz w:val="14"/>
                                </w:rPr>
                                <w:t>”</w:t>
                              </w:r>
                            </w:p>
                          </w:txbxContent>
                        </wps:txbx>
                        <wps:bodyPr horzOverflow="overflow" vert="horz" lIns="0" tIns="0" rIns="0" bIns="0" rtlCol="0">
                          <a:noAutofit/>
                        </wps:bodyPr>
                      </wps:wsp>
                      <wps:wsp>
                        <wps:cNvPr id="2756" name="Rectangle 2756"/>
                        <wps:cNvSpPr/>
                        <wps:spPr>
                          <a:xfrm>
                            <a:off x="2428383" y="1642982"/>
                            <a:ext cx="33859"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57" name="Rectangle 2757"/>
                        <wps:cNvSpPr/>
                        <wps:spPr>
                          <a:xfrm>
                            <a:off x="2453886" y="1659198"/>
                            <a:ext cx="121870" cy="11454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58" name="Rectangle 2758"/>
                        <wps:cNvSpPr/>
                        <wps:spPr>
                          <a:xfrm>
                            <a:off x="2545516" y="1642982"/>
                            <a:ext cx="40584"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59" name="Shape 2759"/>
                        <wps:cNvSpPr/>
                        <wps:spPr>
                          <a:xfrm>
                            <a:off x="151518" y="908994"/>
                            <a:ext cx="151510" cy="151562"/>
                          </a:xfrm>
                          <a:custGeom>
                            <a:avLst/>
                            <a:gdLst/>
                            <a:ahLst/>
                            <a:cxnLst/>
                            <a:rect l="0" t="0" r="0" b="0"/>
                            <a:pathLst>
                              <a:path w="151510" h="151562">
                                <a:moveTo>
                                  <a:pt x="75755" y="0"/>
                                </a:moveTo>
                                <a:cubicBezTo>
                                  <a:pt x="117592" y="0"/>
                                  <a:pt x="151510" y="33901"/>
                                  <a:pt x="151510" y="75743"/>
                                </a:cubicBezTo>
                                <a:cubicBezTo>
                                  <a:pt x="151510" y="117585"/>
                                  <a:pt x="117592" y="151562"/>
                                  <a:pt x="75755" y="151562"/>
                                </a:cubicBezTo>
                                <a:cubicBezTo>
                                  <a:pt x="33911" y="151562"/>
                                  <a:pt x="0" y="117585"/>
                                  <a:pt x="0" y="75743"/>
                                </a:cubicBezTo>
                                <a:cubicBezTo>
                                  <a:pt x="0" y="33901"/>
                                  <a:pt x="33911" y="0"/>
                                  <a:pt x="75755"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2760" name="Shape 2760"/>
                        <wps:cNvSpPr/>
                        <wps:spPr>
                          <a:xfrm>
                            <a:off x="151518" y="908994"/>
                            <a:ext cx="151510" cy="151562"/>
                          </a:xfrm>
                          <a:custGeom>
                            <a:avLst/>
                            <a:gdLst/>
                            <a:ahLst/>
                            <a:cxnLst/>
                            <a:rect l="0" t="0" r="0" b="0"/>
                            <a:pathLst>
                              <a:path w="151510" h="151562">
                                <a:moveTo>
                                  <a:pt x="151510" y="75743"/>
                                </a:moveTo>
                                <a:cubicBezTo>
                                  <a:pt x="151510" y="33901"/>
                                  <a:pt x="117592" y="0"/>
                                  <a:pt x="75755" y="0"/>
                                </a:cubicBezTo>
                                <a:cubicBezTo>
                                  <a:pt x="33911" y="0"/>
                                  <a:pt x="0" y="33901"/>
                                  <a:pt x="0" y="75743"/>
                                </a:cubicBezTo>
                                <a:cubicBezTo>
                                  <a:pt x="0" y="117585"/>
                                  <a:pt x="33911" y="151562"/>
                                  <a:pt x="75755" y="151562"/>
                                </a:cubicBezTo>
                                <a:cubicBezTo>
                                  <a:pt x="117592" y="151562"/>
                                  <a:pt x="151510" y="117585"/>
                                  <a:pt x="151510" y="75743"/>
                                </a:cubicBezTo>
                                <a:close/>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761" name="Rectangle 2761"/>
                        <wps:cNvSpPr/>
                        <wps:spPr>
                          <a:xfrm>
                            <a:off x="201792" y="929303"/>
                            <a:ext cx="67778"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2762" name="Shape 2762"/>
                        <wps:cNvSpPr/>
                        <wps:spPr>
                          <a:xfrm>
                            <a:off x="1125558" y="1623285"/>
                            <a:ext cx="151495" cy="151486"/>
                          </a:xfrm>
                          <a:custGeom>
                            <a:avLst/>
                            <a:gdLst/>
                            <a:ahLst/>
                            <a:cxnLst/>
                            <a:rect l="0" t="0" r="0" b="0"/>
                            <a:pathLst>
                              <a:path w="151495" h="151486">
                                <a:moveTo>
                                  <a:pt x="75747" y="0"/>
                                </a:moveTo>
                                <a:cubicBezTo>
                                  <a:pt x="117592" y="0"/>
                                  <a:pt x="151495" y="33901"/>
                                  <a:pt x="151495" y="75743"/>
                                </a:cubicBezTo>
                                <a:cubicBezTo>
                                  <a:pt x="151495" y="117585"/>
                                  <a:pt x="117592" y="151486"/>
                                  <a:pt x="75747" y="151486"/>
                                </a:cubicBezTo>
                                <a:cubicBezTo>
                                  <a:pt x="33903" y="151486"/>
                                  <a:pt x="0" y="117585"/>
                                  <a:pt x="0" y="75743"/>
                                </a:cubicBezTo>
                                <a:cubicBezTo>
                                  <a:pt x="0" y="33901"/>
                                  <a:pt x="33903" y="0"/>
                                  <a:pt x="75747"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2763" name="Shape 2763"/>
                        <wps:cNvSpPr/>
                        <wps:spPr>
                          <a:xfrm>
                            <a:off x="1125558" y="1623285"/>
                            <a:ext cx="151495" cy="151486"/>
                          </a:xfrm>
                          <a:custGeom>
                            <a:avLst/>
                            <a:gdLst/>
                            <a:ahLst/>
                            <a:cxnLst/>
                            <a:rect l="0" t="0" r="0" b="0"/>
                            <a:pathLst>
                              <a:path w="151495" h="151486">
                                <a:moveTo>
                                  <a:pt x="151495" y="75743"/>
                                </a:moveTo>
                                <a:cubicBezTo>
                                  <a:pt x="151495" y="33901"/>
                                  <a:pt x="117592" y="0"/>
                                  <a:pt x="75747" y="0"/>
                                </a:cubicBezTo>
                                <a:cubicBezTo>
                                  <a:pt x="33903" y="0"/>
                                  <a:pt x="0" y="33901"/>
                                  <a:pt x="0" y="75743"/>
                                </a:cubicBezTo>
                                <a:cubicBezTo>
                                  <a:pt x="0" y="117585"/>
                                  <a:pt x="33903" y="151486"/>
                                  <a:pt x="75747" y="151486"/>
                                </a:cubicBezTo>
                                <a:cubicBezTo>
                                  <a:pt x="117592" y="151486"/>
                                  <a:pt x="151495" y="117585"/>
                                  <a:pt x="151495" y="75743"/>
                                </a:cubicBezTo>
                                <a:close/>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764" name="Rectangle 2764"/>
                        <wps:cNvSpPr/>
                        <wps:spPr>
                          <a:xfrm>
                            <a:off x="1175802" y="1643593"/>
                            <a:ext cx="67778"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w:t>
                              </w:r>
                            </w:p>
                          </w:txbxContent>
                        </wps:txbx>
                        <wps:bodyPr horzOverflow="overflow" vert="horz" lIns="0" tIns="0" rIns="0" bIns="0" rtlCol="0">
                          <a:noAutofit/>
                        </wps:bodyPr>
                      </wps:wsp>
                      <wps:wsp>
                        <wps:cNvPr id="2765" name="Shape 2765"/>
                        <wps:cNvSpPr/>
                        <wps:spPr>
                          <a:xfrm>
                            <a:off x="259740" y="2532279"/>
                            <a:ext cx="4004294" cy="1255340"/>
                          </a:xfrm>
                          <a:custGeom>
                            <a:avLst/>
                            <a:gdLst/>
                            <a:ahLst/>
                            <a:cxnLst/>
                            <a:rect l="0" t="0" r="0" b="0"/>
                            <a:pathLst>
                              <a:path w="4004294" h="1255340">
                                <a:moveTo>
                                  <a:pt x="162338" y="0"/>
                                </a:moveTo>
                                <a:lnTo>
                                  <a:pt x="3841957" y="0"/>
                                </a:lnTo>
                                <a:cubicBezTo>
                                  <a:pt x="3931601" y="0"/>
                                  <a:pt x="4004294" y="72689"/>
                                  <a:pt x="4004294" y="162328"/>
                                </a:cubicBezTo>
                                <a:lnTo>
                                  <a:pt x="4004294" y="1093014"/>
                                </a:lnTo>
                                <a:cubicBezTo>
                                  <a:pt x="4004294" y="1182662"/>
                                  <a:pt x="3931601" y="1255340"/>
                                  <a:pt x="3841957" y="1255340"/>
                                </a:cubicBezTo>
                                <a:lnTo>
                                  <a:pt x="162338" y="1255340"/>
                                </a:lnTo>
                                <a:cubicBezTo>
                                  <a:pt x="72678" y="1255340"/>
                                  <a:pt x="0" y="1182662"/>
                                  <a:pt x="0" y="1093014"/>
                                </a:cubicBezTo>
                                <a:lnTo>
                                  <a:pt x="0" y="162328"/>
                                </a:lnTo>
                                <a:cubicBezTo>
                                  <a:pt x="0" y="72689"/>
                                  <a:pt x="72678" y="0"/>
                                  <a:pt x="162338"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2766" name="Shape 2766"/>
                        <wps:cNvSpPr/>
                        <wps:spPr>
                          <a:xfrm>
                            <a:off x="259740" y="2532279"/>
                            <a:ext cx="4004294" cy="1255340"/>
                          </a:xfrm>
                          <a:custGeom>
                            <a:avLst/>
                            <a:gdLst/>
                            <a:ahLst/>
                            <a:cxnLst/>
                            <a:rect l="0" t="0" r="0" b="0"/>
                            <a:pathLst>
                              <a:path w="4004294" h="1255340">
                                <a:moveTo>
                                  <a:pt x="162338" y="1255340"/>
                                </a:moveTo>
                                <a:lnTo>
                                  <a:pt x="3841957" y="1255340"/>
                                </a:lnTo>
                                <a:cubicBezTo>
                                  <a:pt x="3931601" y="1255340"/>
                                  <a:pt x="4004294" y="1182662"/>
                                  <a:pt x="4004294" y="1093014"/>
                                </a:cubicBezTo>
                                <a:cubicBezTo>
                                  <a:pt x="4004294" y="1093014"/>
                                  <a:pt x="4004294" y="1093014"/>
                                  <a:pt x="4004294" y="1093014"/>
                                </a:cubicBezTo>
                                <a:lnTo>
                                  <a:pt x="4004294" y="162328"/>
                                </a:lnTo>
                                <a:cubicBezTo>
                                  <a:pt x="4004294" y="72689"/>
                                  <a:pt x="3931601" y="0"/>
                                  <a:pt x="3841957" y="0"/>
                                </a:cubicBezTo>
                                <a:lnTo>
                                  <a:pt x="162338" y="0"/>
                                </a:lnTo>
                                <a:cubicBezTo>
                                  <a:pt x="72678" y="0"/>
                                  <a:pt x="0" y="72689"/>
                                  <a:pt x="0" y="162328"/>
                                </a:cubicBezTo>
                                <a:lnTo>
                                  <a:pt x="0" y="162328"/>
                                </a:lnTo>
                                <a:lnTo>
                                  <a:pt x="0" y="1093014"/>
                                </a:lnTo>
                                <a:cubicBezTo>
                                  <a:pt x="0" y="1182662"/>
                                  <a:pt x="72678" y="1255340"/>
                                  <a:pt x="162338" y="1255340"/>
                                </a:cubicBez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2767" name="Rectangle 2767"/>
                        <wps:cNvSpPr/>
                        <wps:spPr>
                          <a:xfrm>
                            <a:off x="1826298" y="2625991"/>
                            <a:ext cx="1158806"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истемные сервисы</w:t>
                              </w:r>
                            </w:p>
                          </w:txbxContent>
                        </wps:txbx>
                        <wps:bodyPr horzOverflow="overflow" vert="horz" lIns="0" tIns="0" rIns="0" bIns="0" rtlCol="0">
                          <a:noAutofit/>
                        </wps:bodyPr>
                      </wps:wsp>
                      <wps:wsp>
                        <wps:cNvPr id="2768" name="Rectangle 2768"/>
                        <wps:cNvSpPr/>
                        <wps:spPr>
                          <a:xfrm>
                            <a:off x="2151126" y="3615508"/>
                            <a:ext cx="294657"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Ядро</w:t>
                              </w:r>
                            </w:p>
                          </w:txbxContent>
                        </wps:txbx>
                        <wps:bodyPr horzOverflow="overflow" vert="horz" lIns="0" tIns="0" rIns="0" bIns="0" rtlCol="0">
                          <a:noAutofit/>
                        </wps:bodyPr>
                      </wps:wsp>
                      <wps:wsp>
                        <wps:cNvPr id="69387" name="Shape 69387"/>
                        <wps:cNvSpPr/>
                        <wps:spPr>
                          <a:xfrm>
                            <a:off x="800883" y="2748727"/>
                            <a:ext cx="541120" cy="703419"/>
                          </a:xfrm>
                          <a:custGeom>
                            <a:avLst/>
                            <a:gdLst/>
                            <a:ahLst/>
                            <a:cxnLst/>
                            <a:rect l="0" t="0" r="0" b="0"/>
                            <a:pathLst>
                              <a:path w="541120" h="703419">
                                <a:moveTo>
                                  <a:pt x="0" y="0"/>
                                </a:moveTo>
                                <a:lnTo>
                                  <a:pt x="541120" y="0"/>
                                </a:lnTo>
                                <a:lnTo>
                                  <a:pt x="541120" y="703419"/>
                                </a:lnTo>
                                <a:lnTo>
                                  <a:pt x="0" y="703419"/>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770" name="Shape 2770"/>
                        <wps:cNvSpPr/>
                        <wps:spPr>
                          <a:xfrm>
                            <a:off x="800883" y="2748727"/>
                            <a:ext cx="541120" cy="703419"/>
                          </a:xfrm>
                          <a:custGeom>
                            <a:avLst/>
                            <a:gdLst/>
                            <a:ahLst/>
                            <a:cxnLst/>
                            <a:rect l="0" t="0" r="0" b="0"/>
                            <a:pathLst>
                              <a:path w="541120" h="703419">
                                <a:moveTo>
                                  <a:pt x="0" y="703419"/>
                                </a:moveTo>
                                <a:lnTo>
                                  <a:pt x="541120" y="703419"/>
                                </a:lnTo>
                                <a:lnTo>
                                  <a:pt x="541120" y="0"/>
                                </a:lnTo>
                                <a:lnTo>
                                  <a:pt x="0" y="0"/>
                                </a:ln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2771" name="Rectangle 2771"/>
                        <wps:cNvSpPr/>
                        <wps:spPr>
                          <a:xfrm>
                            <a:off x="872202" y="3116192"/>
                            <a:ext cx="529929"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Монитор </w:t>
                              </w:r>
                            </w:p>
                          </w:txbxContent>
                        </wps:txbx>
                        <wps:bodyPr horzOverflow="overflow" vert="horz" lIns="0" tIns="0" rIns="0" bIns="0" rtlCol="0">
                          <a:noAutofit/>
                        </wps:bodyPr>
                      </wps:wsp>
                      <wps:wsp>
                        <wps:cNvPr id="2772" name="Rectangle 2772"/>
                        <wps:cNvSpPr/>
                        <wps:spPr>
                          <a:xfrm>
                            <a:off x="840437" y="3226141"/>
                            <a:ext cx="614487"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остояния </w:t>
                              </w:r>
                            </w:p>
                          </w:txbxContent>
                        </wps:txbx>
                        <wps:bodyPr horzOverflow="overflow" vert="horz" lIns="0" tIns="0" rIns="0" bIns="0" rtlCol="0">
                          <a:noAutofit/>
                        </wps:bodyPr>
                      </wps:wsp>
                      <wps:wsp>
                        <wps:cNvPr id="2773" name="Rectangle 2773"/>
                        <wps:cNvSpPr/>
                        <wps:spPr>
                          <a:xfrm>
                            <a:off x="907708" y="3336091"/>
                            <a:ext cx="435443"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защиты</w:t>
                              </w:r>
                            </w:p>
                          </w:txbxContent>
                        </wps:txbx>
                        <wps:bodyPr horzOverflow="overflow" vert="horz" lIns="0" tIns="0" rIns="0" bIns="0" rtlCol="0">
                          <a:noAutofit/>
                        </wps:bodyPr>
                      </wps:wsp>
                      <wps:wsp>
                        <wps:cNvPr id="69388" name="Shape 69388"/>
                        <wps:cNvSpPr/>
                        <wps:spPr>
                          <a:xfrm>
                            <a:off x="259740" y="2748727"/>
                            <a:ext cx="541120" cy="703419"/>
                          </a:xfrm>
                          <a:custGeom>
                            <a:avLst/>
                            <a:gdLst/>
                            <a:ahLst/>
                            <a:cxnLst/>
                            <a:rect l="0" t="0" r="0" b="0"/>
                            <a:pathLst>
                              <a:path w="541120" h="703419">
                                <a:moveTo>
                                  <a:pt x="0" y="0"/>
                                </a:moveTo>
                                <a:lnTo>
                                  <a:pt x="541120" y="0"/>
                                </a:lnTo>
                                <a:lnTo>
                                  <a:pt x="541120" y="703419"/>
                                </a:lnTo>
                                <a:lnTo>
                                  <a:pt x="0" y="703419"/>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775" name="Shape 2775"/>
                        <wps:cNvSpPr/>
                        <wps:spPr>
                          <a:xfrm>
                            <a:off x="259740" y="2748727"/>
                            <a:ext cx="541120" cy="703419"/>
                          </a:xfrm>
                          <a:custGeom>
                            <a:avLst/>
                            <a:gdLst/>
                            <a:ahLst/>
                            <a:cxnLst/>
                            <a:rect l="0" t="0" r="0" b="0"/>
                            <a:pathLst>
                              <a:path w="541120" h="703419">
                                <a:moveTo>
                                  <a:pt x="0" y="703419"/>
                                </a:moveTo>
                                <a:lnTo>
                                  <a:pt x="541120" y="703419"/>
                                </a:lnTo>
                                <a:lnTo>
                                  <a:pt x="541120" y="0"/>
                                </a:lnTo>
                                <a:lnTo>
                                  <a:pt x="0" y="0"/>
                                </a:ln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2776" name="Rectangle 2776"/>
                        <wps:cNvSpPr/>
                        <wps:spPr>
                          <a:xfrm>
                            <a:off x="291940" y="3226141"/>
                            <a:ext cx="634068"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2777" name="Rectangle 2777"/>
                        <wps:cNvSpPr/>
                        <wps:spPr>
                          <a:xfrm>
                            <a:off x="333617" y="3336091"/>
                            <a:ext cx="523152"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объектов</w:t>
                              </w:r>
                            </w:p>
                          </w:txbxContent>
                        </wps:txbx>
                        <wps:bodyPr horzOverflow="overflow" vert="horz" lIns="0" tIns="0" rIns="0" bIns="0" rtlCol="0">
                          <a:noAutofit/>
                        </wps:bodyPr>
                      </wps:wsp>
                      <wps:wsp>
                        <wps:cNvPr id="69389" name="Shape 69389"/>
                        <wps:cNvSpPr/>
                        <wps:spPr>
                          <a:xfrm>
                            <a:off x="1341958" y="2748727"/>
                            <a:ext cx="541120" cy="703419"/>
                          </a:xfrm>
                          <a:custGeom>
                            <a:avLst/>
                            <a:gdLst/>
                            <a:ahLst/>
                            <a:cxnLst/>
                            <a:rect l="0" t="0" r="0" b="0"/>
                            <a:pathLst>
                              <a:path w="541120" h="703419">
                                <a:moveTo>
                                  <a:pt x="0" y="0"/>
                                </a:moveTo>
                                <a:lnTo>
                                  <a:pt x="541120" y="0"/>
                                </a:lnTo>
                                <a:lnTo>
                                  <a:pt x="541120" y="703419"/>
                                </a:lnTo>
                                <a:lnTo>
                                  <a:pt x="0" y="703419"/>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779" name="Shape 2779"/>
                        <wps:cNvSpPr/>
                        <wps:spPr>
                          <a:xfrm>
                            <a:off x="1341958" y="2748727"/>
                            <a:ext cx="541120" cy="703419"/>
                          </a:xfrm>
                          <a:custGeom>
                            <a:avLst/>
                            <a:gdLst/>
                            <a:ahLst/>
                            <a:cxnLst/>
                            <a:rect l="0" t="0" r="0" b="0"/>
                            <a:pathLst>
                              <a:path w="541120" h="703419">
                                <a:moveTo>
                                  <a:pt x="0" y="703419"/>
                                </a:moveTo>
                                <a:lnTo>
                                  <a:pt x="541120" y="703419"/>
                                </a:lnTo>
                                <a:lnTo>
                                  <a:pt x="541120" y="0"/>
                                </a:lnTo>
                                <a:lnTo>
                                  <a:pt x="0" y="0"/>
                                </a:ln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69390" name="Shape 69390"/>
                        <wps:cNvSpPr/>
                        <wps:spPr>
                          <a:xfrm>
                            <a:off x="1883109" y="2748727"/>
                            <a:ext cx="541120" cy="703419"/>
                          </a:xfrm>
                          <a:custGeom>
                            <a:avLst/>
                            <a:gdLst/>
                            <a:ahLst/>
                            <a:cxnLst/>
                            <a:rect l="0" t="0" r="0" b="0"/>
                            <a:pathLst>
                              <a:path w="541120" h="703419">
                                <a:moveTo>
                                  <a:pt x="0" y="0"/>
                                </a:moveTo>
                                <a:lnTo>
                                  <a:pt x="541120" y="0"/>
                                </a:lnTo>
                                <a:lnTo>
                                  <a:pt x="541120" y="703419"/>
                                </a:lnTo>
                                <a:lnTo>
                                  <a:pt x="0" y="703419"/>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781" name="Shape 2781"/>
                        <wps:cNvSpPr/>
                        <wps:spPr>
                          <a:xfrm>
                            <a:off x="1883109" y="2748727"/>
                            <a:ext cx="541120" cy="703419"/>
                          </a:xfrm>
                          <a:custGeom>
                            <a:avLst/>
                            <a:gdLst/>
                            <a:ahLst/>
                            <a:cxnLst/>
                            <a:rect l="0" t="0" r="0" b="0"/>
                            <a:pathLst>
                              <a:path w="541120" h="703419">
                                <a:moveTo>
                                  <a:pt x="0" y="703419"/>
                                </a:moveTo>
                                <a:lnTo>
                                  <a:pt x="541120" y="703419"/>
                                </a:lnTo>
                                <a:lnTo>
                                  <a:pt x="541120" y="0"/>
                                </a:lnTo>
                                <a:lnTo>
                                  <a:pt x="0" y="0"/>
                                </a:ln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2782" name="Rectangle 2782"/>
                        <wps:cNvSpPr/>
                        <wps:spPr>
                          <a:xfrm>
                            <a:off x="1925487" y="3226141"/>
                            <a:ext cx="573112"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Механизм</w:t>
                              </w:r>
                            </w:p>
                          </w:txbxContent>
                        </wps:txbx>
                        <wps:bodyPr horzOverflow="overflow" vert="horz" lIns="0" tIns="0" rIns="0" bIns="0" rtlCol="0">
                          <a:noAutofit/>
                        </wps:bodyPr>
                      </wps:wsp>
                      <wps:wsp>
                        <wps:cNvPr id="2783" name="Rectangle 2783"/>
                        <wps:cNvSpPr/>
                        <wps:spPr>
                          <a:xfrm>
                            <a:off x="2356377" y="3209926"/>
                            <a:ext cx="33859" cy="13587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2784" name="Rectangle 2784"/>
                        <wps:cNvSpPr/>
                        <wps:spPr>
                          <a:xfrm>
                            <a:off x="2064536" y="3319875"/>
                            <a:ext cx="237077" cy="13587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LPC</w:t>
                              </w:r>
                            </w:p>
                          </w:txbxContent>
                        </wps:txbx>
                        <wps:bodyPr horzOverflow="overflow" vert="horz" lIns="0" tIns="0" rIns="0" bIns="0" rtlCol="0">
                          <a:noAutofit/>
                        </wps:bodyPr>
                      </wps:wsp>
                      <wps:wsp>
                        <wps:cNvPr id="69391" name="Shape 69391"/>
                        <wps:cNvSpPr/>
                        <wps:spPr>
                          <a:xfrm>
                            <a:off x="2424259" y="2748727"/>
                            <a:ext cx="608759" cy="703419"/>
                          </a:xfrm>
                          <a:custGeom>
                            <a:avLst/>
                            <a:gdLst/>
                            <a:ahLst/>
                            <a:cxnLst/>
                            <a:rect l="0" t="0" r="0" b="0"/>
                            <a:pathLst>
                              <a:path w="608759" h="703419">
                                <a:moveTo>
                                  <a:pt x="0" y="0"/>
                                </a:moveTo>
                                <a:lnTo>
                                  <a:pt x="608759" y="0"/>
                                </a:lnTo>
                                <a:lnTo>
                                  <a:pt x="608759" y="703419"/>
                                </a:lnTo>
                                <a:lnTo>
                                  <a:pt x="0" y="703419"/>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786" name="Shape 2786"/>
                        <wps:cNvSpPr/>
                        <wps:spPr>
                          <a:xfrm>
                            <a:off x="2424259" y="2748727"/>
                            <a:ext cx="608759" cy="703419"/>
                          </a:xfrm>
                          <a:custGeom>
                            <a:avLst/>
                            <a:gdLst/>
                            <a:ahLst/>
                            <a:cxnLst/>
                            <a:rect l="0" t="0" r="0" b="0"/>
                            <a:pathLst>
                              <a:path w="608759" h="703419">
                                <a:moveTo>
                                  <a:pt x="0" y="703419"/>
                                </a:moveTo>
                                <a:lnTo>
                                  <a:pt x="608759" y="703419"/>
                                </a:lnTo>
                                <a:lnTo>
                                  <a:pt x="608759" y="0"/>
                                </a:lnTo>
                                <a:lnTo>
                                  <a:pt x="0" y="0"/>
                                </a:ln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2787" name="Rectangle 2787"/>
                        <wps:cNvSpPr/>
                        <wps:spPr>
                          <a:xfrm>
                            <a:off x="2490233" y="3116192"/>
                            <a:ext cx="634068"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2788" name="Rectangle 2788"/>
                        <wps:cNvSpPr/>
                        <wps:spPr>
                          <a:xfrm>
                            <a:off x="2444112" y="3226141"/>
                            <a:ext cx="756768"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иртуальной </w:t>
                              </w:r>
                            </w:p>
                          </w:txbxContent>
                        </wps:txbx>
                        <wps:bodyPr horzOverflow="overflow" vert="horz" lIns="0" tIns="0" rIns="0" bIns="0" rtlCol="0">
                          <a:noAutofit/>
                        </wps:bodyPr>
                      </wps:wsp>
                      <wps:wsp>
                        <wps:cNvPr id="2789" name="Rectangle 2789"/>
                        <wps:cNvSpPr/>
                        <wps:spPr>
                          <a:xfrm>
                            <a:off x="2575449" y="3336091"/>
                            <a:ext cx="407495"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амяти</w:t>
                              </w:r>
                            </w:p>
                          </w:txbxContent>
                        </wps:txbx>
                        <wps:bodyPr horzOverflow="overflow" vert="horz" lIns="0" tIns="0" rIns="0" bIns="0" rtlCol="0">
                          <a:noAutofit/>
                        </wps:bodyPr>
                      </wps:wsp>
                      <wps:wsp>
                        <wps:cNvPr id="2790" name="Shape 2790"/>
                        <wps:cNvSpPr/>
                        <wps:spPr>
                          <a:xfrm>
                            <a:off x="3032987" y="2748742"/>
                            <a:ext cx="906372" cy="0"/>
                          </a:xfrm>
                          <a:custGeom>
                            <a:avLst/>
                            <a:gdLst/>
                            <a:ahLst/>
                            <a:cxnLst/>
                            <a:rect l="0" t="0" r="0" b="0"/>
                            <a:pathLst>
                              <a:path w="906372">
                                <a:moveTo>
                                  <a:pt x="0" y="0"/>
                                </a:moveTo>
                                <a:lnTo>
                                  <a:pt x="906372" y="0"/>
                                </a:lnTo>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791" name="Shape 2791"/>
                        <wps:cNvSpPr/>
                        <wps:spPr>
                          <a:xfrm>
                            <a:off x="3030315" y="3452145"/>
                            <a:ext cx="2672" cy="335474"/>
                          </a:xfrm>
                          <a:custGeom>
                            <a:avLst/>
                            <a:gdLst/>
                            <a:ahLst/>
                            <a:cxnLst/>
                            <a:rect l="0" t="0" r="0" b="0"/>
                            <a:pathLst>
                              <a:path w="2672" h="335474">
                                <a:moveTo>
                                  <a:pt x="2672" y="0"/>
                                </a:moveTo>
                                <a:lnTo>
                                  <a:pt x="0" y="335474"/>
                                </a:lnTo>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792" name="Rectangle 2792"/>
                        <wps:cNvSpPr/>
                        <wps:spPr>
                          <a:xfrm>
                            <a:off x="3355906" y="2762741"/>
                            <a:ext cx="634067"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2793" name="Rectangle 2793"/>
                        <wps:cNvSpPr/>
                        <wps:spPr>
                          <a:xfrm>
                            <a:off x="3280617" y="2872691"/>
                            <a:ext cx="336135"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2794" name="Rectangle 2794"/>
                        <wps:cNvSpPr/>
                        <wps:spPr>
                          <a:xfrm>
                            <a:off x="3533363" y="2856476"/>
                            <a:ext cx="40584"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795" name="Rectangle 2795"/>
                        <wps:cNvSpPr/>
                        <wps:spPr>
                          <a:xfrm>
                            <a:off x="3563906" y="2872691"/>
                            <a:ext cx="423726"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69392" name="Shape 69392"/>
                        <wps:cNvSpPr/>
                        <wps:spPr>
                          <a:xfrm>
                            <a:off x="3073533" y="2965160"/>
                            <a:ext cx="865826" cy="432873"/>
                          </a:xfrm>
                          <a:custGeom>
                            <a:avLst/>
                            <a:gdLst/>
                            <a:ahLst/>
                            <a:cxnLst/>
                            <a:rect l="0" t="0" r="0" b="0"/>
                            <a:pathLst>
                              <a:path w="865826" h="432873">
                                <a:moveTo>
                                  <a:pt x="0" y="0"/>
                                </a:moveTo>
                                <a:lnTo>
                                  <a:pt x="865826" y="0"/>
                                </a:lnTo>
                                <a:lnTo>
                                  <a:pt x="865826" y="432873"/>
                                </a:lnTo>
                                <a:lnTo>
                                  <a:pt x="0" y="432873"/>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797" name="Shape 2797"/>
                        <wps:cNvSpPr/>
                        <wps:spPr>
                          <a:xfrm>
                            <a:off x="3073533" y="2965160"/>
                            <a:ext cx="865826" cy="432873"/>
                          </a:xfrm>
                          <a:custGeom>
                            <a:avLst/>
                            <a:gdLst/>
                            <a:ahLst/>
                            <a:cxnLst/>
                            <a:rect l="0" t="0" r="0" b="0"/>
                            <a:pathLst>
                              <a:path w="865826" h="432873">
                                <a:moveTo>
                                  <a:pt x="0" y="432873"/>
                                </a:moveTo>
                                <a:lnTo>
                                  <a:pt x="865826" y="432873"/>
                                </a:lnTo>
                                <a:lnTo>
                                  <a:pt x="865826" y="0"/>
                                </a:lnTo>
                                <a:lnTo>
                                  <a:pt x="0" y="0"/>
                                </a:ln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2798" name="Rectangle 2798"/>
                        <wps:cNvSpPr/>
                        <wps:spPr>
                          <a:xfrm>
                            <a:off x="3090561" y="3032431"/>
                            <a:ext cx="1106323"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айловые системы</w:t>
                              </w:r>
                            </w:p>
                          </w:txbxContent>
                        </wps:txbx>
                        <wps:bodyPr horzOverflow="overflow" vert="horz" lIns="0" tIns="0" rIns="0" bIns="0" rtlCol="0">
                          <a:noAutofit/>
                        </wps:bodyPr>
                      </wps:wsp>
                      <wps:wsp>
                        <wps:cNvPr id="69393" name="Shape 69393"/>
                        <wps:cNvSpPr/>
                        <wps:spPr>
                          <a:xfrm>
                            <a:off x="3181810" y="3116669"/>
                            <a:ext cx="822530" cy="432873"/>
                          </a:xfrm>
                          <a:custGeom>
                            <a:avLst/>
                            <a:gdLst/>
                            <a:ahLst/>
                            <a:cxnLst/>
                            <a:rect l="0" t="0" r="0" b="0"/>
                            <a:pathLst>
                              <a:path w="822530" h="432873">
                                <a:moveTo>
                                  <a:pt x="0" y="0"/>
                                </a:moveTo>
                                <a:lnTo>
                                  <a:pt x="822530" y="0"/>
                                </a:lnTo>
                                <a:lnTo>
                                  <a:pt x="822530" y="432873"/>
                                </a:lnTo>
                                <a:lnTo>
                                  <a:pt x="0" y="432873"/>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800" name="Shape 2800"/>
                        <wps:cNvSpPr/>
                        <wps:spPr>
                          <a:xfrm>
                            <a:off x="3181810" y="3116669"/>
                            <a:ext cx="822530" cy="432873"/>
                          </a:xfrm>
                          <a:custGeom>
                            <a:avLst/>
                            <a:gdLst/>
                            <a:ahLst/>
                            <a:cxnLst/>
                            <a:rect l="0" t="0" r="0" b="0"/>
                            <a:pathLst>
                              <a:path w="822530" h="432873">
                                <a:moveTo>
                                  <a:pt x="0" y="432873"/>
                                </a:moveTo>
                                <a:lnTo>
                                  <a:pt x="822530" y="432873"/>
                                </a:lnTo>
                                <a:lnTo>
                                  <a:pt x="822530" y="0"/>
                                </a:lnTo>
                                <a:lnTo>
                                  <a:pt x="0" y="0"/>
                                </a:ln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2801" name="Rectangle 2801"/>
                        <wps:cNvSpPr/>
                        <wps:spPr>
                          <a:xfrm>
                            <a:off x="3249004" y="3128958"/>
                            <a:ext cx="915080"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 кэша</w:t>
                              </w:r>
                            </w:p>
                          </w:txbxContent>
                        </wps:txbx>
                        <wps:bodyPr horzOverflow="overflow" vert="horz" lIns="0" tIns="0" rIns="0" bIns="0" rtlCol="0">
                          <a:noAutofit/>
                        </wps:bodyPr>
                      </wps:wsp>
                      <wps:wsp>
                        <wps:cNvPr id="69394" name="Shape 69394"/>
                        <wps:cNvSpPr/>
                        <wps:spPr>
                          <a:xfrm>
                            <a:off x="3290009" y="3224885"/>
                            <a:ext cx="822531" cy="432874"/>
                          </a:xfrm>
                          <a:custGeom>
                            <a:avLst/>
                            <a:gdLst/>
                            <a:ahLst/>
                            <a:cxnLst/>
                            <a:rect l="0" t="0" r="0" b="0"/>
                            <a:pathLst>
                              <a:path w="822531" h="432874">
                                <a:moveTo>
                                  <a:pt x="0" y="0"/>
                                </a:moveTo>
                                <a:lnTo>
                                  <a:pt x="822531" y="0"/>
                                </a:lnTo>
                                <a:lnTo>
                                  <a:pt x="822531" y="432874"/>
                                </a:lnTo>
                                <a:lnTo>
                                  <a:pt x="0" y="432874"/>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803" name="Shape 2803"/>
                        <wps:cNvSpPr/>
                        <wps:spPr>
                          <a:xfrm>
                            <a:off x="3290009" y="3224885"/>
                            <a:ext cx="822531" cy="432874"/>
                          </a:xfrm>
                          <a:custGeom>
                            <a:avLst/>
                            <a:gdLst/>
                            <a:ahLst/>
                            <a:cxnLst/>
                            <a:rect l="0" t="0" r="0" b="0"/>
                            <a:pathLst>
                              <a:path w="822531" h="432874">
                                <a:moveTo>
                                  <a:pt x="0" y="432874"/>
                                </a:moveTo>
                                <a:lnTo>
                                  <a:pt x="822531" y="432874"/>
                                </a:lnTo>
                                <a:lnTo>
                                  <a:pt x="822531" y="0"/>
                                </a:lnTo>
                                <a:lnTo>
                                  <a:pt x="0" y="0"/>
                                </a:ln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2804" name="Rectangle 2804"/>
                        <wps:cNvSpPr/>
                        <wps:spPr>
                          <a:xfrm>
                            <a:off x="3472734" y="3237174"/>
                            <a:ext cx="607940"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райверы </w:t>
                              </w:r>
                            </w:p>
                          </w:txbxContent>
                        </wps:txbx>
                        <wps:bodyPr horzOverflow="overflow" vert="horz" lIns="0" tIns="0" rIns="0" bIns="0" rtlCol="0">
                          <a:noAutofit/>
                        </wps:bodyPr>
                      </wps:wsp>
                      <wps:wsp>
                        <wps:cNvPr id="2805" name="Rectangle 2805"/>
                        <wps:cNvSpPr/>
                        <wps:spPr>
                          <a:xfrm>
                            <a:off x="3489686" y="3347124"/>
                            <a:ext cx="562787"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стройств</w:t>
                              </w:r>
                            </w:p>
                          </w:txbxContent>
                        </wps:txbx>
                        <wps:bodyPr horzOverflow="overflow" vert="horz" lIns="0" tIns="0" rIns="0" bIns="0" rtlCol="0">
                          <a:noAutofit/>
                        </wps:bodyPr>
                      </wps:wsp>
                      <wps:wsp>
                        <wps:cNvPr id="69395" name="Shape 69395"/>
                        <wps:cNvSpPr/>
                        <wps:spPr>
                          <a:xfrm>
                            <a:off x="3398208" y="3441326"/>
                            <a:ext cx="800845" cy="281364"/>
                          </a:xfrm>
                          <a:custGeom>
                            <a:avLst/>
                            <a:gdLst/>
                            <a:ahLst/>
                            <a:cxnLst/>
                            <a:rect l="0" t="0" r="0" b="0"/>
                            <a:pathLst>
                              <a:path w="800845" h="281364">
                                <a:moveTo>
                                  <a:pt x="0" y="0"/>
                                </a:moveTo>
                                <a:lnTo>
                                  <a:pt x="800845" y="0"/>
                                </a:lnTo>
                                <a:lnTo>
                                  <a:pt x="800845" y="281364"/>
                                </a:lnTo>
                                <a:lnTo>
                                  <a:pt x="0" y="281364"/>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807" name="Shape 2807"/>
                        <wps:cNvSpPr/>
                        <wps:spPr>
                          <a:xfrm>
                            <a:off x="3398208" y="3441326"/>
                            <a:ext cx="800845" cy="281364"/>
                          </a:xfrm>
                          <a:custGeom>
                            <a:avLst/>
                            <a:gdLst/>
                            <a:ahLst/>
                            <a:cxnLst/>
                            <a:rect l="0" t="0" r="0" b="0"/>
                            <a:pathLst>
                              <a:path w="800845" h="281364">
                                <a:moveTo>
                                  <a:pt x="0" y="281364"/>
                                </a:moveTo>
                                <a:lnTo>
                                  <a:pt x="800845" y="281364"/>
                                </a:lnTo>
                                <a:lnTo>
                                  <a:pt x="800845" y="0"/>
                                </a:lnTo>
                                <a:lnTo>
                                  <a:pt x="0" y="0"/>
                                </a:lnTo>
                                <a:close/>
                              </a:path>
                            </a:pathLst>
                          </a:custGeom>
                          <a:ln w="1832" cap="rnd">
                            <a:round/>
                          </a:ln>
                        </wps:spPr>
                        <wps:style>
                          <a:lnRef idx="1">
                            <a:srgbClr val="000000"/>
                          </a:lnRef>
                          <a:fillRef idx="0">
                            <a:srgbClr val="000000">
                              <a:alpha val="0"/>
                            </a:srgbClr>
                          </a:fillRef>
                          <a:effectRef idx="0">
                            <a:scrgbClr r="0" g="0" b="0"/>
                          </a:effectRef>
                          <a:fontRef idx="none"/>
                        </wps:style>
                        <wps:bodyPr/>
                      </wps:wsp>
                      <wps:wsp>
                        <wps:cNvPr id="2808" name="Rectangle 2808"/>
                        <wps:cNvSpPr/>
                        <wps:spPr>
                          <a:xfrm>
                            <a:off x="3598191" y="3487814"/>
                            <a:ext cx="533373"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етевые </w:t>
                              </w:r>
                            </w:p>
                          </w:txbxContent>
                        </wps:txbx>
                        <wps:bodyPr horzOverflow="overflow" vert="horz" lIns="0" tIns="0" rIns="0" bIns="0" rtlCol="0">
                          <a:noAutofit/>
                        </wps:bodyPr>
                      </wps:wsp>
                      <wps:wsp>
                        <wps:cNvPr id="2809" name="Rectangle 2809"/>
                        <wps:cNvSpPr/>
                        <wps:spPr>
                          <a:xfrm>
                            <a:off x="3587195" y="3597763"/>
                            <a:ext cx="562667"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ы</w:t>
                              </w:r>
                            </w:p>
                          </w:txbxContent>
                        </wps:txbx>
                        <wps:bodyPr horzOverflow="overflow" vert="horz" lIns="0" tIns="0" rIns="0" bIns="0" rtlCol="0">
                          <a:noAutofit/>
                        </wps:bodyPr>
                      </wps:wsp>
                      <wps:wsp>
                        <wps:cNvPr id="2810" name="Shape 2810"/>
                        <wps:cNvSpPr/>
                        <wps:spPr>
                          <a:xfrm>
                            <a:off x="2424259" y="800800"/>
                            <a:ext cx="919735" cy="1906863"/>
                          </a:xfrm>
                          <a:custGeom>
                            <a:avLst/>
                            <a:gdLst/>
                            <a:ahLst/>
                            <a:cxnLst/>
                            <a:rect l="0" t="0" r="0" b="0"/>
                            <a:pathLst>
                              <a:path w="919735" h="1906863">
                                <a:moveTo>
                                  <a:pt x="0" y="0"/>
                                </a:moveTo>
                                <a:cubicBezTo>
                                  <a:pt x="268476" y="855622"/>
                                  <a:pt x="664164" y="1675969"/>
                                  <a:pt x="919735" y="1906863"/>
                                </a:cubicBezTo>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811" name="Shape 2811"/>
                        <wps:cNvSpPr/>
                        <wps:spPr>
                          <a:xfrm>
                            <a:off x="3324141" y="2684223"/>
                            <a:ext cx="74068" cy="64519"/>
                          </a:xfrm>
                          <a:custGeom>
                            <a:avLst/>
                            <a:gdLst/>
                            <a:ahLst/>
                            <a:cxnLst/>
                            <a:rect l="0" t="0" r="0" b="0"/>
                            <a:pathLst>
                              <a:path w="74068" h="64519">
                                <a:moveTo>
                                  <a:pt x="29856" y="0"/>
                                </a:moveTo>
                                <a:lnTo>
                                  <a:pt x="74068" y="64519"/>
                                </a:lnTo>
                                <a:lnTo>
                                  <a:pt x="0" y="39399"/>
                                </a:lnTo>
                                <a:lnTo>
                                  <a:pt x="2985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812" name="Shape 2812"/>
                        <wps:cNvSpPr/>
                        <wps:spPr>
                          <a:xfrm>
                            <a:off x="2813839" y="1125457"/>
                            <a:ext cx="151495" cy="151486"/>
                          </a:xfrm>
                          <a:custGeom>
                            <a:avLst/>
                            <a:gdLst/>
                            <a:ahLst/>
                            <a:cxnLst/>
                            <a:rect l="0" t="0" r="0" b="0"/>
                            <a:pathLst>
                              <a:path w="151495" h="151486">
                                <a:moveTo>
                                  <a:pt x="75747" y="0"/>
                                </a:moveTo>
                                <a:cubicBezTo>
                                  <a:pt x="117592" y="0"/>
                                  <a:pt x="151495" y="33901"/>
                                  <a:pt x="151495" y="75743"/>
                                </a:cubicBezTo>
                                <a:cubicBezTo>
                                  <a:pt x="151495" y="117585"/>
                                  <a:pt x="117592" y="151486"/>
                                  <a:pt x="75747" y="151486"/>
                                </a:cubicBezTo>
                                <a:cubicBezTo>
                                  <a:pt x="33903" y="151486"/>
                                  <a:pt x="0" y="117585"/>
                                  <a:pt x="0" y="75743"/>
                                </a:cubicBezTo>
                                <a:cubicBezTo>
                                  <a:pt x="0" y="33901"/>
                                  <a:pt x="33903" y="0"/>
                                  <a:pt x="75747"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2813" name="Shape 2813"/>
                        <wps:cNvSpPr/>
                        <wps:spPr>
                          <a:xfrm>
                            <a:off x="2813839" y="1125457"/>
                            <a:ext cx="151495" cy="151486"/>
                          </a:xfrm>
                          <a:custGeom>
                            <a:avLst/>
                            <a:gdLst/>
                            <a:ahLst/>
                            <a:cxnLst/>
                            <a:rect l="0" t="0" r="0" b="0"/>
                            <a:pathLst>
                              <a:path w="151495" h="151486">
                                <a:moveTo>
                                  <a:pt x="151495" y="75743"/>
                                </a:moveTo>
                                <a:cubicBezTo>
                                  <a:pt x="151495" y="33901"/>
                                  <a:pt x="117592" y="0"/>
                                  <a:pt x="75747" y="0"/>
                                </a:cubicBezTo>
                                <a:cubicBezTo>
                                  <a:pt x="33903" y="0"/>
                                  <a:pt x="0" y="33901"/>
                                  <a:pt x="0" y="75743"/>
                                </a:cubicBezTo>
                                <a:cubicBezTo>
                                  <a:pt x="0" y="117585"/>
                                  <a:pt x="33903" y="151486"/>
                                  <a:pt x="75747" y="151486"/>
                                </a:cubicBezTo>
                                <a:cubicBezTo>
                                  <a:pt x="117592" y="151486"/>
                                  <a:pt x="151495" y="117585"/>
                                  <a:pt x="151495" y="75743"/>
                                </a:cubicBezTo>
                                <a:close/>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814" name="Rectangle 2814"/>
                        <wps:cNvSpPr/>
                        <wps:spPr>
                          <a:xfrm>
                            <a:off x="2864082" y="1145765"/>
                            <a:ext cx="67778" cy="13587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6</w:t>
                              </w:r>
                            </w:p>
                          </w:txbxContent>
                        </wps:txbx>
                        <wps:bodyPr horzOverflow="overflow" vert="horz" lIns="0" tIns="0" rIns="0" bIns="0" rtlCol="0">
                          <a:noAutofit/>
                        </wps:bodyPr>
                      </wps:wsp>
                      <wps:wsp>
                        <wps:cNvPr id="2815" name="Rectangle 2815"/>
                        <wps:cNvSpPr/>
                        <wps:spPr>
                          <a:xfrm>
                            <a:off x="3028787" y="1107616"/>
                            <a:ext cx="1120891"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ернуть описатель </w:t>
                              </w:r>
                            </w:p>
                          </w:txbxContent>
                        </wps:txbx>
                        <wps:bodyPr horzOverflow="overflow" vert="horz" lIns="0" tIns="0" rIns="0" bIns="0" rtlCol="0">
                          <a:noAutofit/>
                        </wps:bodyPr>
                      </wps:wsp>
                      <wps:wsp>
                        <wps:cNvPr id="2816" name="Rectangle 2816"/>
                        <wps:cNvSpPr/>
                        <wps:spPr>
                          <a:xfrm>
                            <a:off x="3296423" y="1217566"/>
                            <a:ext cx="374996"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айла</w:t>
                              </w:r>
                            </w:p>
                          </w:txbxContent>
                        </wps:txbx>
                        <wps:bodyPr horzOverflow="overflow" vert="horz" lIns="0" tIns="0" rIns="0" bIns="0" rtlCol="0">
                          <a:noAutofit/>
                        </wps:bodyPr>
                      </wps:wsp>
                      <wps:wsp>
                        <wps:cNvPr id="2817" name="Shape 2817"/>
                        <wps:cNvSpPr/>
                        <wps:spPr>
                          <a:xfrm>
                            <a:off x="3398208" y="1341920"/>
                            <a:ext cx="216476" cy="1406822"/>
                          </a:xfrm>
                          <a:custGeom>
                            <a:avLst/>
                            <a:gdLst/>
                            <a:ahLst/>
                            <a:cxnLst/>
                            <a:rect l="0" t="0" r="0" b="0"/>
                            <a:pathLst>
                              <a:path w="216476" h="1406822">
                                <a:moveTo>
                                  <a:pt x="216476" y="1406822"/>
                                </a:moveTo>
                                <a:cubicBezTo>
                                  <a:pt x="132253" y="642824"/>
                                  <a:pt x="35354" y="12904"/>
                                  <a:pt x="0" y="0"/>
                                </a:cubicBezTo>
                              </a:path>
                            </a:pathLst>
                          </a:custGeom>
                          <a:ln w="5497" cap="rnd">
                            <a:custDash>
                              <a:ds d="303011" sp="216436"/>
                            </a:custDash>
                            <a:round/>
                          </a:ln>
                        </wps:spPr>
                        <wps:style>
                          <a:lnRef idx="1">
                            <a:srgbClr val="000000"/>
                          </a:lnRef>
                          <a:fillRef idx="0">
                            <a:srgbClr val="000000">
                              <a:alpha val="0"/>
                            </a:srgbClr>
                          </a:fillRef>
                          <a:effectRef idx="0">
                            <a:scrgbClr r="0" g="0" b="0"/>
                          </a:effectRef>
                          <a:fontRef idx="none"/>
                        </wps:style>
                        <wps:bodyPr/>
                      </wps:wsp>
                      <wps:wsp>
                        <wps:cNvPr id="2818" name="Shape 2818"/>
                        <wps:cNvSpPr/>
                        <wps:spPr>
                          <a:xfrm>
                            <a:off x="2587589" y="267621"/>
                            <a:ext cx="659125" cy="792936"/>
                          </a:xfrm>
                          <a:custGeom>
                            <a:avLst/>
                            <a:gdLst/>
                            <a:ahLst/>
                            <a:cxnLst/>
                            <a:rect l="0" t="0" r="0" b="0"/>
                            <a:pathLst>
                              <a:path w="659125" h="792936">
                                <a:moveTo>
                                  <a:pt x="659125" y="792936"/>
                                </a:moveTo>
                                <a:cubicBezTo>
                                  <a:pt x="502438" y="509433"/>
                                  <a:pt x="220523" y="170269"/>
                                  <a:pt x="0" y="0"/>
                                </a:cubicBezTo>
                              </a:path>
                            </a:pathLst>
                          </a:custGeom>
                          <a:ln w="5497" cap="rnd">
                            <a:custDash>
                              <a:ds d="303011" sp="216436"/>
                            </a:custDash>
                            <a:round/>
                          </a:ln>
                        </wps:spPr>
                        <wps:style>
                          <a:lnRef idx="1">
                            <a:srgbClr val="000000"/>
                          </a:lnRef>
                          <a:fillRef idx="0">
                            <a:srgbClr val="000000">
                              <a:alpha val="0"/>
                            </a:srgbClr>
                          </a:fillRef>
                          <a:effectRef idx="0">
                            <a:scrgbClr r="0" g="0" b="0"/>
                          </a:effectRef>
                          <a:fontRef idx="none"/>
                        </wps:style>
                        <wps:bodyPr/>
                      </wps:wsp>
                      <wps:wsp>
                        <wps:cNvPr id="2819" name="Shape 2819"/>
                        <wps:cNvSpPr/>
                        <wps:spPr>
                          <a:xfrm>
                            <a:off x="2532459" y="227840"/>
                            <a:ext cx="74678" cy="63527"/>
                          </a:xfrm>
                          <a:custGeom>
                            <a:avLst/>
                            <a:gdLst/>
                            <a:ahLst/>
                            <a:cxnLst/>
                            <a:rect l="0" t="0" r="0" b="0"/>
                            <a:pathLst>
                              <a:path w="74678" h="63527">
                                <a:moveTo>
                                  <a:pt x="0" y="0"/>
                                </a:moveTo>
                                <a:lnTo>
                                  <a:pt x="74678" y="23364"/>
                                </a:lnTo>
                                <a:lnTo>
                                  <a:pt x="45739" y="6352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820" name="Shape 2820"/>
                        <wps:cNvSpPr/>
                        <wps:spPr>
                          <a:xfrm>
                            <a:off x="324675" y="2813643"/>
                            <a:ext cx="151510" cy="151486"/>
                          </a:xfrm>
                          <a:custGeom>
                            <a:avLst/>
                            <a:gdLst/>
                            <a:ahLst/>
                            <a:cxnLst/>
                            <a:rect l="0" t="0" r="0" b="0"/>
                            <a:pathLst>
                              <a:path w="151510" h="151486">
                                <a:moveTo>
                                  <a:pt x="75755" y="0"/>
                                </a:moveTo>
                                <a:cubicBezTo>
                                  <a:pt x="117592" y="0"/>
                                  <a:pt x="151510" y="33901"/>
                                  <a:pt x="151510" y="75743"/>
                                </a:cubicBezTo>
                                <a:cubicBezTo>
                                  <a:pt x="151510" y="117585"/>
                                  <a:pt x="117592" y="151486"/>
                                  <a:pt x="75755" y="151486"/>
                                </a:cubicBezTo>
                                <a:cubicBezTo>
                                  <a:pt x="33918" y="151486"/>
                                  <a:pt x="0" y="117585"/>
                                  <a:pt x="0" y="75743"/>
                                </a:cubicBezTo>
                                <a:cubicBezTo>
                                  <a:pt x="0" y="33901"/>
                                  <a:pt x="33918" y="0"/>
                                  <a:pt x="75755"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2821" name="Shape 2821"/>
                        <wps:cNvSpPr/>
                        <wps:spPr>
                          <a:xfrm>
                            <a:off x="324675" y="2813643"/>
                            <a:ext cx="151510" cy="151486"/>
                          </a:xfrm>
                          <a:custGeom>
                            <a:avLst/>
                            <a:gdLst/>
                            <a:ahLst/>
                            <a:cxnLst/>
                            <a:rect l="0" t="0" r="0" b="0"/>
                            <a:pathLst>
                              <a:path w="151510" h="151486">
                                <a:moveTo>
                                  <a:pt x="151510" y="75743"/>
                                </a:moveTo>
                                <a:cubicBezTo>
                                  <a:pt x="151510" y="33901"/>
                                  <a:pt x="117592" y="0"/>
                                  <a:pt x="75755" y="0"/>
                                </a:cubicBezTo>
                                <a:cubicBezTo>
                                  <a:pt x="33918" y="0"/>
                                  <a:pt x="0" y="33901"/>
                                  <a:pt x="0" y="75743"/>
                                </a:cubicBezTo>
                                <a:cubicBezTo>
                                  <a:pt x="0" y="117585"/>
                                  <a:pt x="33918" y="151486"/>
                                  <a:pt x="75755" y="151486"/>
                                </a:cubicBezTo>
                                <a:cubicBezTo>
                                  <a:pt x="117592" y="151486"/>
                                  <a:pt x="151510" y="117585"/>
                                  <a:pt x="151510" y="75743"/>
                                </a:cubicBezTo>
                                <a:close/>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822" name="Rectangle 2822"/>
                        <wps:cNvSpPr/>
                        <wps:spPr>
                          <a:xfrm>
                            <a:off x="374949" y="2833952"/>
                            <a:ext cx="67778"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4</w:t>
                              </w:r>
                            </w:p>
                          </w:txbxContent>
                        </wps:txbx>
                        <wps:bodyPr horzOverflow="overflow" vert="horz" lIns="0" tIns="0" rIns="0" bIns="0" rtlCol="0">
                          <a:noAutofit/>
                        </wps:bodyPr>
                      </wps:wsp>
                      <wps:wsp>
                        <wps:cNvPr id="2823" name="Shape 2823"/>
                        <wps:cNvSpPr/>
                        <wps:spPr>
                          <a:xfrm>
                            <a:off x="396559" y="2745459"/>
                            <a:ext cx="2827171" cy="264566"/>
                          </a:xfrm>
                          <a:custGeom>
                            <a:avLst/>
                            <a:gdLst/>
                            <a:ahLst/>
                            <a:cxnLst/>
                            <a:rect l="0" t="0" r="0" b="0"/>
                            <a:pathLst>
                              <a:path w="2827171" h="264566">
                                <a:moveTo>
                                  <a:pt x="2827171" y="111477"/>
                                </a:moveTo>
                                <a:cubicBezTo>
                                  <a:pt x="1403701" y="0"/>
                                  <a:pt x="200555" y="65130"/>
                                  <a:pt x="0" y="264566"/>
                                </a:cubicBezTo>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824" name="Shape 2824"/>
                        <wps:cNvSpPr/>
                        <wps:spPr>
                          <a:xfrm>
                            <a:off x="367963" y="2993991"/>
                            <a:ext cx="53642" cy="77759"/>
                          </a:xfrm>
                          <a:custGeom>
                            <a:avLst/>
                            <a:gdLst/>
                            <a:ahLst/>
                            <a:cxnLst/>
                            <a:rect l="0" t="0" r="0" b="0"/>
                            <a:pathLst>
                              <a:path w="53642" h="77759">
                                <a:moveTo>
                                  <a:pt x="8743" y="0"/>
                                </a:moveTo>
                                <a:lnTo>
                                  <a:pt x="53642" y="20844"/>
                                </a:lnTo>
                                <a:lnTo>
                                  <a:pt x="0" y="77759"/>
                                </a:lnTo>
                                <a:lnTo>
                                  <a:pt x="8743"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9396" name="Shape 69396"/>
                        <wps:cNvSpPr/>
                        <wps:spPr>
                          <a:xfrm>
                            <a:off x="499879" y="2812421"/>
                            <a:ext cx="904998" cy="152708"/>
                          </a:xfrm>
                          <a:custGeom>
                            <a:avLst/>
                            <a:gdLst/>
                            <a:ahLst/>
                            <a:cxnLst/>
                            <a:rect l="0" t="0" r="0" b="0"/>
                            <a:pathLst>
                              <a:path w="904998" h="152708">
                                <a:moveTo>
                                  <a:pt x="0" y="0"/>
                                </a:moveTo>
                                <a:lnTo>
                                  <a:pt x="904998" y="0"/>
                                </a:lnTo>
                                <a:lnTo>
                                  <a:pt x="904998" y="152708"/>
                                </a:lnTo>
                                <a:lnTo>
                                  <a:pt x="0" y="15270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826" name="Rectangle 2826"/>
                        <wps:cNvSpPr/>
                        <wps:spPr>
                          <a:xfrm>
                            <a:off x="620907" y="2794581"/>
                            <a:ext cx="915586"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оздать </w:t>
                              </w:r>
                              <w:proofErr w:type="spellStart"/>
                              <w:r>
                                <w:rPr>
                                  <w:rFonts w:ascii="Arial" w:eastAsia="Arial" w:hAnsi="Arial" w:cs="Arial"/>
                                  <w:sz w:val="14"/>
                                </w:rPr>
                                <w:t>обьект</w:t>
                              </w:r>
                              <w:proofErr w:type="spellEnd"/>
                              <w:r>
                                <w:rPr>
                                  <w:rFonts w:ascii="Arial" w:eastAsia="Arial" w:hAnsi="Arial" w:cs="Arial"/>
                                  <w:sz w:val="14"/>
                                </w:rPr>
                                <w:t xml:space="preserve"> </w:t>
                              </w:r>
                            </w:p>
                          </w:txbxContent>
                        </wps:txbx>
                        <wps:bodyPr horzOverflow="overflow" vert="horz" lIns="0" tIns="0" rIns="0" bIns="0" rtlCol="0">
                          <a:noAutofit/>
                        </wps:bodyPr>
                      </wps:wsp>
                      <wps:wsp>
                        <wps:cNvPr id="2827" name="Rectangle 2827"/>
                        <wps:cNvSpPr/>
                        <wps:spPr>
                          <a:xfrm>
                            <a:off x="785917" y="2904531"/>
                            <a:ext cx="67760"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828" name="Rectangle 2828"/>
                        <wps:cNvSpPr/>
                        <wps:spPr>
                          <a:xfrm>
                            <a:off x="836848" y="2904531"/>
                            <a:ext cx="307175"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айл</w:t>
                              </w:r>
                            </w:p>
                          </w:txbxContent>
                        </wps:txbx>
                        <wps:bodyPr horzOverflow="overflow" vert="horz" lIns="0" tIns="0" rIns="0" bIns="0" rtlCol="0">
                          <a:noAutofit/>
                        </wps:bodyPr>
                      </wps:wsp>
                      <wps:wsp>
                        <wps:cNvPr id="2829" name="Rectangle 2829"/>
                        <wps:cNvSpPr/>
                        <wps:spPr>
                          <a:xfrm>
                            <a:off x="1067908" y="2904531"/>
                            <a:ext cx="67760"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2830" name="Shape 2830"/>
                        <wps:cNvSpPr/>
                        <wps:spPr>
                          <a:xfrm>
                            <a:off x="474941" y="2850522"/>
                            <a:ext cx="2530787" cy="222854"/>
                          </a:xfrm>
                          <a:custGeom>
                            <a:avLst/>
                            <a:gdLst/>
                            <a:ahLst/>
                            <a:cxnLst/>
                            <a:rect l="0" t="0" r="0" b="0"/>
                            <a:pathLst>
                              <a:path w="2530787" h="222854">
                                <a:moveTo>
                                  <a:pt x="1244" y="222854"/>
                                </a:moveTo>
                                <a:cubicBezTo>
                                  <a:pt x="0" y="50393"/>
                                  <a:pt x="1121977" y="0"/>
                                  <a:pt x="2530787" y="109262"/>
                                </a:cubicBezTo>
                              </a:path>
                            </a:pathLst>
                          </a:custGeom>
                          <a:ln w="5497" cap="rnd">
                            <a:custDash>
                              <a:ds d="303011" sp="216436"/>
                            </a:custDash>
                            <a:round/>
                          </a:ln>
                        </wps:spPr>
                        <wps:style>
                          <a:lnRef idx="1">
                            <a:srgbClr val="000000"/>
                          </a:lnRef>
                          <a:fillRef idx="0">
                            <a:srgbClr val="000000">
                              <a:alpha val="0"/>
                            </a:srgbClr>
                          </a:fillRef>
                          <a:effectRef idx="0">
                            <a:scrgbClr r="0" g="0" b="0"/>
                          </a:effectRef>
                          <a:fontRef idx="none"/>
                        </wps:style>
                        <wps:bodyPr/>
                      </wps:wsp>
                      <wps:wsp>
                        <wps:cNvPr id="2831" name="Shape 2831"/>
                        <wps:cNvSpPr/>
                        <wps:spPr>
                          <a:xfrm>
                            <a:off x="2997633" y="2934664"/>
                            <a:ext cx="75900" cy="49325"/>
                          </a:xfrm>
                          <a:custGeom>
                            <a:avLst/>
                            <a:gdLst/>
                            <a:ahLst/>
                            <a:cxnLst/>
                            <a:rect l="0" t="0" r="0" b="0"/>
                            <a:pathLst>
                              <a:path w="75900" h="49325">
                                <a:moveTo>
                                  <a:pt x="3894" y="0"/>
                                </a:moveTo>
                                <a:lnTo>
                                  <a:pt x="75900" y="30465"/>
                                </a:lnTo>
                                <a:lnTo>
                                  <a:pt x="0" y="49325"/>
                                </a:lnTo>
                                <a:lnTo>
                                  <a:pt x="3894"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9397" name="Shape 69397"/>
                        <wps:cNvSpPr/>
                        <wps:spPr>
                          <a:xfrm>
                            <a:off x="1839813" y="2888775"/>
                            <a:ext cx="909121" cy="152708"/>
                          </a:xfrm>
                          <a:custGeom>
                            <a:avLst/>
                            <a:gdLst/>
                            <a:ahLst/>
                            <a:cxnLst/>
                            <a:rect l="0" t="0" r="0" b="0"/>
                            <a:pathLst>
                              <a:path w="909121" h="152708">
                                <a:moveTo>
                                  <a:pt x="0" y="0"/>
                                </a:moveTo>
                                <a:lnTo>
                                  <a:pt x="909121" y="0"/>
                                </a:lnTo>
                                <a:lnTo>
                                  <a:pt x="909121" y="152708"/>
                                </a:lnTo>
                                <a:lnTo>
                                  <a:pt x="0" y="15270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2833" name="Rectangle 2833"/>
                        <wps:cNvSpPr/>
                        <wps:spPr>
                          <a:xfrm>
                            <a:off x="1885705" y="2870935"/>
                            <a:ext cx="1120891" cy="114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ернуть описатель </w:t>
                              </w:r>
                            </w:p>
                          </w:txbxContent>
                        </wps:txbx>
                        <wps:bodyPr horzOverflow="overflow" vert="horz" lIns="0" tIns="0" rIns="0" bIns="0" rtlCol="0">
                          <a:noAutofit/>
                        </wps:bodyPr>
                      </wps:wsp>
                      <wps:wsp>
                        <wps:cNvPr id="2834" name="Rectangle 2834"/>
                        <wps:cNvSpPr/>
                        <wps:spPr>
                          <a:xfrm>
                            <a:off x="2126768" y="2980915"/>
                            <a:ext cx="445744" cy="11454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обьекта</w:t>
                              </w:r>
                              <w:proofErr w:type="spellEnd"/>
                            </w:p>
                          </w:txbxContent>
                        </wps:txbx>
                        <wps:bodyPr horzOverflow="overflow" vert="horz" lIns="0" tIns="0" rIns="0" bIns="0" rtlCol="0">
                          <a:noAutofit/>
                        </wps:bodyPr>
                      </wps:wsp>
                      <wps:wsp>
                        <wps:cNvPr id="2835" name="Shape 2835"/>
                        <wps:cNvSpPr/>
                        <wps:spPr>
                          <a:xfrm>
                            <a:off x="1666633" y="2835327"/>
                            <a:ext cx="151571" cy="151486"/>
                          </a:xfrm>
                          <a:custGeom>
                            <a:avLst/>
                            <a:gdLst/>
                            <a:ahLst/>
                            <a:cxnLst/>
                            <a:rect l="0" t="0" r="0" b="0"/>
                            <a:pathLst>
                              <a:path w="151571" h="151486">
                                <a:moveTo>
                                  <a:pt x="75747" y="0"/>
                                </a:moveTo>
                                <a:cubicBezTo>
                                  <a:pt x="117591" y="0"/>
                                  <a:pt x="151571" y="33901"/>
                                  <a:pt x="151571" y="75743"/>
                                </a:cubicBezTo>
                                <a:cubicBezTo>
                                  <a:pt x="151571" y="117585"/>
                                  <a:pt x="117591" y="151486"/>
                                  <a:pt x="75747" y="151486"/>
                                </a:cubicBezTo>
                                <a:cubicBezTo>
                                  <a:pt x="33903" y="151486"/>
                                  <a:pt x="0" y="117585"/>
                                  <a:pt x="0" y="75743"/>
                                </a:cubicBezTo>
                                <a:cubicBezTo>
                                  <a:pt x="0" y="33901"/>
                                  <a:pt x="33903" y="0"/>
                                  <a:pt x="75747"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2836" name="Shape 2836"/>
                        <wps:cNvSpPr/>
                        <wps:spPr>
                          <a:xfrm>
                            <a:off x="1666633" y="2835327"/>
                            <a:ext cx="151571" cy="151486"/>
                          </a:xfrm>
                          <a:custGeom>
                            <a:avLst/>
                            <a:gdLst/>
                            <a:ahLst/>
                            <a:cxnLst/>
                            <a:rect l="0" t="0" r="0" b="0"/>
                            <a:pathLst>
                              <a:path w="151571" h="151486">
                                <a:moveTo>
                                  <a:pt x="151571" y="75743"/>
                                </a:moveTo>
                                <a:cubicBezTo>
                                  <a:pt x="151571" y="33901"/>
                                  <a:pt x="117591" y="0"/>
                                  <a:pt x="75747" y="0"/>
                                </a:cubicBezTo>
                                <a:cubicBezTo>
                                  <a:pt x="33903" y="0"/>
                                  <a:pt x="0" y="33901"/>
                                  <a:pt x="0" y="75743"/>
                                </a:cubicBezTo>
                                <a:cubicBezTo>
                                  <a:pt x="0" y="117585"/>
                                  <a:pt x="33903" y="151486"/>
                                  <a:pt x="75747" y="151486"/>
                                </a:cubicBezTo>
                                <a:cubicBezTo>
                                  <a:pt x="117591" y="151486"/>
                                  <a:pt x="151571" y="117585"/>
                                  <a:pt x="151571" y="75743"/>
                                </a:cubicBezTo>
                                <a:close/>
                              </a:path>
                            </a:pathLst>
                          </a:custGeom>
                          <a:ln w="5497" cap="rnd">
                            <a:round/>
                          </a:ln>
                        </wps:spPr>
                        <wps:style>
                          <a:lnRef idx="1">
                            <a:srgbClr val="000000"/>
                          </a:lnRef>
                          <a:fillRef idx="0">
                            <a:srgbClr val="000000">
                              <a:alpha val="0"/>
                            </a:srgbClr>
                          </a:fillRef>
                          <a:effectRef idx="0">
                            <a:scrgbClr r="0" g="0" b="0"/>
                          </a:effectRef>
                          <a:fontRef idx="none"/>
                        </wps:style>
                        <wps:bodyPr/>
                      </wps:wsp>
                      <wps:wsp>
                        <wps:cNvPr id="2837" name="Rectangle 2837"/>
                        <wps:cNvSpPr/>
                        <wps:spPr>
                          <a:xfrm>
                            <a:off x="1716953" y="2855636"/>
                            <a:ext cx="67778" cy="13587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5</w:t>
                              </w:r>
                            </w:p>
                          </w:txbxContent>
                        </wps:txbx>
                        <wps:bodyPr horzOverflow="overflow" vert="horz" lIns="0" tIns="0" rIns="0" bIns="0" rtlCol="0">
                          <a:noAutofit/>
                        </wps:bodyPr>
                      </wps:wsp>
                      <wps:wsp>
                        <wps:cNvPr id="2838" name="Rectangle 2838"/>
                        <wps:cNvSpPr/>
                        <wps:spPr>
                          <a:xfrm>
                            <a:off x="4281433" y="3709071"/>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inline>
            </w:drawing>
          </mc:Choice>
          <mc:Fallback>
            <w:pict>
              <v:group id="Group 58484" o:spid="_x0000_s1478" style="width:340.65pt;height:301.9pt;mso-position-horizontal-relative:char;mso-position-vertical-relative:line" coordsize="43264,3833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">
                <v:shape id="Shape 2691" o:spid="_x0000_s1479" style="position:absolute;left:14502;width:10822;height:3679;visibility:visible;mso-wrap-style:square;v-text-anchor:top" coordsize="1082225,3679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" path="m1082225,183936c1082225,82386,839940,,541074,,242208,,,82386,,183936,,285564,242208,367950,541074,367950v298866,,541151,-82386,541151,-184014xe" filled="f" strokeweight=".15269mm">
                  <v:stroke endcap="round"/>
                  <v:path arrowok="t" textboxrect="0,0,1082225,367950"/>
                </v:shape>
                <v:rect id="Rectangle 2692" o:spid="_x0000_s1480" style="position:absolute;left:15296;top:1285;width:4944;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Windows</w:t>
                        </w:r>
                        <w:proofErr w:type="spellEnd"/>
                      </w:p>
                    </w:txbxContent>
                  </v:textbox>
                </v:rect>
                <v:rect id="Rectangle 2693" o:spid="_x0000_s1481" style="position:absolute;left:19013;top:1285;width:406;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694" o:spid="_x0000_s1482" style="position:absolute;left:19318;top:1447;width:6931;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приложение</w:t>
                        </w:r>
                      </w:p>
                    </w:txbxContent>
                  </v:textbox>
                </v:rect>
                <v:shape id="Shape 2696" o:spid="_x0000_s1483" style="position:absolute;left:13960;top:4761;width:5953;height:3247;visibility:visible;mso-wrap-style:square;v-text-anchor:top" coordsize="595235,3246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" path="m,324657r595235,l595235,,,,,324657xe" filled="f" strokeweight=".05089mm">
                  <v:stroke endcap="round"/>
                  <v:path arrowok="t" textboxrect="0,0,595235,324657"/>
                </v:shape>
                <v:rect id="Rectangle 2697" o:spid="_x0000_s1484" style="position:absolute;left:14113;top:4730;width:2236;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DLL</w:t>
                        </w:r>
                      </w:p>
                    </w:txbxContent>
                  </v:textbox>
                </v:rect>
                <v:rect id="Rectangle 2698" o:spid="_x0000_s1485" style="position:absolute;left:15794;top:4730;width:338;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2699" o:spid="_x0000_s1486" style="position:absolute;left:15986;top:4893;width:5102;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ериода </w:t>
                        </w:r>
                      </w:p>
                    </w:txbxContent>
                  </v:textbox>
                </v:rect>
                <v:rect id="Rectangle 2700" o:spid="_x0000_s1487" style="position:absolute;left:14202;top:5992;width:6937;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выполнения</w:t>
                        </w:r>
                      </w:p>
                    </w:txbxContent>
                  </v:textbox>
                </v:rect>
                <v:rect id="Rectangle 2701" o:spid="_x0000_s1488" style="position:absolute;left:19417;top:5830;width:339;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2702" o:spid="_x0000_s1489" style="position:absolute;left:14322;top:6929;width:405;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03" o:spid="_x0000_s1490" style="position:absolute;left:14627;top:6929;width:2505;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CRT</w:t>
                        </w:r>
                      </w:p>
                    </w:txbxContent>
                  </v:textbox>
                </v:rect>
                <v:rect id="Rectangle 58208" o:spid="_x0000_s1491" style="position:absolute;left:16510;top:6929;width:406;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8215" o:spid="_x0000_s1492" style="position:absolute;left:16815;top:6929;width:339;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2705" o:spid="_x0000_s1493" style="position:absolute;left:17070;top:7092;width:2083;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ля</w:t>
                        </w:r>
                      </w:p>
                    </w:txbxContent>
                  </v:textbox>
                </v:rect>
                <v:rect id="Rectangle 2706" o:spid="_x0000_s1494" style="position:absolute;left:18635;top:6929;width:339;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2707" o:spid="_x0000_s1495" style="position:absolute;left:18890;top:6929;width:880;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C</w:t>
                        </w:r>
                      </w:p>
                    </w:txbxContent>
                  </v:textbox>
                </v:rect>
                <v:shape id="Shape 2709" o:spid="_x0000_s1496" style="position:absolute;left:20995;top:4761;width:4194;height:3247;visibility:visible;mso-wrap-style:square;v-text-anchor:top" coordsize="419367,3246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" path="m,324657r419367,l419367,,,,,324657xe" filled="f" strokeweight=".05089mm">
                  <v:stroke endcap="round"/>
                  <v:path arrowok="t" textboxrect="0,0,419367,324657"/>
                </v:shape>
                <v:rect id="Rectangle 2710" o:spid="_x0000_s1497" style="position:absolute;left:21148;top:5280;width:5282;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Windows</w:t>
                        </w:r>
                        <w:proofErr w:type="spellEnd"/>
                        <w:r>
                          <w:rPr>
                            <w:rFonts w:ascii="Arial" w:eastAsia="Arial" w:hAnsi="Arial" w:cs="Arial"/>
                            <w:sz w:val="14"/>
                          </w:rPr>
                          <w:t xml:space="preserve"> </w:t>
                        </w:r>
                      </w:p>
                    </w:txbxContent>
                  </v:textbox>
                </v:rect>
                <v:rect id="Rectangle 2711" o:spid="_x0000_s1498" style="position:absolute;left:22251;top:6380;width:2236;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LL</w:t>
                        </w:r>
                      </w:p>
                    </w:txbxContent>
                  </v:textbox>
                </v:rect>
                <v:shape id="Shape 2712" o:spid="_x0000_s1499" style="position:absolute;left:2597;top:20994;width:36796;height:0;visibility:visible;mso-wrap-style:square;v-text-anchor:top" coordsize="367961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" path="m,l3679619,e" filled="f" strokeweight=".45811mm">
                  <v:stroke endcap="round"/>
                  <v:path arrowok="t" textboxrect="0,0,3679619,0"/>
                </v:shape>
                <v:rect id="Rectangle 2713" o:spid="_x0000_s1500" style="position:absolute;left:29585;top:19838;width:14576;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v:textbox>
                </v:rect>
                <v:rect id="Rectangle 2714" o:spid="_x0000_s1501" style="position:absolute;left:29619;top:21365;width:6890;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Режим ядра</w:t>
                        </w:r>
                      </w:p>
                    </w:txbxContent>
                  </v:textbox>
                </v:rect>
                <v:shape id="Shape 2715" o:spid="_x0000_s1502" style="position:absolute;left:12337;top:1882;width:2166;height:4359;visibility:visible;mso-wrap-style:square;v-text-anchor:top" coordsize="216628,4359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" path="m216628,c96975,,,128962,,287931v,63908,37492,121860,95830,148050e" filled="f" strokeweight=".15269mm">
                  <v:stroke endcap="round"/>
                  <v:path arrowok="t" textboxrect="0,0,216628,435981"/>
                </v:shape>
                <v:shape id="Shape 2716" o:spid="_x0000_s1503" style="position:absolute;left:13183;top:5986;width:777;height:484;visibility:visible;mso-wrap-style:square;v-text-anchor:top" coordsize="77733,484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" path="m10308,l77733,39780,,48408,10308,xe" fillcolor="black" stroked="f" strokeweight="0">
                  <v:stroke endcap="round"/>
                  <v:path arrowok="t" textboxrect="0,0,77733,48408"/>
                </v:shape>
                <v:shape id="Shape 2717" o:spid="_x0000_s1504" style="position:absolute;left:15584;top:8008;width:7355;height:2164;visibility:visible;mso-wrap-style:square;v-text-anchor:top" coordsize="735559,2164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" path="m,c,119494,193797,216464,432875,216464v138055,,260381,-60702,302684,-150189e" filled="f" strokeweight=".15269mm">
                  <v:stroke endcap="round"/>
                  <v:path arrowok="t" textboxrect="0,0,735559,216464"/>
                </v:shape>
                <v:shape id="Shape 2718" o:spid="_x0000_s1505" style="position:absolute;left:22684;top:8008;width:482;height:778;visibility:visible;mso-wrap-style:square;v-text-anchor:top" coordsize="48182,778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" path="m40775,r7407,77881l,66733,40775,xe" fillcolor="black" stroked="f" strokeweight="0">
                  <v:stroke endcap="round"/>
                  <v:path arrowok="t" textboxrect="0,0,48182,77881"/>
                </v:shape>
                <v:shape id="Shape 2719" o:spid="_x0000_s1506" style="position:absolute;width:1515;height:1514;visibility:visible;mso-wrap-style:square;v-text-anchor:top" coordsize="151518,1514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" path="m75755,v41844,,75763,33901,75763,75743c151518,117585,117599,151486,75755,151486,33918,151486,,117585,,75743,,33901,33918,,75755,xe" fillcolor="#a6a6a6" stroked="f" strokeweight="0">
                  <v:stroke endcap="round"/>
                  <v:path arrowok="t" textboxrect="0,0,151518,151486"/>
                </v:shape>
                <v:shape id="Shape 2720" o:spid="_x0000_s1507" style="position:absolute;width:1515;height:1514;visibility:visible;mso-wrap-style:square;v-text-anchor:top" coordsize="151518,1514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" path="m151518,75743c151518,33901,117599,,75755,,33918,,,33901,,75743v,41842,33918,75743,75755,75743c117599,151486,151518,117585,151518,75743xe" filled="f" strokeweight=".15269mm">
                  <v:stroke endcap="round"/>
                  <v:path arrowok="t" textboxrect="0,0,151518,151486"/>
                </v:shape>
                <v:rect id="Rectangle 2721" o:spid="_x0000_s1508" style="position:absolute;left:502;top:203;width:678;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rect id="Rectangle 2722" o:spid="_x0000_s1509" style="position:absolute;left:2086;top:196;width:1016;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fp</w:t>
                        </w:r>
                        <w:proofErr w:type="spellEnd"/>
                      </w:p>
                    </w:txbxContent>
                  </v:textbox>
                </v:rect>
                <v:rect id="Rectangle 2723" o:spid="_x0000_s1510" style="position:absolute;left:2850;top:196;width:711;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24" o:spid="_x0000_s1511" style="position:absolute;left:3385;top:196;width:3050;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fopen</w:t>
                        </w:r>
                        <w:proofErr w:type="spellEnd"/>
                      </w:p>
                    </w:txbxContent>
                  </v:textbox>
                </v:rect>
                <v:rect id="Rectangle 2725" o:spid="_x0000_s1512" style="position:absolute;left:5678;top:196;width:406;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26" o:spid="_x0000_s1513" style="position:absolute;left:5983;top:359;width:1286;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w:t>
                        </w:r>
                      </w:p>
                    </w:txbxContent>
                  </v:textbox>
                </v:rect>
                <v:rect id="Rectangle 2727" o:spid="_x0000_s1514" style="position:absolute;left:6950;top:196;width:338;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28" o:spid="_x0000_s1515" style="position:absolute;left:7204;top:196;width:339;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29" o:spid="_x0000_s1516" style="position:absolute;left:7459;top:196;width:3182;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myfile</w:t>
                        </w:r>
                        <w:proofErr w:type="spellEnd"/>
                      </w:p>
                    </w:txbxContent>
                  </v:textbox>
                </v:rect>
                <v:rect id="Rectangle 2730" o:spid="_x0000_s1517" style="position:absolute;left:9852;top:196;width:338;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31" o:spid="_x0000_s1518" style="position:absolute;left:10107;top:359;width:2100;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at</w:t>
                        </w:r>
                        <w:proofErr w:type="spellEnd"/>
                        <w:r>
                          <w:rPr>
                            <w:rFonts w:ascii="Arial" w:eastAsia="Arial" w:hAnsi="Arial" w:cs="Arial"/>
                            <w:sz w:val="14"/>
                          </w:rPr>
                          <w:t>”</w:t>
                        </w:r>
                      </w:p>
                    </w:txbxContent>
                  </v:textbox>
                </v:rect>
                <v:rect id="Rectangle 2732" o:spid="_x0000_s1519" style="position:absolute;left:11685;top:196;width:339;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33" o:spid="_x0000_s1520" style="position:absolute;left:11940;top:196;width:406;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r</w:t>
                        </w:r>
                      </w:p>
                    </w:txbxContent>
                  </v:textbox>
                </v:rect>
                <v:rect id="Rectangle 2734" o:spid="_x0000_s1521" style="position:absolute;left:12245;top:196;width:406;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35" o:spid="_x0000_s1522" style="position:absolute;left:26153;top:572;width:7255;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v:textbox>
                </v:rect>
                <v:rect id="Rectangle 2736" o:spid="_x0000_s1523" style="position:absolute;left:26895;top:1510;width:4944;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Windows</w:t>
                        </w:r>
                        <w:proofErr w:type="spellEnd"/>
                      </w:p>
                    </w:txbxContent>
                  </v:textbox>
                </v:rect>
                <v:rect id="Rectangle 2737" o:spid="_x0000_s1524" style="position:absolute;left:3269;top:9299;width:5622;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CreateFile</w:t>
                        </w:r>
                        <w:proofErr w:type="spellEnd"/>
                      </w:p>
                    </w:txbxContent>
                  </v:textbox>
                </v:rect>
                <v:rect id="Rectangle 2738" o:spid="_x0000_s1525" style="position:absolute;left:7496;top:9299;width:406;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39" o:spid="_x0000_s1526" style="position:absolute;left:7801;top:9461;width:1285;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D</w:t>
                        </w:r>
                      </w:p>
                    </w:txbxContent>
                  </v:textbox>
                </v:rect>
                <v:rect id="Rectangle 2740" o:spid="_x0000_s1527" style="position:absolute;left:8767;top:9299;width:339;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41" o:spid="_x0000_s1528" style="position:absolute;left:9022;top:9299;width:339;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42" o:spid="_x0000_s1529" style="position:absolute;left:9277;top:9299;width:3182;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myfile</w:t>
                        </w:r>
                        <w:proofErr w:type="spellEnd"/>
                      </w:p>
                    </w:txbxContent>
                  </v:textbox>
                </v:rect>
                <v:rect id="Rectangle 2743" o:spid="_x0000_s1530" style="position:absolute;left:11670;top:9299;width:338;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44" o:spid="_x0000_s1531" style="position:absolute;left:11924;top:9461;width:2100;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at</w:t>
                        </w:r>
                        <w:proofErr w:type="spellEnd"/>
                        <w:r>
                          <w:rPr>
                            <w:rFonts w:ascii="Arial" w:eastAsia="Arial" w:hAnsi="Arial" w:cs="Arial"/>
                            <w:sz w:val="14"/>
                          </w:rPr>
                          <w:t>”</w:t>
                        </w:r>
                      </w:p>
                    </w:txbxContent>
                  </v:textbox>
                </v:rect>
                <v:rect id="Rectangle 2745" o:spid="_x0000_s1532" style="position:absolute;left:13503;top:9299;width:339;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46" o:spid="_x0000_s1533" style="position:absolute;left:13757;top:9461;width:1219;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47" o:spid="_x0000_s1534" style="position:absolute;left:14674;top:9299;width:405;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48" o:spid="_x0000_s1535" style="position:absolute;left:13133;top:16429;width:6840;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NtCreateFile</w:t>
                        </w:r>
                        <w:proofErr w:type="spellEnd"/>
                      </w:p>
                    </w:txbxContent>
                  </v:textbox>
                </v:rect>
                <v:rect id="Rectangle 2749" o:spid="_x0000_s1536" style="position:absolute;left:18276;top:16429;width:406;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50" o:spid="_x0000_s1537" style="position:absolute;left:18581;top:16591;width:1286;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D</w:t>
                        </w:r>
                      </w:p>
                    </w:txbxContent>
                  </v:textbox>
                </v:rect>
                <v:rect id="Rectangle 2751" o:spid="_x0000_s1538" style="position:absolute;left:19548;top:16429;width:338;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52" o:spid="_x0000_s1539" style="position:absolute;left:19803;top:16429;width:338;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53" o:spid="_x0000_s1540" style="position:absolute;left:20057;top:16429;width:3182;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myfile</w:t>
                        </w:r>
                        <w:proofErr w:type="spellEnd"/>
                      </w:p>
                    </w:txbxContent>
                  </v:textbox>
                </v:rect>
                <v:rect id="Rectangle 2754" o:spid="_x0000_s1541" style="position:absolute;left:22450;top:16429;width:339;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55" o:spid="_x0000_s1542" style="position:absolute;left:22704;top:16591;width:2100;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at</w:t>
                        </w:r>
                        <w:proofErr w:type="spellEnd"/>
                        <w:r>
                          <w:rPr>
                            <w:rFonts w:ascii="Arial" w:eastAsia="Arial" w:hAnsi="Arial" w:cs="Arial"/>
                            <w:sz w:val="14"/>
                          </w:rPr>
                          <w:t>”</w:t>
                        </w:r>
                      </w:p>
                    </w:txbxContent>
                  </v:textbox>
                </v:rect>
                <v:rect id="Rectangle 2756" o:spid="_x0000_s1543" style="position:absolute;left:24283;top:16429;width:339;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57" o:spid="_x0000_s1544" style="position:absolute;left:24538;top:16591;width:1219;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58" o:spid="_x0000_s1545" style="position:absolute;left:25455;top:16429;width:406;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2759" o:spid="_x0000_s1546" style="position:absolute;left:1515;top:9089;width:1515;height:1516;visibility:visible;mso-wrap-style:square;v-text-anchor:top" coordsize="151510,1515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" path="m75755,v41837,,75755,33901,75755,75743c151510,117585,117592,151562,75755,151562,33911,151562,,117585,,75743,,33901,33911,,75755,xe" fillcolor="#a6a6a6" stroked="f" strokeweight="0">
                  <v:stroke endcap="round"/>
                  <v:path arrowok="t" textboxrect="0,0,151510,151562"/>
                </v:shape>
                <v:shape id="Shape 2760" o:spid="_x0000_s1547" style="position:absolute;left:1515;top:9089;width:1515;height:1516;visibility:visible;mso-wrap-style:square;v-text-anchor:top" coordsize="151510,1515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" path="m151510,75743c151510,33901,117592,,75755,,33911,,,33901,,75743v,41842,33911,75819,75755,75819c117592,151562,151510,117585,151510,75743xe" filled="f" strokeweight=".15269mm">
                  <v:stroke endcap="round"/>
                  <v:path arrowok="t" textboxrect="0,0,151510,151562"/>
                </v:shape>
                <v:rect id="Rectangle 2761" o:spid="_x0000_s1548" style="position:absolute;left:2017;top:9293;width:678;height:1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shape id="Shape 2762" o:spid="_x0000_s1549" style="position:absolute;left:11255;top:16232;width:1515;height:1515;visibility:visible;mso-wrap-style:square;v-text-anchor:top" coordsize="151495,1514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" path="m75747,v41845,,75748,33901,75748,75743c151495,117585,117592,151486,75747,151486,33903,151486,,117585,,75743,,33901,33903,,75747,xe" fillcolor="#a6a6a6" stroked="f" strokeweight="0">
                  <v:stroke endcap="round"/>
                  <v:path arrowok="t" textboxrect="0,0,151495,151486"/>
                </v:shape>
                <v:shape id="Shape 2763" o:spid="_x0000_s1550" style="position:absolute;left:11255;top:16232;width:1515;height:1515;visibility:visible;mso-wrap-style:square;v-text-anchor:top" coordsize="151495,1514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" path="m151495,75743c151495,33901,117592,,75747,,33903,,,33901,,75743v,41842,33903,75743,75747,75743c117592,151486,151495,117585,151495,75743xe" filled="f" strokeweight=".15269mm">
                  <v:stroke endcap="round"/>
                  <v:path arrowok="t" textboxrect="0,0,151495,151486"/>
                </v:shape>
                <v:rect id="Rectangle 2764" o:spid="_x0000_s1551" style="position:absolute;left:11758;top:16435;width:677;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3</w:t>
                        </w:r>
                      </w:p>
                    </w:txbxContent>
                  </v:textbox>
                </v:rect>
                <v:shape id="Shape 2765" o:spid="_x0000_s1552" style="position:absolute;left:2597;top:25322;width:40043;height:12554;visibility:visible;mso-wrap-style:square;v-text-anchor:top" coordsize="4004294,12553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" path="m162338,l3841957,v89644,,162337,72689,162337,162328l4004294,1093014v,89648,-72693,162326,-162337,162326l162338,1255340c72678,1255340,,1182662,,1093014l,162328c,72689,72678,,162338,xe" fillcolor="#d9d9d9" stroked="f" strokeweight="0">
                  <v:stroke endcap="round"/>
                  <v:path arrowok="t" textboxrect="0,0,4004294,1255340"/>
                </v:shape>
                <v:shape id="Shape 2766" o:spid="_x0000_s1553" style="position:absolute;left:2597;top:25322;width:40043;height:12554;visibility:visible;mso-wrap-style:square;v-text-anchor:top" coordsize="4004294,12553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" path="m162338,1255340r3679619,c3931601,1255340,4004294,1182662,4004294,1093014v,,,,,l4004294,162328c4004294,72689,3931601,,3841957,l162338,c72678,,,72689,,162328r,l,1093014v,89648,72678,162326,162338,162326xe" filled="f" strokeweight=".05089mm">
                  <v:stroke endcap="round"/>
                  <v:path arrowok="t" textboxrect="0,0,4004294,1255340"/>
                </v:shape>
                <v:rect id="Rectangle 2767" o:spid="_x0000_s1554" style="position:absolute;left:18262;top:26259;width:11589;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Системные сервисы</w:t>
                        </w:r>
                      </w:p>
                    </w:txbxContent>
                  </v:textbox>
                </v:rect>
                <v:rect id="Rectangle 2768" o:spid="_x0000_s1555" style="position:absolute;left:21511;top:36155;width:2946;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4"/>
                          </w:rPr>
                          <w:t>Ядро</w:t>
                        </w:r>
                      </w:p>
                    </w:txbxContent>
                  </v:textbox>
                </v:rect>
                <v:shape id="Shape 69387" o:spid="_x0000_s1556" style="position:absolute;left:8008;top:27487;width:5412;height:7034;visibility:visible;mso-wrap-style:square;v-text-anchor:top" coordsize="541120,7034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" path="m,l541120,r,703419l,703419,,e" stroked="f" strokeweight="0">
                  <v:stroke endcap="round"/>
                  <v:path arrowok="t" textboxrect="0,0,541120,703419"/>
                </v:shape>
                <v:shape id="Shape 2770" o:spid="_x0000_s1557" style="position:absolute;left:8008;top:27487;width:5412;height:7034;visibility:visible;mso-wrap-style:square;v-text-anchor:top" coordsize="541120,7034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" path="m,703419r541120,l541120,,,,,703419xe" filled="f" strokeweight=".05089mm">
                  <v:stroke endcap="round"/>
                  <v:path arrowok="t" textboxrect="0,0,541120,703419"/>
                </v:shape>
                <v:rect id="Rectangle 2771" o:spid="_x0000_s1558" style="position:absolute;left:8722;top:31161;width:5299;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Монитор </w:t>
                        </w:r>
                      </w:p>
                    </w:txbxContent>
                  </v:textbox>
                </v:rect>
                <v:rect id="Rectangle 2772" o:spid="_x0000_s1559" style="position:absolute;left:8404;top:32261;width:6145;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остояния </w:t>
                        </w:r>
                      </w:p>
                    </w:txbxContent>
                  </v:textbox>
                </v:rect>
                <v:rect id="Rectangle 2773" o:spid="_x0000_s1560" style="position:absolute;left:9077;top:33360;width:4354;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защиты</w:t>
                        </w:r>
                      </w:p>
                    </w:txbxContent>
                  </v:textbox>
                </v:rect>
                <v:shape id="Shape 69388" o:spid="_x0000_s1561" style="position:absolute;left:2597;top:27487;width:5411;height:7034;visibility:visible;mso-wrap-style:square;v-text-anchor:top" coordsize="541120,7034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" path="m,l541120,r,703419l,703419,,e" stroked="f" strokeweight="0">
                  <v:stroke endcap="round"/>
                  <v:path arrowok="t" textboxrect="0,0,541120,703419"/>
                </v:shape>
                <v:shape id="Shape 2775" o:spid="_x0000_s1562" style="position:absolute;left:2597;top:27487;width:5411;height:7034;visibility:visible;mso-wrap-style:square;v-text-anchor:top" coordsize="541120,7034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" path="m,703419r541120,l541120,,,,,703419xe" filled="f" strokeweight=".05089mm">
                  <v:stroke endcap="round"/>
                  <v:path arrowok="t" textboxrect="0,0,541120,703419"/>
                </v:shape>
                <v:rect id="Rectangle 2776" o:spid="_x0000_s1563" style="position:absolute;left:2919;top:32261;width:6341;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v:textbox>
                </v:rect>
                <v:rect id="Rectangle 2777" o:spid="_x0000_s1564" style="position:absolute;left:3336;top:33360;width:5231;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объектов</w:t>
                        </w:r>
                      </w:p>
                    </w:txbxContent>
                  </v:textbox>
                </v:rect>
                <v:shape id="Shape 69389" o:spid="_x0000_s1565" style="position:absolute;left:13419;top:27487;width:5411;height:7034;visibility:visible;mso-wrap-style:square;v-text-anchor:top" coordsize="541120,7034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" path="m,l541120,r,703419l,703419,,e" stroked="f" strokeweight="0">
                  <v:stroke endcap="round"/>
                  <v:path arrowok="t" textboxrect="0,0,541120,703419"/>
                </v:shape>
                <v:shape id="Shape 2779" o:spid="_x0000_s1566" style="position:absolute;left:13419;top:27487;width:5411;height:7034;visibility:visible;mso-wrap-style:square;v-text-anchor:top" coordsize="541120,7034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" path="m,703419r541120,l541120,,,,,703419xe" filled="f" strokeweight=".05089mm">
                  <v:stroke endcap="round"/>
                  <v:path arrowok="t" textboxrect="0,0,541120,703419"/>
                </v:shape>
                <v:shape id="Shape 69390" o:spid="_x0000_s1567" style="position:absolute;left:18831;top:27487;width:5411;height:7034;visibility:visible;mso-wrap-style:square;v-text-anchor:top" coordsize="541120,7034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" path="m,l541120,r,703419l,703419,,e" stroked="f" strokeweight="0">
                  <v:stroke endcap="round"/>
                  <v:path arrowok="t" textboxrect="0,0,541120,703419"/>
                </v:shape>
                <v:shape id="Shape 2781" o:spid="_x0000_s1568" style="position:absolute;left:18831;top:27487;width:5411;height:7034;visibility:visible;mso-wrap-style:square;v-text-anchor:top" coordsize="541120,7034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" path="m,703419r541120,l541120,,,,,703419xe" filled="f" strokeweight=".05089mm">
                  <v:stroke endcap="round"/>
                  <v:path arrowok="t" textboxrect="0,0,541120,703419"/>
                </v:shape>
                <v:rect id="Rectangle 2782" o:spid="_x0000_s1569" style="position:absolute;left:19254;top:32261;width:5731;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Механизм</w:t>
                        </w:r>
                      </w:p>
                    </w:txbxContent>
                  </v:textbox>
                </v:rect>
                <v:rect id="Rectangle 2783" o:spid="_x0000_s1570" style="position:absolute;left:23563;top:32099;width:339;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2784" o:spid="_x0000_s1571" style="position:absolute;left:20645;top:33198;width:2371;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LPC</w:t>
                        </w:r>
                      </w:p>
                    </w:txbxContent>
                  </v:textbox>
                </v:rect>
                <v:shape id="Shape 69391" o:spid="_x0000_s1572" style="position:absolute;left:24242;top:27487;width:6088;height:7034;visibility:visible;mso-wrap-style:square;v-text-anchor:top" coordsize="608759,7034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" path="m,l608759,r,703419l,703419,,e" stroked="f" strokeweight="0">
                  <v:stroke endcap="round"/>
                  <v:path arrowok="t" textboxrect="0,0,608759,703419"/>
                </v:shape>
                <v:shape id="Shape 2786" o:spid="_x0000_s1573" style="position:absolute;left:24242;top:27487;width:6088;height:7034;visibility:visible;mso-wrap-style:square;v-text-anchor:top" coordsize="608759,7034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" path="m,703419r608759,l608759,,,,,703419xe" filled="f" strokeweight=".05089mm">
                  <v:stroke endcap="round"/>
                  <v:path arrowok="t" textboxrect="0,0,608759,703419"/>
                </v:shape>
                <v:rect id="Rectangle 2787" o:spid="_x0000_s1574" style="position:absolute;left:24902;top:31161;width:6341;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v:textbox>
                </v:rect>
                <v:rect id="Rectangle 2788" o:spid="_x0000_s1575" style="position:absolute;left:24441;top:32261;width:7567;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иртуальной </w:t>
                        </w:r>
                      </w:p>
                    </w:txbxContent>
                  </v:textbox>
                </v:rect>
                <v:rect id="Rectangle 2789" o:spid="_x0000_s1576" style="position:absolute;left:25754;top:33360;width:4075;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амяти</w:t>
                        </w:r>
                      </w:p>
                    </w:txbxContent>
                  </v:textbox>
                </v:rect>
                <v:shape id="Shape 2790" o:spid="_x0000_s1577" style="position:absolute;left:30329;top:27487;width:9064;height:0;visibility:visible;mso-wrap-style:square;v-text-anchor:top" coordsize="90637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" path="m,l906372,e" filled="f" strokeweight=".15269mm">
                  <v:stroke endcap="round"/>
                  <v:path arrowok="t" textboxrect="0,0,906372,0"/>
                </v:shape>
                <v:shape id="Shape 2791" o:spid="_x0000_s1578" style="position:absolute;left:30303;top:34521;width:26;height:3355;visibility:visible;mso-wrap-style:square;v-text-anchor:top" coordsize="2672,3354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" path="m2672,l,335474e" filled="f" strokeweight=".15269mm">
                  <v:stroke endcap="round"/>
                  <v:path arrowok="t" textboxrect="0,0,2672,335474"/>
                </v:shape>
                <v:rect id="Rectangle 2792" o:spid="_x0000_s1579" style="position:absolute;left:33559;top:27627;width:6340;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v:textbox>
                </v:rect>
                <v:rect id="Rectangle 2793" o:spid="_x0000_s1580" style="position:absolute;left:32806;top:28726;width:3361;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2794" o:spid="_x0000_s1581" style="position:absolute;left:35333;top:28564;width:406;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795" o:spid="_x0000_s1582" style="position:absolute;left:35639;top:28726;width:4237;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69392" o:spid="_x0000_s1583" style="position:absolute;left:30735;top:29651;width:8658;height:4329;visibility:visible;mso-wrap-style:square;v-text-anchor:top" coordsize="865826,43287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" path="m,l865826,r,432873l,432873,,e" stroked="f" strokeweight="0">
                  <v:stroke endcap="round"/>
                  <v:path arrowok="t" textboxrect="0,0,865826,432873"/>
                </v:shape>
                <v:shape id="Shape 2797" o:spid="_x0000_s1584" style="position:absolute;left:30735;top:29651;width:8658;height:4329;visibility:visible;mso-wrap-style:square;v-text-anchor:top" coordsize="865826,43287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" path="m,432873r865826,l865826,,,,,432873xe" filled="f" strokeweight=".05089mm">
                  <v:stroke endcap="round"/>
                  <v:path arrowok="t" textboxrect="0,0,865826,432873"/>
                </v:shape>
                <v:rect id="Rectangle 2798" o:spid="_x0000_s1585" style="position:absolute;left:30905;top:30324;width:11063;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Файловые системы</w:t>
                        </w:r>
                      </w:p>
                    </w:txbxContent>
                  </v:textbox>
                </v:rect>
                <v:shape id="Shape 69393" o:spid="_x0000_s1586" style="position:absolute;left:31818;top:31166;width:8225;height:4329;visibility:visible;mso-wrap-style:square;v-text-anchor:top" coordsize="822530,43287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" path="m,l822530,r,432873l,432873,,e" stroked="f" strokeweight="0">
                  <v:stroke endcap="round"/>
                  <v:path arrowok="t" textboxrect="0,0,822530,432873"/>
                </v:shape>
                <v:shape id="Shape 2800" o:spid="_x0000_s1587" style="position:absolute;left:31818;top:31166;width:8225;height:4329;visibility:visible;mso-wrap-style:square;v-text-anchor:top" coordsize="822530,43287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" path="m,432873r822530,l822530,,,,,432873xe" filled="f" strokeweight=".05089mm">
                  <v:stroke endcap="round"/>
                  <v:path arrowok="t" textboxrect="0,0,822530,432873"/>
                </v:shape>
                <v:rect id="Rectangle 2801" o:spid="_x0000_s1588" style="position:absolute;left:32490;top:31289;width:9150;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 кэша</w:t>
                        </w:r>
                      </w:p>
                    </w:txbxContent>
                  </v:textbox>
                </v:rect>
                <v:shape id="Shape 69394" o:spid="_x0000_s1589" style="position:absolute;left:32900;top:32248;width:8225;height:4329;visibility:visible;mso-wrap-style:square;v-text-anchor:top" coordsize="822531,4328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" path="m,l822531,r,432874l,432874,,e" stroked="f" strokeweight="0">
                  <v:stroke endcap="round"/>
                  <v:path arrowok="t" textboxrect="0,0,822531,432874"/>
                </v:shape>
                <v:shape id="Shape 2803" o:spid="_x0000_s1590" style="position:absolute;left:32900;top:32248;width:8225;height:4329;visibility:visible;mso-wrap-style:square;v-text-anchor:top" coordsize="822531,4328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" path="m,432874r822531,l822531,,,,,432874xe" filled="f" strokeweight=".05089mm">
                  <v:stroke endcap="round"/>
                  <v:path arrowok="t" textboxrect="0,0,822531,432874"/>
                </v:shape>
                <v:rect id="Rectangle 2804" o:spid="_x0000_s1591" style="position:absolute;left:34727;top:32371;width:6079;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райверы </w:t>
                        </w:r>
                      </w:p>
                    </w:txbxContent>
                  </v:textbox>
                </v:rect>
                <v:rect id="Rectangle 2805" o:spid="_x0000_s1592" style="position:absolute;left:34896;top:33471;width:5628;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устройств</w:t>
                        </w:r>
                      </w:p>
                    </w:txbxContent>
                  </v:textbox>
                </v:rect>
                <v:shape id="Shape 69395" o:spid="_x0000_s1593" style="position:absolute;left:33982;top:34413;width:8008;height:2813;visibility:visible;mso-wrap-style:square;v-text-anchor:top" coordsize="800845,2813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" path="m,l800845,r,281364l,281364,,e" stroked="f" strokeweight="0">
                  <v:stroke endcap="round"/>
                  <v:path arrowok="t" textboxrect="0,0,800845,281364"/>
                </v:shape>
                <v:shape id="Shape 2807" o:spid="_x0000_s1594" style="position:absolute;left:33982;top:34413;width:8008;height:2813;visibility:visible;mso-wrap-style:square;v-text-anchor:top" coordsize="800845,2813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" path="m,281364r800845,l800845,,,,,281364xe" filled="f" strokeweight=".05089mm">
                  <v:stroke endcap="round"/>
                  <v:path arrowok="t" textboxrect="0,0,800845,281364"/>
                </v:shape>
                <v:rect id="Rectangle 2808" o:spid="_x0000_s1595" style="position:absolute;left:35981;top:34878;width:5334;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етевые </w:t>
                        </w:r>
                      </w:p>
                    </w:txbxContent>
                  </v:textbox>
                </v:rect>
                <v:rect id="Rectangle 2809" o:spid="_x0000_s1596" style="position:absolute;left:35871;top:35977;width:5627;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ы</w:t>
                        </w:r>
                      </w:p>
                    </w:txbxContent>
                  </v:textbox>
                </v:rect>
                <v:shape id="Shape 2810" o:spid="_x0000_s1597" style="position:absolute;left:24242;top:8008;width:9197;height:19068;visibility:visible;mso-wrap-style:square;v-text-anchor:top" coordsize="919735,19068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" path="m,c268476,855622,664164,1675969,919735,1906863e" filled="f" strokeweight=".15269mm">
                  <v:stroke endcap="round"/>
                  <v:path arrowok="t" textboxrect="0,0,919735,1906863"/>
                </v:shape>
                <v:shape id="Shape 2811" o:spid="_x0000_s1598" style="position:absolute;left:33241;top:26842;width:741;height:645;visibility:visible;mso-wrap-style:square;v-text-anchor:top" coordsize="74068,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" path="m29856,l74068,64519,,39399,29856,xe" fillcolor="black" stroked="f" strokeweight="0">
                  <v:stroke endcap="round"/>
                  <v:path arrowok="t" textboxrect="0,0,74068,64519"/>
                </v:shape>
                <v:shape id="Shape 2812" o:spid="_x0000_s1599" style="position:absolute;left:28138;top:11254;width:1515;height:1515;visibility:visible;mso-wrap-style:square;v-text-anchor:top" coordsize="151495,1514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" path="m75747,v41845,,75748,33901,75748,75743c151495,117585,117592,151486,75747,151486,33903,151486,,117585,,75743,,33901,33903,,75747,xe" fillcolor="#a6a6a6" stroked="f" strokeweight="0">
                  <v:stroke endcap="round"/>
                  <v:path arrowok="t" textboxrect="0,0,151495,151486"/>
                </v:shape>
                <v:shape id="Shape 2813" o:spid="_x0000_s1600" style="position:absolute;left:28138;top:11254;width:1515;height:1515;visibility:visible;mso-wrap-style:square;v-text-anchor:top" coordsize="151495,1514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" path="m151495,75743c151495,33901,117592,,75747,,33903,,,33901,,75743v,41842,33903,75743,75747,75743c117592,151486,151495,117585,151495,75743xe" filled="f" strokeweight=".15269mm">
                  <v:stroke endcap="round"/>
                  <v:path arrowok="t" textboxrect="0,0,151495,151486"/>
                </v:shape>
                <v:rect id="Rectangle 2814" o:spid="_x0000_s1601" style="position:absolute;left:28640;top:11457;width:678;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6</w:t>
                        </w:r>
                      </w:p>
                    </w:txbxContent>
                  </v:textbox>
                </v:rect>
                <v:rect id="Rectangle 2815" o:spid="_x0000_s1602" style="position:absolute;left:30287;top:11076;width:11209;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ернуть описатель </w:t>
                        </w:r>
                      </w:p>
                    </w:txbxContent>
                  </v:textbox>
                </v:rect>
                <v:rect id="Rectangle 2816" o:spid="_x0000_s1603" style="position:absolute;left:32964;top:12175;width:3750;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файла</w:t>
                        </w:r>
                      </w:p>
                    </w:txbxContent>
                  </v:textbox>
                </v:rect>
                <v:shape id="Shape 2817" o:spid="_x0000_s1604" style="position:absolute;left:33982;top:13419;width:2164;height:14068;visibility:visible;mso-wrap-style:square;v-text-anchor:top" coordsize="216476,14068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" path="m216476,1406822c132253,642824,35354,12904,,e" filled="f" strokeweight=".15269mm">
                  <v:stroke endcap="round"/>
                  <v:path arrowok="t" textboxrect="0,0,216476,1406822"/>
                </v:shape>
                <v:shape id="Shape 2818" o:spid="_x0000_s1605" style="position:absolute;left:25875;top:2676;width:6592;height:7929;visibility:visible;mso-wrap-style:square;v-text-anchor:top" coordsize="659125,792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" path="m659125,792936c502438,509433,220523,170269,,e" filled="f" strokeweight=".15269mm">
                  <v:stroke endcap="round"/>
                  <v:path arrowok="t" textboxrect="0,0,659125,792936"/>
                </v:shape>
                <v:shape id="Shape 2819" o:spid="_x0000_s1606" style="position:absolute;left:25324;top:2278;width:747;height:635;visibility:visible;mso-wrap-style:square;v-text-anchor:top" coordsize="74678,635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" path="m,l74678,23364,45739,63527,,xe" fillcolor="black" stroked="f" strokeweight="0">
                  <v:stroke endcap="round"/>
                  <v:path arrowok="t" textboxrect="0,0,74678,63527"/>
                </v:shape>
                <v:shape id="Shape 2820" o:spid="_x0000_s1607" style="position:absolute;left:3246;top:28136;width:1515;height:1515;visibility:visible;mso-wrap-style:square;v-text-anchor:top" coordsize="151510,1514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" path="m75755,v41837,,75755,33901,75755,75743c151510,117585,117592,151486,75755,151486,33918,151486,,117585,,75743,,33901,33918,,75755,xe" fillcolor="#a6a6a6" stroked="f" strokeweight="0">
                  <v:stroke endcap="round"/>
                  <v:path arrowok="t" textboxrect="0,0,151510,151486"/>
                </v:shape>
                <v:shape id="Shape 2821" o:spid="_x0000_s1608" style="position:absolute;left:3246;top:28136;width:1515;height:1515;visibility:visible;mso-wrap-style:square;v-text-anchor:top" coordsize="151510,1514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" path="m151510,75743c151510,33901,117592,,75755,,33918,,,33901,,75743v,41842,33918,75743,75755,75743c117592,151486,151510,117585,151510,75743xe" filled="f" strokeweight=".15269mm">
                  <v:stroke endcap="round"/>
                  <v:path arrowok="t" textboxrect="0,0,151510,151486"/>
                </v:shape>
                <v:rect id="Rectangle 2822" o:spid="_x0000_s1609" style="position:absolute;left:3749;top:28339;width:678;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4</w:t>
                        </w:r>
                      </w:p>
                    </w:txbxContent>
                  </v:textbox>
                </v:rect>
                <v:shape id="Shape 2823" o:spid="_x0000_s1610" style="position:absolute;left:3965;top:27454;width:28272;height:2646;visibility:visible;mso-wrap-style:square;v-text-anchor:top" coordsize="2827171,2645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" path="m2827171,111477c1403701,,200555,65130,,264566e" filled="f" strokeweight=".15269mm">
                  <v:stroke endcap="round"/>
                  <v:path arrowok="t" textboxrect="0,0,2827171,264566"/>
                </v:shape>
                <v:shape id="Shape 2824" o:spid="_x0000_s1611" style="position:absolute;left:3679;top:29939;width:537;height:778;visibility:visible;mso-wrap-style:square;v-text-anchor:top" coordsize="53642,777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" path="m8743,l53642,20844,,77759,8743,xe" fillcolor="black" stroked="f" strokeweight="0">
                  <v:stroke endcap="round"/>
                  <v:path arrowok="t" textboxrect="0,0,53642,77759"/>
                </v:shape>
                <v:shape id="Shape 69396" o:spid="_x0000_s1612" style="position:absolute;left:4998;top:28124;width:9050;height:1527;visibility:visible;mso-wrap-style:square;v-text-anchor:top" coordsize="904998,1527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" path="m,l904998,r,152708l,152708,,e" stroked="f" strokeweight="0">
                  <v:stroke endcap="round"/>
                  <v:path arrowok="t" textboxrect="0,0,904998,152708"/>
                </v:shape>
                <v:rect id="Rectangle 2826" o:spid="_x0000_s1613" style="position:absolute;left:6209;top:27945;width:9155;height:1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оздать </w:t>
                        </w:r>
                        <w:proofErr w:type="spellStart"/>
                        <w:r>
                          <w:rPr>
                            <w:rFonts w:ascii="Arial" w:eastAsia="Arial" w:hAnsi="Arial" w:cs="Arial"/>
                            <w:sz w:val="14"/>
                          </w:rPr>
                          <w:t>обьект</w:t>
                        </w:r>
                        <w:proofErr w:type="spellEnd"/>
                        <w:r>
                          <w:rPr>
                            <w:rFonts w:ascii="Arial" w:eastAsia="Arial" w:hAnsi="Arial" w:cs="Arial"/>
                            <w:sz w:val="14"/>
                          </w:rPr>
                          <w:t xml:space="preserve"> </w:t>
                        </w:r>
                      </w:p>
                    </w:txbxContent>
                  </v:textbox>
                </v:rect>
                <v:rect id="Rectangle 2827" o:spid="_x0000_s1614" style="position:absolute;left:7859;top:29045;width:677;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2828" o:spid="_x0000_s1615" style="position:absolute;left:8368;top:29045;width:3072;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файл</w:t>
                        </w:r>
                      </w:p>
                    </w:txbxContent>
                  </v:textbox>
                </v:rect>
                <v:rect id="Rectangle 2829" o:spid="_x0000_s1616" style="position:absolute;left:10679;top:29045;width:677;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2830" o:spid="_x0000_s1617" style="position:absolute;left:4749;top:28505;width:25308;height:2228;visibility:visible;mso-wrap-style:square;v-text-anchor:top" coordsize="2530787,22285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" path="m1244,222854c,50393,1121977,,2530787,109262e" filled="f" strokeweight=".15269mm">
                  <v:stroke endcap="round"/>
                  <v:path arrowok="t" textboxrect="0,0,2530787,222854"/>
                </v:shape>
                <v:shape id="Shape 2831" o:spid="_x0000_s1618" style="position:absolute;left:29976;top:29346;width:759;height:493;visibility:visible;mso-wrap-style:square;v-text-anchor:top" coordsize="75900,4932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" path="m3894,l75900,30465,,49325,3894,xe" fillcolor="black" stroked="f" strokeweight="0">
                  <v:stroke endcap="round"/>
                  <v:path arrowok="t" textboxrect="0,0,75900,49325"/>
                </v:shape>
                <v:shape id="Shape 69397" o:spid="_x0000_s1619" style="position:absolute;left:18398;top:28887;width:9091;height:1527;visibility:visible;mso-wrap-style:square;v-text-anchor:top" coordsize="909121,1527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" path="m,l909121,r,152708l,152708,,e" stroked="f" strokeweight="0">
                  <v:stroke endcap="round"/>
                  <v:path arrowok="t" textboxrect="0,0,909121,152708"/>
                </v:shape>
                <v:rect id="Rectangle 2833" o:spid="_x0000_s1620" style="position:absolute;left:18857;top:28709;width:11208;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ернуть описатель </w:t>
                        </w:r>
                      </w:p>
                    </w:txbxContent>
                  </v:textbox>
                </v:rect>
                <v:rect id="Rectangle 2834" o:spid="_x0000_s1621" style="position:absolute;left:21267;top:29809;width:4458;height:1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обьекта</w:t>
                        </w:r>
                        <w:proofErr w:type="spellEnd"/>
                      </w:p>
                    </w:txbxContent>
                  </v:textbox>
                </v:rect>
                <v:shape id="Shape 2835" o:spid="_x0000_s1622" style="position:absolute;left:16666;top:28353;width:1516;height:1515;visibility:visible;mso-wrap-style:square;v-text-anchor:top" coordsize="151571,1514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" path="m75747,v41844,,75824,33901,75824,75743c151571,117585,117591,151486,75747,151486,33903,151486,,117585,,75743,,33901,33903,,75747,xe" fillcolor="#a6a6a6" stroked="f" strokeweight="0">
                  <v:stroke endcap="round"/>
                  <v:path arrowok="t" textboxrect="0,0,151571,151486"/>
                </v:shape>
                <v:shape id="Shape 2836" o:spid="_x0000_s1623" style="position:absolute;left:16666;top:28353;width:1516;height:1515;visibility:visible;mso-wrap-style:square;v-text-anchor:top" coordsize="151571,1514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" path="m151571,75743c151571,33901,117591,,75747,,33903,,,33901,,75743v,41842,33903,75743,75747,75743c117591,151486,151571,117585,151571,75743xe" filled="f" strokeweight=".15269mm">
                  <v:stroke endcap="round"/>
                  <v:path arrowok="t" textboxrect="0,0,151571,151486"/>
                </v:shape>
                <v:rect id="Rectangle 2837" o:spid="_x0000_s1624" style="position:absolute;left:17169;top:28556;width:678;height:13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5</w:t>
                        </w:r>
                      </w:p>
                    </w:txbxContent>
                  </v:textbox>
                </v:rect>
                <v:rect id="Rectangle 2838" o:spid="_x0000_s1625" style="position:absolute;left:42814;top:37090;width:599;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" filled="f" stroked="f">
                  <v:textbox inset="0,0,0,0">
                    <w:txbxContent>
                      <w:p w:rsidR="0043064D" w:rsidRDefault="008B3C4B">
                        <w:pPr>
                          <w:spacing w:after="160" w:line="259" w:lineRule="auto"/>
                          <w:ind w:left="0" w:firstLine="0"/>
                          <w:jc w:val="left"/>
                        </w:pPr>
                        <w:r>
                          <w:t xml:space="preserve"> </w:t>
                        </w:r>
                      </w:p>
                    </w:txbxContent>
                  </v:textbox>
                </v:rect>
                <w10:anchorlock/>
              </v:group>
            </w:pict>
          </mc:Fallback>
        </mc:AlternateContent>
      </w:r>
    </w:p>
    <w:p w:rsidR="0043064D" w:rsidRDefault="008B3C4B">
      <w:pPr>
        <w:spacing w:after="333" w:line="265" w:lineRule="auto"/>
        <w:ind w:right="6"/>
        <w:jc w:val="center"/>
      </w:pPr>
      <w:r>
        <w:t xml:space="preserve">Рис. 7. Открытие объекта «файл» </w:t>
      </w:r>
    </w:p>
    <w:p w:rsidR="0043064D" w:rsidRDefault="008B3C4B">
      <w:pPr>
        <w:ind w:left="-5" w:right="1"/>
      </w:pPr>
      <w:r>
        <w:rPr>
          <w:b/>
        </w:rPr>
        <w:t>ПРИМЕЧАНИЕ.</w:t>
      </w:r>
      <w:r>
        <w:t xml:space="preserve"> Объекты «файл» представляют открытые экземпляры файлов, а не сами файлы. В отличие от UNIX-</w:t>
      </w:r>
      <w:r>
        <w:t xml:space="preserve">систем, где используются </w:t>
      </w:r>
      <w:proofErr w:type="spellStart"/>
      <w:r>
        <w:rPr>
          <w:rFonts w:ascii="Courier New" w:eastAsia="Courier New" w:hAnsi="Courier New" w:cs="Courier New"/>
        </w:rPr>
        <w:t>vnode</w:t>
      </w:r>
      <w:proofErr w:type="spellEnd"/>
      <w:r>
        <w:t xml:space="preserve">, в </w:t>
      </w:r>
      <w:proofErr w:type="spellStart"/>
      <w:r>
        <w:t>Windows</w:t>
      </w:r>
      <w:proofErr w:type="spellEnd"/>
      <w:r>
        <w:t xml:space="preserve"> представление файла не определено — системные драйверы </w:t>
      </w:r>
      <w:proofErr w:type="spellStart"/>
      <w:r>
        <w:t>Windows</w:t>
      </w:r>
      <w:proofErr w:type="spellEnd"/>
      <w:r>
        <w:t xml:space="preserve"> определяют свои представления. </w:t>
      </w:r>
    </w:p>
    <w:p w:rsidR="0043064D" w:rsidRDefault="008B3C4B">
      <w:pPr>
        <w:ind w:left="-5" w:right="1"/>
      </w:pPr>
      <w:r>
        <w:t xml:space="preserve">Как и другие объекты исполнительной системы, файлы защищаются дескрипторами защиты, которые содержат список управления </w:t>
      </w:r>
      <w:r>
        <w:t>доступом (ACL). Чтобы выяснить, позволяет ли ACL файла получить процессу доступ того типа, который был запрошен его потоком, диспетчер ввода-вывода обращается к системе защиты. Если да, диспетчер объектов (5,6) разрешает доступ и сопоставляет предоставленн</w:t>
      </w:r>
      <w:r>
        <w:t>ые права доступа с описателем файла, возвращаемым потоку. Если этому или другому потоку того же процесса понадобятся дополнительные операции с файлом, не указанные в исходном запросе, ему придется открыть новый описатель, по которому тоже будет проведена п</w:t>
      </w:r>
      <w:r>
        <w:t xml:space="preserve">роверка прав доступа. </w:t>
      </w:r>
    </w:p>
    <w:p w:rsidR="0043064D" w:rsidRDefault="008B3C4B">
      <w:pPr>
        <w:ind w:left="-5" w:right="1"/>
      </w:pPr>
      <w:r>
        <w:t>Поскольку объект «файл» — представление разделяемого ресурса в памяти, а не сам ресурс, он отличается от остальных объектов исполнительной системы. Объект «файл» содержит лишь данные, уникальные для описателя объекта, тогда как собст</w:t>
      </w:r>
      <w:r>
        <w:t xml:space="preserve">венно файл — совместно используемые данные или текст. Всякий раз, когда поток открывает описатель файла, создается новый объект «файл» с новым набором атрибутов, специфичным для этого описателя. </w:t>
      </w:r>
    </w:p>
    <w:p w:rsidR="0043064D" w:rsidRDefault="008B3C4B">
      <w:pPr>
        <w:ind w:left="-5" w:right="1"/>
      </w:pPr>
      <w:r>
        <w:t>Описатель файла уникален для процесса, но определяемый им фи</w:t>
      </w:r>
      <w:r>
        <w:t xml:space="preserve">зический ресурс — нет. Поэтому, как и при доступе к любому другому общему ресурсу, потоки должны синхронизировать свое обращение к совместно используемым файлам, каталогам и устройствам. </w:t>
      </w:r>
    </w:p>
    <w:p w:rsidR="0043064D" w:rsidRDefault="008B3C4B">
      <w:pPr>
        <w:ind w:left="-5" w:right="1"/>
      </w:pPr>
      <w:r>
        <w:t>Имя открываемого файла включает имя объекта «устройство», который пр</w:t>
      </w:r>
      <w:r>
        <w:t xml:space="preserve">едставляет устройство, содержащее файл. Например, </w:t>
      </w:r>
      <w:r>
        <w:rPr>
          <w:rFonts w:ascii="Courier New" w:eastAsia="Courier New" w:hAnsi="Courier New" w:cs="Courier New"/>
        </w:rPr>
        <w:t>\</w:t>
      </w:r>
      <w:proofErr w:type="spellStart"/>
      <w:r>
        <w:rPr>
          <w:rFonts w:ascii="Courier New" w:eastAsia="Courier New" w:hAnsi="Courier New" w:cs="Courier New"/>
        </w:rPr>
        <w:t>Device</w:t>
      </w:r>
      <w:proofErr w:type="spellEnd"/>
      <w:r>
        <w:rPr>
          <w:rFonts w:ascii="Courier New" w:eastAsia="Courier New" w:hAnsi="Courier New" w:cs="Courier New"/>
        </w:rPr>
        <w:t>\Floppy0\Myfile.dat</w:t>
      </w:r>
      <w:r>
        <w:t xml:space="preserve"> ссылается на файл </w:t>
      </w:r>
      <w:r>
        <w:rPr>
          <w:rFonts w:ascii="Courier New" w:eastAsia="Courier New" w:hAnsi="Courier New" w:cs="Courier New"/>
        </w:rPr>
        <w:t>Myfile.dat</w:t>
      </w:r>
      <w:r>
        <w:t xml:space="preserve"> на дискете в дисководе А. Подстрока «</w:t>
      </w:r>
      <w:r>
        <w:rPr>
          <w:rFonts w:ascii="Courier New" w:eastAsia="Courier New" w:hAnsi="Courier New" w:cs="Courier New"/>
        </w:rPr>
        <w:t>\</w:t>
      </w:r>
      <w:proofErr w:type="spellStart"/>
      <w:r>
        <w:rPr>
          <w:rFonts w:ascii="Courier New" w:eastAsia="Courier New" w:hAnsi="Courier New" w:cs="Courier New"/>
        </w:rPr>
        <w:t>Device</w:t>
      </w:r>
      <w:proofErr w:type="spellEnd"/>
      <w:r>
        <w:rPr>
          <w:rFonts w:ascii="Courier New" w:eastAsia="Courier New" w:hAnsi="Courier New" w:cs="Courier New"/>
        </w:rPr>
        <w:t>\Floppy0</w:t>
      </w:r>
      <w:r>
        <w:t>» является внутренним именем объекта «устройство», представляющего данный дисковод. При открытии ф</w:t>
      </w:r>
      <w:r>
        <w:t xml:space="preserve">айла </w:t>
      </w:r>
      <w:r>
        <w:rPr>
          <w:rFonts w:ascii="Courier New" w:eastAsia="Courier New" w:hAnsi="Courier New" w:cs="Courier New"/>
        </w:rPr>
        <w:t>Myfile.dat</w:t>
      </w:r>
      <w:r>
        <w:t xml:space="preserve"> диспетчер ввода-вывода создает объект «файл», сохраняет в нем указатель на объект «устройство» </w:t>
      </w:r>
      <w:r>
        <w:rPr>
          <w:rFonts w:ascii="Courier New" w:eastAsia="Courier New" w:hAnsi="Courier New" w:cs="Courier New"/>
        </w:rPr>
        <w:t>Floppy0</w:t>
      </w:r>
      <w:r>
        <w:t xml:space="preserve"> и возвращает описатель файла вызывающему потоку. Впоследствии, когда вызывающий поток воспользуется описателем файла, диспетчер ввода-выв</w:t>
      </w:r>
      <w:r>
        <w:t xml:space="preserve">ода сможет обращаться непосредственно к объекту </w:t>
      </w:r>
      <w:r>
        <w:rPr>
          <w:rFonts w:ascii="Courier New" w:eastAsia="Courier New" w:hAnsi="Courier New" w:cs="Courier New"/>
        </w:rPr>
        <w:t>Floppy0</w:t>
      </w:r>
      <w:r>
        <w:t xml:space="preserve">. </w:t>
      </w:r>
    </w:p>
    <w:p w:rsidR="0043064D" w:rsidRDefault="008B3C4B">
      <w:pPr>
        <w:pStyle w:val="2"/>
        <w:spacing w:after="213"/>
        <w:ind w:left="-5"/>
      </w:pPr>
      <w:bookmarkStart w:id="11" w:name="_Toc68659"/>
      <w:r>
        <w:lastRenderedPageBreak/>
        <w:t xml:space="preserve">Обработка ввода-вывода </w:t>
      </w:r>
      <w:bookmarkEnd w:id="11"/>
    </w:p>
    <w:p w:rsidR="0043064D" w:rsidRDefault="008B3C4B">
      <w:pPr>
        <w:pStyle w:val="3"/>
        <w:spacing w:after="202" w:line="265" w:lineRule="auto"/>
        <w:ind w:left="-5"/>
      </w:pPr>
      <w:bookmarkStart w:id="12" w:name="_Toc68660"/>
      <w:r>
        <w:rPr>
          <w:rFonts w:ascii="Tahoma" w:eastAsia="Tahoma" w:hAnsi="Tahoma" w:cs="Tahoma"/>
          <w:b w:val="0"/>
        </w:rPr>
        <w:t xml:space="preserve">Типы ввода-вывода </w:t>
      </w:r>
      <w:bookmarkEnd w:id="12"/>
    </w:p>
    <w:p w:rsidR="0043064D" w:rsidRDefault="008B3C4B">
      <w:pPr>
        <w:pStyle w:val="4"/>
        <w:ind w:left="-5"/>
      </w:pPr>
      <w:r>
        <w:t xml:space="preserve">Синхронный и асинхронный ввод-вывод </w:t>
      </w:r>
    </w:p>
    <w:p w:rsidR="0043064D" w:rsidRDefault="008B3C4B">
      <w:pPr>
        <w:ind w:left="-5" w:right="1"/>
      </w:pPr>
      <w:r>
        <w:t>Большинство операций ввода-вывода приложений являются синхронными, т.е. приложение ждет, когда устройство выполнит пер</w:t>
      </w:r>
      <w:r>
        <w:t xml:space="preserve">едачу данных и вернет код статуса по завершении операции ввода-вывода. После этого программа продолжает работу и немедленно использует полученные данные. В таком простейшем варианте </w:t>
      </w:r>
      <w:proofErr w:type="spellStart"/>
      <w:r>
        <w:t>Windowsфункции</w:t>
      </w:r>
      <w:proofErr w:type="spellEnd"/>
      <w:r>
        <w:t xml:space="preserve"> </w:t>
      </w:r>
      <w:proofErr w:type="spellStart"/>
      <w:r>
        <w:rPr>
          <w:rFonts w:ascii="Courier New" w:eastAsia="Courier New" w:hAnsi="Courier New" w:cs="Courier New"/>
        </w:rPr>
        <w:t>ReadFile</w:t>
      </w:r>
      <w:proofErr w:type="spellEnd"/>
      <w:r>
        <w:t xml:space="preserve"> и </w:t>
      </w:r>
      <w:proofErr w:type="spellStart"/>
      <w:r>
        <w:rPr>
          <w:rFonts w:ascii="Courier New" w:eastAsia="Courier New" w:hAnsi="Courier New" w:cs="Courier New"/>
        </w:rPr>
        <w:t>WriteFile</w:t>
      </w:r>
      <w:proofErr w:type="spellEnd"/>
      <w:r>
        <w:t xml:space="preserve"> выполняются синхронно. Перед возвратом</w:t>
      </w:r>
      <w:r>
        <w:t xml:space="preserve"> управления они должны завершить операцию ввода-вывода. </w:t>
      </w:r>
    </w:p>
    <w:p w:rsidR="0043064D" w:rsidRDefault="008B3C4B">
      <w:pPr>
        <w:ind w:left="-5" w:right="1"/>
      </w:pPr>
      <w:r>
        <w:t xml:space="preserve">Асинхронный ввод-вывод позволяет приложению выдать запрос на ввод-вывод и продолжить выполнение, не дожидаясь передачи данных устройством. Этот тип </w:t>
      </w:r>
      <w:proofErr w:type="spellStart"/>
      <w:r>
        <w:t>вводавывода</w:t>
      </w:r>
      <w:proofErr w:type="spellEnd"/>
      <w:r>
        <w:t xml:space="preserve"> увеличивает эффективность работы прилож</w:t>
      </w:r>
      <w:r>
        <w:t xml:space="preserve">ения, позволяя заниматься другими задачами, пока выполняется операция ввода-вывода. Для использования асинхронного ввода-вывода вы должны указать при вызове </w:t>
      </w:r>
      <w:proofErr w:type="spellStart"/>
      <w:r>
        <w:rPr>
          <w:rFonts w:ascii="Courier New" w:eastAsia="Courier New" w:hAnsi="Courier New" w:cs="Courier New"/>
        </w:rPr>
        <w:t>CreateFile</w:t>
      </w:r>
      <w:proofErr w:type="spellEnd"/>
      <w:r>
        <w:t xml:space="preserve"> флаг </w:t>
      </w:r>
      <w:r>
        <w:rPr>
          <w:rFonts w:ascii="Courier New" w:eastAsia="Courier New" w:hAnsi="Courier New" w:cs="Courier New"/>
        </w:rPr>
        <w:t>FILE_FLAG_OVERLAPPED</w:t>
      </w:r>
      <w:r>
        <w:t>. Конечно, инициировав операцию асинхронного ввода-вывода, пото</w:t>
      </w:r>
      <w:r>
        <w:t>к должен соблюдать осторожность и не обращаться к запрошенным данным до их получения от устройства. Следовательно, поток должен синхронизировать свое выполнение с завершением обработки запроса на ввод-вывод, отслеживая описатель синхронизирующего объекта (</w:t>
      </w:r>
      <w:r>
        <w:t xml:space="preserve">которым может быть событие, порт завершения ввода-вывода или сам объект «файл»), который по окончании ввода-вывода перейдет в свободное состояние. </w:t>
      </w:r>
    </w:p>
    <w:p w:rsidR="0043064D" w:rsidRDefault="008B3C4B">
      <w:pPr>
        <w:spacing w:after="143"/>
        <w:ind w:left="-5" w:right="1"/>
      </w:pPr>
      <w:r>
        <w:t>Независимо от типа запроса операции ввода-вывода, инициированные драйвером в интересах приложения, выполняют</w:t>
      </w:r>
      <w:r>
        <w:t>ся асинхронно, т.е. после выдачи запроса драйвер устройства возвращает управление подсистеме ввода-вывода. А когда она вернет управление приложению, зависит от типа запроса. Схема управления при инициации операции чтения показана на Рис. 8. Ожидание зависи</w:t>
      </w:r>
      <w:r>
        <w:t xml:space="preserve">т от состояния флага перекрытия в объекте «файл» и реализуется функцией </w:t>
      </w:r>
      <w:proofErr w:type="spellStart"/>
      <w:r>
        <w:rPr>
          <w:rFonts w:ascii="Courier New" w:eastAsia="Courier New" w:hAnsi="Courier New" w:cs="Courier New"/>
        </w:rPr>
        <w:t>NtReadFile</w:t>
      </w:r>
      <w:proofErr w:type="spellEnd"/>
      <w:r>
        <w:t xml:space="preserve"> в режиме ядра. </w:t>
      </w:r>
    </w:p>
    <w:p w:rsidR="0043064D" w:rsidRDefault="008B3C4B">
      <w:pPr>
        <w:spacing w:after="13"/>
        <w:ind w:left="-5" w:right="1"/>
      </w:pPr>
      <w:r>
        <w:t xml:space="preserve">Проверить статус незавершенной операции асинхронного ввода-вывода вызовом </w:t>
      </w:r>
      <w:proofErr w:type="spellStart"/>
      <w:r>
        <w:t>Windows</w:t>
      </w:r>
      <w:proofErr w:type="spellEnd"/>
      <w:r>
        <w:t xml:space="preserve">-функции </w:t>
      </w:r>
      <w:proofErr w:type="spellStart"/>
      <w:r>
        <w:rPr>
          <w:rFonts w:ascii="Courier New" w:eastAsia="Courier New" w:hAnsi="Courier New" w:cs="Courier New"/>
        </w:rPr>
        <w:t>HasOverlappedloCompleted</w:t>
      </w:r>
      <w:proofErr w:type="spellEnd"/>
      <w:r>
        <w:t>. При использовании портов завершения ввода</w:t>
      </w:r>
      <w:r>
        <w:t xml:space="preserve">-вывода с той же целью можно вызывать </w:t>
      </w:r>
      <w:proofErr w:type="spellStart"/>
      <w:r>
        <w:rPr>
          <w:rFonts w:ascii="Courier New" w:eastAsia="Courier New" w:hAnsi="Courier New" w:cs="Courier New"/>
        </w:rPr>
        <w:t>GetQueuedCompletionStatus</w:t>
      </w:r>
      <w:proofErr w:type="spellEnd"/>
      <w:r>
        <w:t xml:space="preserve">. </w:t>
      </w:r>
    </w:p>
    <w:p w:rsidR="0043064D" w:rsidRDefault="008B3C4B">
      <w:pPr>
        <w:spacing w:after="365" w:line="259" w:lineRule="auto"/>
        <w:ind w:left="1520" w:firstLine="0"/>
        <w:jc w:val="left"/>
      </w:pPr>
      <w:r>
        <w:rPr>
          <w:rFonts w:ascii="Calibri" w:eastAsia="Calibri" w:hAnsi="Calibri" w:cs="Calibri"/>
          <w:noProof/>
          <w:sz w:val="22"/>
        </w:rPr>
        <mc:AlternateContent>
          <mc:Choice Requires="wpg">
            <w:drawing>
              <wp:inline distT="0" distB="0" distL="0" distR="0">
                <wp:extent cx="4196808" cy="3059536"/>
                <wp:effectExtent l="0" t="0" r="0" b="0"/>
                <wp:docPr id="59095" name="Group 59095"/>
                <wp:cNvGraphicFramePr/>
                <a:graphic xmlns:a="http://schemas.openxmlformats.org/drawingml/2006/main">
                  <a:graphicData uri="http://schemas.microsoft.com/office/word/2010/wordprocessingGroup">
                    <wpg:wgp>
                      <wpg:cNvGrpSpPr/>
                      <wpg:grpSpPr>
                        <a:xfrm>
                          <a:off x="0" y="0"/>
                          <a:ext cx="4196808" cy="3059536"/>
                          <a:chOff x="0" y="0"/>
                          <a:chExt cx="4196808" cy="3059536"/>
                        </a:xfrm>
                      </wpg:grpSpPr>
                      <wps:wsp>
                        <wps:cNvPr id="3096" name="Shape 3096"/>
                        <wps:cNvSpPr/>
                        <wps:spPr>
                          <a:xfrm>
                            <a:off x="1530676" y="0"/>
                            <a:ext cx="970964" cy="323055"/>
                          </a:xfrm>
                          <a:custGeom>
                            <a:avLst/>
                            <a:gdLst/>
                            <a:ahLst/>
                            <a:cxnLst/>
                            <a:rect l="0" t="0" r="0" b="0"/>
                            <a:pathLst>
                              <a:path w="970964" h="323055">
                                <a:moveTo>
                                  <a:pt x="0" y="323055"/>
                                </a:moveTo>
                                <a:lnTo>
                                  <a:pt x="970964" y="323055"/>
                                </a:lnTo>
                                <a:lnTo>
                                  <a:pt x="97096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3097" name="Rectangle 3097"/>
                        <wps:cNvSpPr/>
                        <wps:spPr>
                          <a:xfrm>
                            <a:off x="1631989" y="122503"/>
                            <a:ext cx="400787"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Вызов</w:t>
                              </w:r>
                            </w:p>
                          </w:txbxContent>
                        </wps:txbx>
                        <wps:bodyPr horzOverflow="overflow" vert="horz" lIns="0" tIns="0" rIns="0" bIns="0" rtlCol="0">
                          <a:noAutofit/>
                        </wps:bodyPr>
                      </wps:wsp>
                      <wps:wsp>
                        <wps:cNvPr id="3098" name="Rectangle 3098"/>
                        <wps:cNvSpPr/>
                        <wps:spPr>
                          <a:xfrm>
                            <a:off x="1933341" y="106367"/>
                            <a:ext cx="33753" cy="13520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 xml:space="preserve"> </w:t>
                              </w:r>
                            </w:p>
                          </w:txbxContent>
                        </wps:txbx>
                        <wps:bodyPr horzOverflow="overflow" vert="horz" lIns="0" tIns="0" rIns="0" bIns="0" rtlCol="0">
                          <a:noAutofit/>
                        </wps:bodyPr>
                      </wps:wsp>
                      <wps:wsp>
                        <wps:cNvPr id="3099" name="Rectangle 3099"/>
                        <wps:cNvSpPr/>
                        <wps:spPr>
                          <a:xfrm>
                            <a:off x="1958688" y="106367"/>
                            <a:ext cx="506353" cy="13520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b/>
                                  <w:sz w:val="14"/>
                                </w:rPr>
                                <w:t>ReadFile</w:t>
                              </w:r>
                              <w:proofErr w:type="spellEnd"/>
                            </w:p>
                          </w:txbxContent>
                        </wps:txbx>
                        <wps:bodyPr horzOverflow="overflow" vert="horz" lIns="0" tIns="0" rIns="0" bIns="0" rtlCol="0">
                          <a:noAutofit/>
                        </wps:bodyPr>
                      </wps:wsp>
                      <wps:wsp>
                        <wps:cNvPr id="3100" name="Rectangle 3100"/>
                        <wps:cNvSpPr/>
                        <wps:spPr>
                          <a:xfrm>
                            <a:off x="2339432" y="106367"/>
                            <a:ext cx="80911" cy="13520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w:t>
                              </w:r>
                            </w:p>
                          </w:txbxContent>
                        </wps:txbx>
                        <wps:bodyPr horzOverflow="overflow" vert="horz" lIns="0" tIns="0" rIns="0" bIns="0" rtlCol="0">
                          <a:noAutofit/>
                        </wps:bodyPr>
                      </wps:wsp>
                      <wps:wsp>
                        <wps:cNvPr id="3102" name="Shape 3102"/>
                        <wps:cNvSpPr/>
                        <wps:spPr>
                          <a:xfrm>
                            <a:off x="1530676" y="538451"/>
                            <a:ext cx="970964" cy="323055"/>
                          </a:xfrm>
                          <a:custGeom>
                            <a:avLst/>
                            <a:gdLst/>
                            <a:ahLst/>
                            <a:cxnLst/>
                            <a:rect l="0" t="0" r="0" b="0"/>
                            <a:pathLst>
                              <a:path w="970964" h="323055">
                                <a:moveTo>
                                  <a:pt x="0" y="323055"/>
                                </a:moveTo>
                                <a:lnTo>
                                  <a:pt x="970964" y="323055"/>
                                </a:lnTo>
                                <a:lnTo>
                                  <a:pt x="97096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3103" name="Rectangle 3103"/>
                        <wps:cNvSpPr/>
                        <wps:spPr>
                          <a:xfrm>
                            <a:off x="1583807" y="606249"/>
                            <a:ext cx="400787"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Вызов</w:t>
                              </w:r>
                            </w:p>
                          </w:txbxContent>
                        </wps:txbx>
                        <wps:bodyPr horzOverflow="overflow" vert="horz" lIns="0" tIns="0" rIns="0" bIns="0" rtlCol="0">
                          <a:noAutofit/>
                        </wps:bodyPr>
                      </wps:wsp>
                      <wps:wsp>
                        <wps:cNvPr id="3104" name="Rectangle 3104"/>
                        <wps:cNvSpPr/>
                        <wps:spPr>
                          <a:xfrm>
                            <a:off x="1885158" y="590114"/>
                            <a:ext cx="33753" cy="13520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 xml:space="preserve"> </w:t>
                              </w:r>
                            </w:p>
                          </w:txbxContent>
                        </wps:txbx>
                        <wps:bodyPr horzOverflow="overflow" vert="horz" lIns="0" tIns="0" rIns="0" bIns="0" rtlCol="0">
                          <a:noAutofit/>
                        </wps:bodyPr>
                      </wps:wsp>
                      <wps:wsp>
                        <wps:cNvPr id="3105" name="Rectangle 3105"/>
                        <wps:cNvSpPr/>
                        <wps:spPr>
                          <a:xfrm>
                            <a:off x="1910506" y="590114"/>
                            <a:ext cx="634539" cy="13520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b/>
                                  <w:sz w:val="14"/>
                                </w:rPr>
                                <w:t>NtReadFile</w:t>
                              </w:r>
                              <w:proofErr w:type="spellEnd"/>
                            </w:p>
                          </w:txbxContent>
                        </wps:txbx>
                        <wps:bodyPr horzOverflow="overflow" vert="horz" lIns="0" tIns="0" rIns="0" bIns="0" rtlCol="0">
                          <a:noAutofit/>
                        </wps:bodyPr>
                      </wps:wsp>
                      <wps:wsp>
                        <wps:cNvPr id="3106" name="Rectangle 3106"/>
                        <wps:cNvSpPr/>
                        <wps:spPr>
                          <a:xfrm>
                            <a:off x="2387615" y="590114"/>
                            <a:ext cx="80911" cy="13520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w:t>
                              </w:r>
                            </w:p>
                          </w:txbxContent>
                        </wps:txbx>
                        <wps:bodyPr horzOverflow="overflow" vert="horz" lIns="0" tIns="0" rIns="0" bIns="0" rtlCol="0">
                          <a:noAutofit/>
                        </wps:bodyPr>
                      </wps:wsp>
                      <wps:wsp>
                        <wps:cNvPr id="3107" name="Rectangle 3107"/>
                        <wps:cNvSpPr/>
                        <wps:spPr>
                          <a:xfrm>
                            <a:off x="1580533" y="715656"/>
                            <a:ext cx="1158810"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озврат управления</w:t>
                              </w:r>
                            </w:p>
                          </w:txbxContent>
                        </wps:txbx>
                        <wps:bodyPr horzOverflow="overflow" vert="horz" lIns="0" tIns="0" rIns="0" bIns="0" rtlCol="0">
                          <a:noAutofit/>
                        </wps:bodyPr>
                      </wps:wsp>
                      <wps:wsp>
                        <wps:cNvPr id="3109" name="Shape 3109"/>
                        <wps:cNvSpPr/>
                        <wps:spPr>
                          <a:xfrm>
                            <a:off x="1530676" y="1076901"/>
                            <a:ext cx="970964" cy="323055"/>
                          </a:xfrm>
                          <a:custGeom>
                            <a:avLst/>
                            <a:gdLst/>
                            <a:ahLst/>
                            <a:cxnLst/>
                            <a:rect l="0" t="0" r="0" b="0"/>
                            <a:pathLst>
                              <a:path w="970964" h="323055">
                                <a:moveTo>
                                  <a:pt x="0" y="323055"/>
                                </a:moveTo>
                                <a:lnTo>
                                  <a:pt x="970964" y="323055"/>
                                </a:lnTo>
                                <a:lnTo>
                                  <a:pt x="97096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3110" name="Rectangle 3110"/>
                        <wps:cNvSpPr/>
                        <wps:spPr>
                          <a:xfrm>
                            <a:off x="1891781" y="1128565"/>
                            <a:ext cx="182171" cy="13520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b/>
                                  <w:sz w:val="14"/>
                                </w:rPr>
                                <w:t>Int</w:t>
                              </w:r>
                              <w:proofErr w:type="spellEnd"/>
                              <w:r>
                                <w:rPr>
                                  <w:rFonts w:ascii="Arial" w:eastAsia="Arial" w:hAnsi="Arial" w:cs="Arial"/>
                                  <w:b/>
                                  <w:sz w:val="14"/>
                                </w:rPr>
                                <w:t xml:space="preserve"> </w:t>
                              </w:r>
                            </w:p>
                          </w:txbxContent>
                        </wps:txbx>
                        <wps:bodyPr horzOverflow="overflow" vert="horz" lIns="0" tIns="0" rIns="0" bIns="0" rtlCol="0">
                          <a:noAutofit/>
                        </wps:bodyPr>
                      </wps:wsp>
                      <wps:wsp>
                        <wps:cNvPr id="3111" name="Rectangle 3111"/>
                        <wps:cNvSpPr/>
                        <wps:spPr>
                          <a:xfrm>
                            <a:off x="2028793" y="1128565"/>
                            <a:ext cx="67566" cy="13520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2</w:t>
                              </w:r>
                            </w:p>
                          </w:txbxContent>
                        </wps:txbx>
                        <wps:bodyPr horzOverflow="overflow" vert="horz" lIns="0" tIns="0" rIns="0" bIns="0" rtlCol="0">
                          <a:noAutofit/>
                        </wps:bodyPr>
                      </wps:wsp>
                      <wps:wsp>
                        <wps:cNvPr id="3112" name="Rectangle 3112"/>
                        <wps:cNvSpPr/>
                        <wps:spPr>
                          <a:xfrm>
                            <a:off x="2079564" y="1128565"/>
                            <a:ext cx="81031" cy="13520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E</w:t>
                              </w:r>
                            </w:p>
                          </w:txbxContent>
                        </wps:txbx>
                        <wps:bodyPr horzOverflow="overflow" vert="horz" lIns="0" tIns="0" rIns="0" bIns="0" rtlCol="0">
                          <a:noAutofit/>
                        </wps:bodyPr>
                      </wps:wsp>
                      <wps:wsp>
                        <wps:cNvPr id="3113" name="Rectangle 3113"/>
                        <wps:cNvSpPr/>
                        <wps:spPr>
                          <a:xfrm>
                            <a:off x="1580533" y="1254107"/>
                            <a:ext cx="1158810"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озврат управления</w:t>
                              </w:r>
                            </w:p>
                          </w:txbxContent>
                        </wps:txbx>
                        <wps:bodyPr horzOverflow="overflow" vert="horz" lIns="0" tIns="0" rIns="0" bIns="0" rtlCol="0">
                          <a:noAutofit/>
                        </wps:bodyPr>
                      </wps:wsp>
                      <wps:wsp>
                        <wps:cNvPr id="3115" name="Shape 3115"/>
                        <wps:cNvSpPr/>
                        <wps:spPr>
                          <a:xfrm>
                            <a:off x="1530676" y="1615276"/>
                            <a:ext cx="970964" cy="323055"/>
                          </a:xfrm>
                          <a:custGeom>
                            <a:avLst/>
                            <a:gdLst/>
                            <a:ahLst/>
                            <a:cxnLst/>
                            <a:rect l="0" t="0" r="0" b="0"/>
                            <a:pathLst>
                              <a:path w="970964" h="323055">
                                <a:moveTo>
                                  <a:pt x="0" y="323055"/>
                                </a:moveTo>
                                <a:lnTo>
                                  <a:pt x="970964" y="323055"/>
                                </a:lnTo>
                                <a:lnTo>
                                  <a:pt x="97096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3116" name="Rectangle 3116"/>
                        <wps:cNvSpPr/>
                        <wps:spPr>
                          <a:xfrm>
                            <a:off x="1583807" y="1628370"/>
                            <a:ext cx="400787"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Вызов</w:t>
                              </w:r>
                            </w:p>
                          </w:txbxContent>
                        </wps:txbx>
                        <wps:bodyPr horzOverflow="overflow" vert="horz" lIns="0" tIns="0" rIns="0" bIns="0" rtlCol="0">
                          <a:noAutofit/>
                        </wps:bodyPr>
                      </wps:wsp>
                      <wps:wsp>
                        <wps:cNvPr id="3117" name="Rectangle 3117"/>
                        <wps:cNvSpPr/>
                        <wps:spPr>
                          <a:xfrm>
                            <a:off x="1885158" y="1612235"/>
                            <a:ext cx="33753" cy="13520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 xml:space="preserve"> </w:t>
                              </w:r>
                            </w:p>
                          </w:txbxContent>
                        </wps:txbx>
                        <wps:bodyPr horzOverflow="overflow" vert="horz" lIns="0" tIns="0" rIns="0" bIns="0" rtlCol="0">
                          <a:noAutofit/>
                        </wps:bodyPr>
                      </wps:wsp>
                      <wps:wsp>
                        <wps:cNvPr id="3118" name="Rectangle 3118"/>
                        <wps:cNvSpPr/>
                        <wps:spPr>
                          <a:xfrm>
                            <a:off x="1910506" y="1612235"/>
                            <a:ext cx="634539" cy="13520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b/>
                                  <w:sz w:val="14"/>
                                </w:rPr>
                                <w:t>NtReadFile</w:t>
                              </w:r>
                              <w:proofErr w:type="spellEnd"/>
                            </w:p>
                          </w:txbxContent>
                        </wps:txbx>
                        <wps:bodyPr horzOverflow="overflow" vert="horz" lIns="0" tIns="0" rIns="0" bIns="0" rtlCol="0">
                          <a:noAutofit/>
                        </wps:bodyPr>
                      </wps:wsp>
                      <wps:wsp>
                        <wps:cNvPr id="3119" name="Rectangle 3119"/>
                        <wps:cNvSpPr/>
                        <wps:spPr>
                          <a:xfrm>
                            <a:off x="2387615" y="1612235"/>
                            <a:ext cx="80911" cy="13520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w:t>
                              </w:r>
                            </w:p>
                          </w:txbxContent>
                        </wps:txbx>
                        <wps:bodyPr horzOverflow="overflow" vert="horz" lIns="0" tIns="0" rIns="0" bIns="0" rtlCol="0">
                          <a:noAutofit/>
                        </wps:bodyPr>
                      </wps:wsp>
                      <wps:wsp>
                        <wps:cNvPr id="3120" name="Rectangle 3120"/>
                        <wps:cNvSpPr/>
                        <wps:spPr>
                          <a:xfrm>
                            <a:off x="1800439" y="1737778"/>
                            <a:ext cx="573817"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Закрытие </w:t>
                              </w:r>
                            </w:p>
                          </w:txbxContent>
                        </wps:txbx>
                        <wps:bodyPr horzOverflow="overflow" vert="horz" lIns="0" tIns="0" rIns="0" bIns="0" rtlCol="0">
                          <a:noAutofit/>
                        </wps:bodyPr>
                      </wps:wsp>
                      <wps:wsp>
                        <wps:cNvPr id="3121" name="Rectangle 3121"/>
                        <wps:cNvSpPr/>
                        <wps:spPr>
                          <a:xfrm>
                            <a:off x="1757280" y="1847185"/>
                            <a:ext cx="688697"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ерывания</w:t>
                              </w:r>
                            </w:p>
                          </w:txbxContent>
                        </wps:txbx>
                        <wps:bodyPr horzOverflow="overflow" vert="horz" lIns="0" tIns="0" rIns="0" bIns="0" rtlCol="0">
                          <a:noAutofit/>
                        </wps:bodyPr>
                      </wps:wsp>
                      <wps:wsp>
                        <wps:cNvPr id="3123" name="Shape 3123"/>
                        <wps:cNvSpPr/>
                        <wps:spPr>
                          <a:xfrm>
                            <a:off x="1422741" y="2153711"/>
                            <a:ext cx="1078823" cy="323055"/>
                          </a:xfrm>
                          <a:custGeom>
                            <a:avLst/>
                            <a:gdLst/>
                            <a:ahLst/>
                            <a:cxnLst/>
                            <a:rect l="0" t="0" r="0" b="0"/>
                            <a:pathLst>
                              <a:path w="1078823" h="323055">
                                <a:moveTo>
                                  <a:pt x="0" y="323055"/>
                                </a:moveTo>
                                <a:lnTo>
                                  <a:pt x="1078823" y="323055"/>
                                </a:lnTo>
                                <a:lnTo>
                                  <a:pt x="1078823"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3124" name="Rectangle 3124"/>
                        <wps:cNvSpPr/>
                        <wps:spPr>
                          <a:xfrm>
                            <a:off x="1581675" y="2166821"/>
                            <a:ext cx="1012092"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Вызов драйвера</w:t>
                              </w:r>
                            </w:p>
                          </w:txbxContent>
                        </wps:txbx>
                        <wps:bodyPr horzOverflow="overflow" vert="horz" lIns="0" tIns="0" rIns="0" bIns="0" rtlCol="0">
                          <a:noAutofit/>
                        </wps:bodyPr>
                      </wps:wsp>
                      <wps:wsp>
                        <wps:cNvPr id="3125" name="Rectangle 3125"/>
                        <wps:cNvSpPr/>
                        <wps:spPr>
                          <a:xfrm>
                            <a:off x="1459582" y="2276221"/>
                            <a:ext cx="1336906"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еред к ожиданию или </w:t>
                              </w:r>
                            </w:p>
                          </w:txbxContent>
                        </wps:txbx>
                        <wps:bodyPr horzOverflow="overflow" vert="horz" lIns="0" tIns="0" rIns="0" bIns="0" rtlCol="0">
                          <a:noAutofit/>
                        </wps:bodyPr>
                      </wps:wsp>
                      <wps:wsp>
                        <wps:cNvPr id="3126" name="Rectangle 3126"/>
                        <wps:cNvSpPr/>
                        <wps:spPr>
                          <a:xfrm>
                            <a:off x="1532807" y="2385628"/>
                            <a:ext cx="1142318"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озврат управления</w:t>
                              </w:r>
                            </w:p>
                          </w:txbxContent>
                        </wps:txbx>
                        <wps:bodyPr horzOverflow="overflow" vert="horz" lIns="0" tIns="0" rIns="0" bIns="0" rtlCol="0">
                          <a:noAutofit/>
                        </wps:bodyPr>
                      </wps:wsp>
                      <wps:wsp>
                        <wps:cNvPr id="3128" name="Shape 3128"/>
                        <wps:cNvSpPr/>
                        <wps:spPr>
                          <a:xfrm>
                            <a:off x="1530676" y="2692136"/>
                            <a:ext cx="970964" cy="323055"/>
                          </a:xfrm>
                          <a:custGeom>
                            <a:avLst/>
                            <a:gdLst/>
                            <a:ahLst/>
                            <a:cxnLst/>
                            <a:rect l="0" t="0" r="0" b="0"/>
                            <a:pathLst>
                              <a:path w="970964" h="323055">
                                <a:moveTo>
                                  <a:pt x="0" y="323055"/>
                                </a:moveTo>
                                <a:lnTo>
                                  <a:pt x="970964" y="323055"/>
                                </a:lnTo>
                                <a:lnTo>
                                  <a:pt x="97096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3129" name="Rectangle 3129"/>
                        <wps:cNvSpPr/>
                        <wps:spPr>
                          <a:xfrm>
                            <a:off x="1645386" y="2705233"/>
                            <a:ext cx="986150"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 xml:space="preserve">Инициализация </w:t>
                              </w:r>
                            </w:p>
                          </w:txbxContent>
                        </wps:txbx>
                        <wps:bodyPr horzOverflow="overflow" vert="horz" lIns="0" tIns="0" rIns="0" bIns="0" rtlCol="0">
                          <a:noAutofit/>
                        </wps:bodyPr>
                      </wps:wsp>
                      <wps:wsp>
                        <wps:cNvPr id="3130" name="Rectangle 3130"/>
                        <wps:cNvSpPr/>
                        <wps:spPr>
                          <a:xfrm>
                            <a:off x="1685044" y="2814641"/>
                            <a:ext cx="368243"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ввода</w:t>
                              </w:r>
                            </w:p>
                          </w:txbxContent>
                        </wps:txbx>
                        <wps:bodyPr horzOverflow="overflow" vert="horz" lIns="0" tIns="0" rIns="0" bIns="0" rtlCol="0">
                          <a:noAutofit/>
                        </wps:bodyPr>
                      </wps:wsp>
                      <wps:wsp>
                        <wps:cNvPr id="3131" name="Rectangle 3131"/>
                        <wps:cNvSpPr/>
                        <wps:spPr>
                          <a:xfrm>
                            <a:off x="1961962" y="2798505"/>
                            <a:ext cx="40456" cy="13520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w:t>
                              </w:r>
                            </w:p>
                          </w:txbxContent>
                        </wps:txbx>
                        <wps:bodyPr horzOverflow="overflow" vert="horz" lIns="0" tIns="0" rIns="0" bIns="0" rtlCol="0">
                          <a:noAutofit/>
                        </wps:bodyPr>
                      </wps:wsp>
                      <wps:wsp>
                        <wps:cNvPr id="3132" name="Rectangle 3132"/>
                        <wps:cNvSpPr/>
                        <wps:spPr>
                          <a:xfrm>
                            <a:off x="1992333" y="2814641"/>
                            <a:ext cx="471989"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вывода</w:t>
                              </w:r>
                            </w:p>
                          </w:txbxContent>
                        </wps:txbx>
                        <wps:bodyPr horzOverflow="overflow" vert="horz" lIns="0" tIns="0" rIns="0" bIns="0" rtlCol="0">
                          <a:noAutofit/>
                        </wps:bodyPr>
                      </wps:wsp>
                      <wps:wsp>
                        <wps:cNvPr id="3133" name="Rectangle 3133"/>
                        <wps:cNvSpPr/>
                        <wps:spPr>
                          <a:xfrm>
                            <a:off x="1580533" y="2924047"/>
                            <a:ext cx="1158810"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озврат управления</w:t>
                              </w:r>
                            </w:p>
                          </w:txbxContent>
                        </wps:txbx>
                        <wps:bodyPr horzOverflow="overflow" vert="horz" lIns="0" tIns="0" rIns="0" bIns="0" rtlCol="0">
                          <a:noAutofit/>
                        </wps:bodyPr>
                      </wps:wsp>
                      <wps:wsp>
                        <wps:cNvPr id="3134" name="Rectangle 3134"/>
                        <wps:cNvSpPr/>
                        <wps:spPr>
                          <a:xfrm>
                            <a:off x="2837853" y="133291"/>
                            <a:ext cx="746316"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иложение </w:t>
                              </w:r>
                            </w:p>
                          </w:txbxContent>
                        </wps:txbx>
                        <wps:bodyPr horzOverflow="overflow" vert="horz" lIns="0" tIns="0" rIns="0" bIns="0" rtlCol="0">
                          <a:noAutofit/>
                        </wps:bodyPr>
                      </wps:wsp>
                      <wps:wsp>
                        <wps:cNvPr id="3135" name="Rectangle 3135"/>
                        <wps:cNvSpPr/>
                        <wps:spPr>
                          <a:xfrm>
                            <a:off x="2830166" y="666927"/>
                            <a:ext cx="351171" cy="13520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Kernel</w:t>
                              </w:r>
                              <w:proofErr w:type="spellEnd"/>
                            </w:p>
                          </w:txbxContent>
                        </wps:txbx>
                        <wps:bodyPr horzOverflow="overflow" vert="horz" lIns="0" tIns="0" rIns="0" bIns="0" rtlCol="0">
                          <a:noAutofit/>
                        </wps:bodyPr>
                      </wps:wsp>
                      <wps:wsp>
                        <wps:cNvPr id="3136" name="Rectangle 3136"/>
                        <wps:cNvSpPr/>
                        <wps:spPr>
                          <a:xfrm>
                            <a:off x="3094220" y="666927"/>
                            <a:ext cx="135130" cy="13520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2</w:t>
                              </w:r>
                            </w:p>
                          </w:txbxContent>
                        </wps:txbx>
                        <wps:bodyPr horzOverflow="overflow" vert="horz" lIns="0" tIns="0" rIns="0" bIns="0" rtlCol="0">
                          <a:noAutofit/>
                        </wps:bodyPr>
                      </wps:wsp>
                      <wps:wsp>
                        <wps:cNvPr id="3137" name="Rectangle 3137"/>
                        <wps:cNvSpPr/>
                        <wps:spPr>
                          <a:xfrm>
                            <a:off x="3195761" y="666927"/>
                            <a:ext cx="33753" cy="13520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138" name="Rectangle 3138"/>
                        <wps:cNvSpPr/>
                        <wps:spPr>
                          <a:xfrm>
                            <a:off x="3221185" y="666927"/>
                            <a:ext cx="121546" cy="13520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ll</w:t>
                              </w:r>
                              <w:proofErr w:type="spellEnd"/>
                            </w:p>
                          </w:txbxContent>
                        </wps:txbx>
                        <wps:bodyPr horzOverflow="overflow" vert="horz" lIns="0" tIns="0" rIns="0" bIns="0" rtlCol="0">
                          <a:noAutofit/>
                        </wps:bodyPr>
                      </wps:wsp>
                      <wps:wsp>
                        <wps:cNvPr id="3139" name="Rectangle 3139"/>
                        <wps:cNvSpPr/>
                        <wps:spPr>
                          <a:xfrm>
                            <a:off x="2841432" y="1204161"/>
                            <a:ext cx="243031" cy="13520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Ntdll</w:t>
                              </w:r>
                              <w:proofErr w:type="spellEnd"/>
                            </w:p>
                          </w:txbxContent>
                        </wps:txbx>
                        <wps:bodyPr horzOverflow="overflow" vert="horz" lIns="0" tIns="0" rIns="0" bIns="0" rtlCol="0">
                          <a:noAutofit/>
                        </wps:bodyPr>
                      </wps:wsp>
                      <wps:wsp>
                        <wps:cNvPr id="3140" name="Rectangle 3140"/>
                        <wps:cNvSpPr/>
                        <wps:spPr>
                          <a:xfrm>
                            <a:off x="3024115" y="1204161"/>
                            <a:ext cx="33753" cy="13520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141" name="Rectangle 3141"/>
                        <wps:cNvSpPr/>
                        <wps:spPr>
                          <a:xfrm>
                            <a:off x="3049538" y="1204161"/>
                            <a:ext cx="121546" cy="13520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ll</w:t>
                              </w:r>
                              <w:proofErr w:type="spellEnd"/>
                            </w:p>
                          </w:txbxContent>
                        </wps:txbx>
                        <wps:bodyPr horzOverflow="overflow" vert="horz" lIns="0" tIns="0" rIns="0" bIns="0" rtlCol="0">
                          <a:noAutofit/>
                        </wps:bodyPr>
                      </wps:wsp>
                      <wps:wsp>
                        <wps:cNvPr id="3142" name="Rectangle 3142"/>
                        <wps:cNvSpPr/>
                        <wps:spPr>
                          <a:xfrm>
                            <a:off x="2830394" y="1840090"/>
                            <a:ext cx="445548" cy="135208"/>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Ntoskrnl</w:t>
                              </w:r>
                              <w:proofErr w:type="spellEnd"/>
                            </w:p>
                          </w:txbxContent>
                        </wps:txbx>
                        <wps:bodyPr horzOverflow="overflow" vert="horz" lIns="0" tIns="0" rIns="0" bIns="0" rtlCol="0">
                          <a:noAutofit/>
                        </wps:bodyPr>
                      </wps:wsp>
                      <wps:wsp>
                        <wps:cNvPr id="3143" name="Rectangle 3143"/>
                        <wps:cNvSpPr/>
                        <wps:spPr>
                          <a:xfrm>
                            <a:off x="3165390" y="1840090"/>
                            <a:ext cx="33753" cy="13520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144" name="Rectangle 3144"/>
                        <wps:cNvSpPr/>
                        <wps:spPr>
                          <a:xfrm>
                            <a:off x="3190738" y="1840090"/>
                            <a:ext cx="195874" cy="135208"/>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exe</w:t>
                              </w:r>
                              <w:proofErr w:type="spellEnd"/>
                            </w:p>
                          </w:txbxContent>
                        </wps:txbx>
                        <wps:bodyPr horzOverflow="overflow" vert="horz" lIns="0" tIns="0" rIns="0" bIns="0" rtlCol="0">
                          <a:noAutofit/>
                        </wps:bodyPr>
                      </wps:wsp>
                      <wps:wsp>
                        <wps:cNvPr id="3145" name="Rectangle 3145"/>
                        <wps:cNvSpPr/>
                        <wps:spPr>
                          <a:xfrm>
                            <a:off x="2833972" y="2840984"/>
                            <a:ext cx="323941" cy="13520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river</w:t>
                              </w:r>
                              <w:proofErr w:type="spellEnd"/>
                            </w:p>
                          </w:txbxContent>
                        </wps:txbx>
                        <wps:bodyPr horzOverflow="overflow" vert="horz" lIns="0" tIns="0" rIns="0" bIns="0" rtlCol="0">
                          <a:noAutofit/>
                        </wps:bodyPr>
                      </wps:wsp>
                      <wps:wsp>
                        <wps:cNvPr id="3146" name="Rectangle 3146"/>
                        <wps:cNvSpPr/>
                        <wps:spPr>
                          <a:xfrm>
                            <a:off x="3077550" y="2840984"/>
                            <a:ext cx="33753" cy="13520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147" name="Rectangle 3147"/>
                        <wps:cNvSpPr/>
                        <wps:spPr>
                          <a:xfrm>
                            <a:off x="3102897" y="2840984"/>
                            <a:ext cx="182232" cy="13520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sys</w:t>
                              </w:r>
                              <w:proofErr w:type="spellEnd"/>
                            </w:p>
                          </w:txbxContent>
                        </wps:txbx>
                        <wps:bodyPr horzOverflow="overflow" vert="horz" lIns="0" tIns="0" rIns="0" bIns="0" rtlCol="0">
                          <a:noAutofit/>
                        </wps:bodyPr>
                      </wps:wsp>
                      <wps:wsp>
                        <wps:cNvPr id="3148" name="Rectangle 3148"/>
                        <wps:cNvSpPr/>
                        <wps:spPr>
                          <a:xfrm>
                            <a:off x="894785" y="665787"/>
                            <a:ext cx="486182" cy="134965"/>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4"/>
                                </w:rPr>
                                <w:t>ReadFile</w:t>
                              </w:r>
                              <w:proofErr w:type="spellEnd"/>
                            </w:p>
                          </w:txbxContent>
                        </wps:txbx>
                        <wps:bodyPr horzOverflow="overflow" vert="horz" lIns="0" tIns="0" rIns="0" bIns="0" rtlCol="0">
                          <a:noAutofit/>
                        </wps:bodyPr>
                      </wps:wsp>
                      <wps:wsp>
                        <wps:cNvPr id="3149" name="Rectangle 3149"/>
                        <wps:cNvSpPr/>
                        <wps:spPr>
                          <a:xfrm>
                            <a:off x="905060" y="1205378"/>
                            <a:ext cx="607667" cy="134965"/>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4"/>
                                </w:rPr>
                                <w:t>NtReadFile</w:t>
                              </w:r>
                              <w:proofErr w:type="spellEnd"/>
                            </w:p>
                          </w:txbxContent>
                        </wps:txbx>
                        <wps:bodyPr horzOverflow="overflow" vert="horz" lIns="0" tIns="0" rIns="0" bIns="0" rtlCol="0">
                          <a:noAutofit/>
                        </wps:bodyPr>
                      </wps:wsp>
                      <wps:wsp>
                        <wps:cNvPr id="3150" name="Rectangle 3150"/>
                        <wps:cNvSpPr/>
                        <wps:spPr>
                          <a:xfrm>
                            <a:off x="714841" y="1743827"/>
                            <a:ext cx="918161" cy="134965"/>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4"/>
                                </w:rPr>
                                <w:t>KiSystemService</w:t>
                              </w:r>
                              <w:proofErr w:type="spellEnd"/>
                            </w:p>
                          </w:txbxContent>
                        </wps:txbx>
                        <wps:bodyPr horzOverflow="overflow" vert="horz" lIns="0" tIns="0" rIns="0" bIns="0" rtlCol="0">
                          <a:noAutofit/>
                        </wps:bodyPr>
                      </wps:wsp>
                      <wps:wsp>
                        <wps:cNvPr id="3151" name="Rectangle 3151"/>
                        <wps:cNvSpPr/>
                        <wps:spPr>
                          <a:xfrm>
                            <a:off x="892273" y="2174543"/>
                            <a:ext cx="607667" cy="13496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4"/>
                                </w:rPr>
                                <w:t>NtReadFile</w:t>
                              </w:r>
                              <w:proofErr w:type="spellEnd"/>
                            </w:p>
                          </w:txbxContent>
                        </wps:txbx>
                        <wps:bodyPr horzOverflow="overflow" vert="horz" lIns="0" tIns="0" rIns="0" bIns="0" rtlCol="0">
                          <a:noAutofit/>
                        </wps:bodyPr>
                      </wps:wsp>
                      <wps:wsp>
                        <wps:cNvPr id="3152" name="Rectangle 3152"/>
                        <wps:cNvSpPr/>
                        <wps:spPr>
                          <a:xfrm>
                            <a:off x="0" y="2263730"/>
                            <a:ext cx="1235589"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ереход в состояние </w:t>
                              </w:r>
                            </w:p>
                          </w:txbxContent>
                        </wps:txbx>
                        <wps:bodyPr horzOverflow="overflow" vert="horz" lIns="0" tIns="0" rIns="0" bIns="0" rtlCol="0">
                          <a:noAutofit/>
                        </wps:bodyPr>
                      </wps:wsp>
                      <wps:wsp>
                        <wps:cNvPr id="3153" name="Rectangle 3153"/>
                        <wps:cNvSpPr/>
                        <wps:spPr>
                          <a:xfrm>
                            <a:off x="5754" y="2373137"/>
                            <a:ext cx="1220287"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жидания зависит от </w:t>
                              </w:r>
                            </w:p>
                          </w:txbxContent>
                        </wps:txbx>
                        <wps:bodyPr horzOverflow="overflow" vert="horz" lIns="0" tIns="0" rIns="0" bIns="0" rtlCol="0">
                          <a:noAutofit/>
                        </wps:bodyPr>
                      </wps:wsp>
                      <wps:wsp>
                        <wps:cNvPr id="3154" name="Rectangle 3154"/>
                        <wps:cNvSpPr/>
                        <wps:spPr>
                          <a:xfrm>
                            <a:off x="57142" y="2482544"/>
                            <a:ext cx="1049898"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лага перекрытия</w:t>
                              </w:r>
                            </w:p>
                          </w:txbxContent>
                        </wps:txbx>
                        <wps:bodyPr horzOverflow="overflow" vert="horz" lIns="0" tIns="0" rIns="0" bIns="0" rtlCol="0">
                          <a:noAutofit/>
                        </wps:bodyPr>
                      </wps:wsp>
                      <wps:wsp>
                        <wps:cNvPr id="3155" name="Shape 3155"/>
                        <wps:cNvSpPr/>
                        <wps:spPr>
                          <a:xfrm>
                            <a:off x="2016158" y="323055"/>
                            <a:ext cx="0" cy="147700"/>
                          </a:xfrm>
                          <a:custGeom>
                            <a:avLst/>
                            <a:gdLst/>
                            <a:ahLst/>
                            <a:cxnLst/>
                            <a:rect l="0" t="0" r="0" b="0"/>
                            <a:pathLst>
                              <a:path h="147700">
                                <a:moveTo>
                                  <a:pt x="0" y="0"/>
                                </a:moveTo>
                                <a:lnTo>
                                  <a:pt x="0" y="147700"/>
                                </a:lnTo>
                              </a:path>
                            </a:pathLst>
                          </a:custGeom>
                          <a:ln w="5470" cap="rnd">
                            <a:round/>
                          </a:ln>
                        </wps:spPr>
                        <wps:style>
                          <a:lnRef idx="1">
                            <a:srgbClr val="000000"/>
                          </a:lnRef>
                          <a:fillRef idx="0">
                            <a:srgbClr val="000000">
                              <a:alpha val="0"/>
                            </a:srgbClr>
                          </a:fillRef>
                          <a:effectRef idx="0">
                            <a:scrgbClr r="0" g="0" b="0"/>
                          </a:effectRef>
                          <a:fontRef idx="none"/>
                        </wps:style>
                        <wps:bodyPr/>
                      </wps:wsp>
                      <wps:wsp>
                        <wps:cNvPr id="3156" name="Shape 3156"/>
                        <wps:cNvSpPr/>
                        <wps:spPr>
                          <a:xfrm>
                            <a:off x="1991496" y="464600"/>
                            <a:ext cx="49324" cy="73850"/>
                          </a:xfrm>
                          <a:custGeom>
                            <a:avLst/>
                            <a:gdLst/>
                            <a:ahLst/>
                            <a:cxnLst/>
                            <a:rect l="0" t="0" r="0" b="0"/>
                            <a:pathLst>
                              <a:path w="49324" h="73850">
                                <a:moveTo>
                                  <a:pt x="0" y="0"/>
                                </a:moveTo>
                                <a:lnTo>
                                  <a:pt x="49324" y="0"/>
                                </a:lnTo>
                                <a:lnTo>
                                  <a:pt x="24662" y="7385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157" name="Shape 3157"/>
                        <wps:cNvSpPr/>
                        <wps:spPr>
                          <a:xfrm>
                            <a:off x="2016158" y="861506"/>
                            <a:ext cx="0" cy="147700"/>
                          </a:xfrm>
                          <a:custGeom>
                            <a:avLst/>
                            <a:gdLst/>
                            <a:ahLst/>
                            <a:cxnLst/>
                            <a:rect l="0" t="0" r="0" b="0"/>
                            <a:pathLst>
                              <a:path h="147700">
                                <a:moveTo>
                                  <a:pt x="0" y="0"/>
                                </a:moveTo>
                                <a:lnTo>
                                  <a:pt x="0" y="147700"/>
                                </a:lnTo>
                              </a:path>
                            </a:pathLst>
                          </a:custGeom>
                          <a:ln w="5470" cap="rnd">
                            <a:round/>
                          </a:ln>
                        </wps:spPr>
                        <wps:style>
                          <a:lnRef idx="1">
                            <a:srgbClr val="000000"/>
                          </a:lnRef>
                          <a:fillRef idx="0">
                            <a:srgbClr val="000000">
                              <a:alpha val="0"/>
                            </a:srgbClr>
                          </a:fillRef>
                          <a:effectRef idx="0">
                            <a:scrgbClr r="0" g="0" b="0"/>
                          </a:effectRef>
                          <a:fontRef idx="none"/>
                        </wps:style>
                        <wps:bodyPr/>
                      </wps:wsp>
                      <wps:wsp>
                        <wps:cNvPr id="3158" name="Shape 3158"/>
                        <wps:cNvSpPr/>
                        <wps:spPr>
                          <a:xfrm>
                            <a:off x="1991496" y="1003051"/>
                            <a:ext cx="49324" cy="73850"/>
                          </a:xfrm>
                          <a:custGeom>
                            <a:avLst/>
                            <a:gdLst/>
                            <a:ahLst/>
                            <a:cxnLst/>
                            <a:rect l="0" t="0" r="0" b="0"/>
                            <a:pathLst>
                              <a:path w="49324" h="73850">
                                <a:moveTo>
                                  <a:pt x="0" y="0"/>
                                </a:moveTo>
                                <a:lnTo>
                                  <a:pt x="49324" y="0"/>
                                </a:lnTo>
                                <a:lnTo>
                                  <a:pt x="24662" y="7385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159" name="Shape 3159"/>
                        <wps:cNvSpPr/>
                        <wps:spPr>
                          <a:xfrm>
                            <a:off x="2016158" y="1399956"/>
                            <a:ext cx="0" cy="147624"/>
                          </a:xfrm>
                          <a:custGeom>
                            <a:avLst/>
                            <a:gdLst/>
                            <a:ahLst/>
                            <a:cxnLst/>
                            <a:rect l="0" t="0" r="0" b="0"/>
                            <a:pathLst>
                              <a:path h="147624">
                                <a:moveTo>
                                  <a:pt x="0" y="0"/>
                                </a:moveTo>
                                <a:lnTo>
                                  <a:pt x="0" y="147624"/>
                                </a:lnTo>
                              </a:path>
                            </a:pathLst>
                          </a:custGeom>
                          <a:ln w="5470" cap="rnd">
                            <a:round/>
                          </a:ln>
                        </wps:spPr>
                        <wps:style>
                          <a:lnRef idx="1">
                            <a:srgbClr val="000000"/>
                          </a:lnRef>
                          <a:fillRef idx="0">
                            <a:srgbClr val="000000">
                              <a:alpha val="0"/>
                            </a:srgbClr>
                          </a:fillRef>
                          <a:effectRef idx="0">
                            <a:scrgbClr r="0" g="0" b="0"/>
                          </a:effectRef>
                          <a:fontRef idx="none"/>
                        </wps:style>
                        <wps:bodyPr/>
                      </wps:wsp>
                      <wps:wsp>
                        <wps:cNvPr id="3160" name="Shape 3160"/>
                        <wps:cNvSpPr/>
                        <wps:spPr>
                          <a:xfrm>
                            <a:off x="1991496" y="1541425"/>
                            <a:ext cx="49324" cy="73851"/>
                          </a:xfrm>
                          <a:custGeom>
                            <a:avLst/>
                            <a:gdLst/>
                            <a:ahLst/>
                            <a:cxnLst/>
                            <a:rect l="0" t="0" r="0" b="0"/>
                            <a:pathLst>
                              <a:path w="49324" h="73851">
                                <a:moveTo>
                                  <a:pt x="0" y="0"/>
                                </a:moveTo>
                                <a:lnTo>
                                  <a:pt x="49324" y="0"/>
                                </a:lnTo>
                                <a:lnTo>
                                  <a:pt x="24662" y="73851"/>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161" name="Shape 3161"/>
                        <wps:cNvSpPr/>
                        <wps:spPr>
                          <a:xfrm>
                            <a:off x="2016158" y="1938331"/>
                            <a:ext cx="0" cy="147700"/>
                          </a:xfrm>
                          <a:custGeom>
                            <a:avLst/>
                            <a:gdLst/>
                            <a:ahLst/>
                            <a:cxnLst/>
                            <a:rect l="0" t="0" r="0" b="0"/>
                            <a:pathLst>
                              <a:path h="147700">
                                <a:moveTo>
                                  <a:pt x="0" y="0"/>
                                </a:moveTo>
                                <a:lnTo>
                                  <a:pt x="0" y="147700"/>
                                </a:lnTo>
                              </a:path>
                            </a:pathLst>
                          </a:custGeom>
                          <a:ln w="5470" cap="rnd">
                            <a:round/>
                          </a:ln>
                        </wps:spPr>
                        <wps:style>
                          <a:lnRef idx="1">
                            <a:srgbClr val="000000"/>
                          </a:lnRef>
                          <a:fillRef idx="0">
                            <a:srgbClr val="000000">
                              <a:alpha val="0"/>
                            </a:srgbClr>
                          </a:fillRef>
                          <a:effectRef idx="0">
                            <a:scrgbClr r="0" g="0" b="0"/>
                          </a:effectRef>
                          <a:fontRef idx="none"/>
                        </wps:style>
                        <wps:bodyPr/>
                      </wps:wsp>
                      <wps:wsp>
                        <wps:cNvPr id="3162" name="Shape 3162"/>
                        <wps:cNvSpPr/>
                        <wps:spPr>
                          <a:xfrm>
                            <a:off x="1991496" y="2079876"/>
                            <a:ext cx="49324" cy="73850"/>
                          </a:xfrm>
                          <a:custGeom>
                            <a:avLst/>
                            <a:gdLst/>
                            <a:ahLst/>
                            <a:cxnLst/>
                            <a:rect l="0" t="0" r="0" b="0"/>
                            <a:pathLst>
                              <a:path w="49324" h="73850">
                                <a:moveTo>
                                  <a:pt x="0" y="0"/>
                                </a:moveTo>
                                <a:lnTo>
                                  <a:pt x="49324" y="0"/>
                                </a:lnTo>
                                <a:lnTo>
                                  <a:pt x="24662" y="7385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163" name="Shape 3163"/>
                        <wps:cNvSpPr/>
                        <wps:spPr>
                          <a:xfrm>
                            <a:off x="2016158" y="2476766"/>
                            <a:ext cx="0" cy="147677"/>
                          </a:xfrm>
                          <a:custGeom>
                            <a:avLst/>
                            <a:gdLst/>
                            <a:ahLst/>
                            <a:cxnLst/>
                            <a:rect l="0" t="0" r="0" b="0"/>
                            <a:pathLst>
                              <a:path h="147677">
                                <a:moveTo>
                                  <a:pt x="0" y="147677"/>
                                </a:moveTo>
                                <a:lnTo>
                                  <a:pt x="0" y="0"/>
                                </a:lnTo>
                              </a:path>
                            </a:pathLst>
                          </a:custGeom>
                          <a:ln w="5470" cap="rnd">
                            <a:round/>
                          </a:ln>
                        </wps:spPr>
                        <wps:style>
                          <a:lnRef idx="1">
                            <a:srgbClr val="000000"/>
                          </a:lnRef>
                          <a:fillRef idx="0">
                            <a:srgbClr val="000000">
                              <a:alpha val="0"/>
                            </a:srgbClr>
                          </a:fillRef>
                          <a:effectRef idx="0">
                            <a:scrgbClr r="0" g="0" b="0"/>
                          </a:effectRef>
                          <a:fontRef idx="none"/>
                        </wps:style>
                        <wps:bodyPr/>
                      </wps:wsp>
                      <wps:wsp>
                        <wps:cNvPr id="3164" name="Shape 3164"/>
                        <wps:cNvSpPr/>
                        <wps:spPr>
                          <a:xfrm>
                            <a:off x="1991496" y="2618289"/>
                            <a:ext cx="49324" cy="73850"/>
                          </a:xfrm>
                          <a:custGeom>
                            <a:avLst/>
                            <a:gdLst/>
                            <a:ahLst/>
                            <a:cxnLst/>
                            <a:rect l="0" t="0" r="0" b="0"/>
                            <a:pathLst>
                              <a:path w="49324" h="73850">
                                <a:moveTo>
                                  <a:pt x="0" y="0"/>
                                </a:moveTo>
                                <a:lnTo>
                                  <a:pt x="49324" y="0"/>
                                </a:lnTo>
                                <a:lnTo>
                                  <a:pt x="24662" y="7385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165" name="Shape 3165"/>
                        <wps:cNvSpPr/>
                        <wps:spPr>
                          <a:xfrm>
                            <a:off x="2501640" y="2382691"/>
                            <a:ext cx="215719" cy="470975"/>
                          </a:xfrm>
                          <a:custGeom>
                            <a:avLst/>
                            <a:gdLst/>
                            <a:ahLst/>
                            <a:cxnLst/>
                            <a:rect l="0" t="0" r="0" b="0"/>
                            <a:pathLst>
                              <a:path w="215719" h="470975">
                                <a:moveTo>
                                  <a:pt x="0" y="470975"/>
                                </a:moveTo>
                                <a:cubicBezTo>
                                  <a:pt x="119125" y="470975"/>
                                  <a:pt x="215719" y="379369"/>
                                  <a:pt x="215719" y="266376"/>
                                </a:cubicBezTo>
                                <a:cubicBezTo>
                                  <a:pt x="215719" y="266376"/>
                                  <a:pt x="215719" y="266376"/>
                                  <a:pt x="215719" y="266376"/>
                                </a:cubicBezTo>
                                <a:cubicBezTo>
                                  <a:pt x="215719" y="144957"/>
                                  <a:pt x="155433" y="37381"/>
                                  <a:pt x="66375" y="0"/>
                                </a:cubicBezTo>
                              </a:path>
                            </a:pathLst>
                          </a:custGeom>
                          <a:ln w="5470" cap="rnd">
                            <a:round/>
                          </a:ln>
                        </wps:spPr>
                        <wps:style>
                          <a:lnRef idx="1">
                            <a:srgbClr val="000000"/>
                          </a:lnRef>
                          <a:fillRef idx="0">
                            <a:srgbClr val="000000">
                              <a:alpha val="0"/>
                            </a:srgbClr>
                          </a:fillRef>
                          <a:effectRef idx="0">
                            <a:scrgbClr r="0" g="0" b="0"/>
                          </a:effectRef>
                          <a:fontRef idx="none"/>
                        </wps:style>
                        <wps:bodyPr/>
                      </wps:wsp>
                      <wps:wsp>
                        <wps:cNvPr id="3166" name="Shape 3166"/>
                        <wps:cNvSpPr/>
                        <wps:spPr>
                          <a:xfrm>
                            <a:off x="2501640" y="2359814"/>
                            <a:ext cx="77412" cy="48223"/>
                          </a:xfrm>
                          <a:custGeom>
                            <a:avLst/>
                            <a:gdLst/>
                            <a:ahLst/>
                            <a:cxnLst/>
                            <a:rect l="0" t="0" r="0" b="0"/>
                            <a:pathLst>
                              <a:path w="77412" h="48223">
                                <a:moveTo>
                                  <a:pt x="77412" y="0"/>
                                </a:moveTo>
                                <a:lnTo>
                                  <a:pt x="67517" y="48223"/>
                                </a:lnTo>
                                <a:lnTo>
                                  <a:pt x="0" y="9269"/>
                                </a:lnTo>
                                <a:lnTo>
                                  <a:pt x="7741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167" name="Shape 3167"/>
                        <wps:cNvSpPr/>
                        <wps:spPr>
                          <a:xfrm>
                            <a:off x="2501640" y="1841308"/>
                            <a:ext cx="215719" cy="420078"/>
                          </a:xfrm>
                          <a:custGeom>
                            <a:avLst/>
                            <a:gdLst/>
                            <a:ahLst/>
                            <a:cxnLst/>
                            <a:rect l="0" t="0" r="0" b="0"/>
                            <a:pathLst>
                              <a:path w="215719" h="420078">
                                <a:moveTo>
                                  <a:pt x="0" y="420078"/>
                                </a:moveTo>
                                <a:cubicBezTo>
                                  <a:pt x="119125" y="420078"/>
                                  <a:pt x="215719" y="323663"/>
                                  <a:pt x="215719" y="204759"/>
                                </a:cubicBezTo>
                                <a:cubicBezTo>
                                  <a:pt x="215719" y="111534"/>
                                  <a:pt x="155661" y="28947"/>
                                  <a:pt x="66984" y="0"/>
                                </a:cubicBezTo>
                              </a:path>
                            </a:pathLst>
                          </a:custGeom>
                          <a:ln w="5470" cap="rnd">
                            <a:round/>
                          </a:ln>
                        </wps:spPr>
                        <wps:style>
                          <a:lnRef idx="1">
                            <a:srgbClr val="000000"/>
                          </a:lnRef>
                          <a:fillRef idx="0">
                            <a:srgbClr val="000000">
                              <a:alpha val="0"/>
                            </a:srgbClr>
                          </a:fillRef>
                          <a:effectRef idx="0">
                            <a:scrgbClr r="0" g="0" b="0"/>
                          </a:effectRef>
                          <a:fontRef idx="none"/>
                        </wps:style>
                        <wps:bodyPr/>
                      </wps:wsp>
                      <wps:wsp>
                        <wps:cNvPr id="3168" name="Shape 3168"/>
                        <wps:cNvSpPr/>
                        <wps:spPr>
                          <a:xfrm>
                            <a:off x="2501640" y="1817983"/>
                            <a:ext cx="76879" cy="48626"/>
                          </a:xfrm>
                          <a:custGeom>
                            <a:avLst/>
                            <a:gdLst/>
                            <a:ahLst/>
                            <a:cxnLst/>
                            <a:rect l="0" t="0" r="0" b="0"/>
                            <a:pathLst>
                              <a:path w="76879" h="48626">
                                <a:moveTo>
                                  <a:pt x="76879" y="0"/>
                                </a:moveTo>
                                <a:lnTo>
                                  <a:pt x="69191" y="48626"/>
                                </a:lnTo>
                                <a:lnTo>
                                  <a:pt x="0" y="12688"/>
                                </a:lnTo>
                                <a:lnTo>
                                  <a:pt x="76879"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169" name="Shape 3169"/>
                        <wps:cNvSpPr/>
                        <wps:spPr>
                          <a:xfrm>
                            <a:off x="2501640" y="1302857"/>
                            <a:ext cx="215719" cy="420154"/>
                          </a:xfrm>
                          <a:custGeom>
                            <a:avLst/>
                            <a:gdLst/>
                            <a:ahLst/>
                            <a:cxnLst/>
                            <a:rect l="0" t="0" r="0" b="0"/>
                            <a:pathLst>
                              <a:path w="215719" h="420154">
                                <a:moveTo>
                                  <a:pt x="0" y="420154"/>
                                </a:moveTo>
                                <a:cubicBezTo>
                                  <a:pt x="119125" y="420154"/>
                                  <a:pt x="215719" y="323663"/>
                                  <a:pt x="215719" y="204759"/>
                                </a:cubicBezTo>
                                <a:cubicBezTo>
                                  <a:pt x="215719" y="204759"/>
                                  <a:pt x="215719" y="204759"/>
                                  <a:pt x="215719" y="204759"/>
                                </a:cubicBezTo>
                                <a:cubicBezTo>
                                  <a:pt x="215719" y="111535"/>
                                  <a:pt x="155661" y="28948"/>
                                  <a:pt x="66984" y="0"/>
                                </a:cubicBezTo>
                              </a:path>
                            </a:pathLst>
                          </a:custGeom>
                          <a:ln w="5470" cap="rnd">
                            <a:round/>
                          </a:ln>
                        </wps:spPr>
                        <wps:style>
                          <a:lnRef idx="1">
                            <a:srgbClr val="000000"/>
                          </a:lnRef>
                          <a:fillRef idx="0">
                            <a:srgbClr val="000000">
                              <a:alpha val="0"/>
                            </a:srgbClr>
                          </a:fillRef>
                          <a:effectRef idx="0">
                            <a:scrgbClr r="0" g="0" b="0"/>
                          </a:effectRef>
                          <a:fontRef idx="none"/>
                        </wps:style>
                        <wps:bodyPr/>
                      </wps:wsp>
                      <wps:wsp>
                        <wps:cNvPr id="3170" name="Shape 3170"/>
                        <wps:cNvSpPr/>
                        <wps:spPr>
                          <a:xfrm>
                            <a:off x="2501640" y="1279532"/>
                            <a:ext cx="76879" cy="48626"/>
                          </a:xfrm>
                          <a:custGeom>
                            <a:avLst/>
                            <a:gdLst/>
                            <a:ahLst/>
                            <a:cxnLst/>
                            <a:rect l="0" t="0" r="0" b="0"/>
                            <a:pathLst>
                              <a:path w="76879" h="48626">
                                <a:moveTo>
                                  <a:pt x="76879" y="0"/>
                                </a:moveTo>
                                <a:lnTo>
                                  <a:pt x="69191" y="48626"/>
                                </a:lnTo>
                                <a:lnTo>
                                  <a:pt x="0" y="12688"/>
                                </a:lnTo>
                                <a:lnTo>
                                  <a:pt x="76879"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171" name="Shape 3171"/>
                        <wps:cNvSpPr/>
                        <wps:spPr>
                          <a:xfrm>
                            <a:off x="2501640" y="764483"/>
                            <a:ext cx="215719" cy="420077"/>
                          </a:xfrm>
                          <a:custGeom>
                            <a:avLst/>
                            <a:gdLst/>
                            <a:ahLst/>
                            <a:cxnLst/>
                            <a:rect l="0" t="0" r="0" b="0"/>
                            <a:pathLst>
                              <a:path w="215719" h="420077">
                                <a:moveTo>
                                  <a:pt x="0" y="420077"/>
                                </a:moveTo>
                                <a:cubicBezTo>
                                  <a:pt x="119125" y="420077"/>
                                  <a:pt x="215719" y="323663"/>
                                  <a:pt x="215719" y="204683"/>
                                </a:cubicBezTo>
                                <a:cubicBezTo>
                                  <a:pt x="215719" y="204683"/>
                                  <a:pt x="215719" y="204683"/>
                                  <a:pt x="215719" y="204683"/>
                                </a:cubicBezTo>
                                <a:cubicBezTo>
                                  <a:pt x="215719" y="111534"/>
                                  <a:pt x="155661" y="28871"/>
                                  <a:pt x="66984" y="0"/>
                                </a:cubicBezTo>
                              </a:path>
                            </a:pathLst>
                          </a:custGeom>
                          <a:ln w="5470" cap="rnd">
                            <a:round/>
                          </a:ln>
                        </wps:spPr>
                        <wps:style>
                          <a:lnRef idx="1">
                            <a:srgbClr val="000000"/>
                          </a:lnRef>
                          <a:fillRef idx="0">
                            <a:srgbClr val="000000">
                              <a:alpha val="0"/>
                            </a:srgbClr>
                          </a:fillRef>
                          <a:effectRef idx="0">
                            <a:scrgbClr r="0" g="0" b="0"/>
                          </a:effectRef>
                          <a:fontRef idx="none"/>
                        </wps:style>
                        <wps:bodyPr/>
                      </wps:wsp>
                      <wps:wsp>
                        <wps:cNvPr id="3172" name="Shape 3172"/>
                        <wps:cNvSpPr/>
                        <wps:spPr>
                          <a:xfrm>
                            <a:off x="2501640" y="741082"/>
                            <a:ext cx="76879" cy="48625"/>
                          </a:xfrm>
                          <a:custGeom>
                            <a:avLst/>
                            <a:gdLst/>
                            <a:ahLst/>
                            <a:cxnLst/>
                            <a:rect l="0" t="0" r="0" b="0"/>
                            <a:pathLst>
                              <a:path w="76879" h="48625">
                                <a:moveTo>
                                  <a:pt x="76879" y="0"/>
                                </a:moveTo>
                                <a:lnTo>
                                  <a:pt x="69191" y="48625"/>
                                </a:lnTo>
                                <a:lnTo>
                                  <a:pt x="0" y="12764"/>
                                </a:lnTo>
                                <a:lnTo>
                                  <a:pt x="76879"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173" name="Shape 3173"/>
                        <wps:cNvSpPr/>
                        <wps:spPr>
                          <a:xfrm>
                            <a:off x="2501640" y="226032"/>
                            <a:ext cx="215719" cy="420078"/>
                          </a:xfrm>
                          <a:custGeom>
                            <a:avLst/>
                            <a:gdLst/>
                            <a:ahLst/>
                            <a:cxnLst/>
                            <a:rect l="0" t="0" r="0" b="0"/>
                            <a:pathLst>
                              <a:path w="215719" h="420078">
                                <a:moveTo>
                                  <a:pt x="0" y="420078"/>
                                </a:moveTo>
                                <a:cubicBezTo>
                                  <a:pt x="119125" y="420078"/>
                                  <a:pt x="215719" y="323663"/>
                                  <a:pt x="215719" y="204759"/>
                                </a:cubicBezTo>
                                <a:cubicBezTo>
                                  <a:pt x="215719" y="204759"/>
                                  <a:pt x="215719" y="204759"/>
                                  <a:pt x="215719" y="204759"/>
                                </a:cubicBezTo>
                                <a:cubicBezTo>
                                  <a:pt x="215719" y="111535"/>
                                  <a:pt x="155661" y="28947"/>
                                  <a:pt x="66984" y="0"/>
                                </a:cubicBezTo>
                              </a:path>
                            </a:pathLst>
                          </a:custGeom>
                          <a:ln w="5470" cap="rnd">
                            <a:round/>
                          </a:ln>
                        </wps:spPr>
                        <wps:style>
                          <a:lnRef idx="1">
                            <a:srgbClr val="000000"/>
                          </a:lnRef>
                          <a:fillRef idx="0">
                            <a:srgbClr val="000000">
                              <a:alpha val="0"/>
                            </a:srgbClr>
                          </a:fillRef>
                          <a:effectRef idx="0">
                            <a:scrgbClr r="0" g="0" b="0"/>
                          </a:effectRef>
                          <a:fontRef idx="none"/>
                        </wps:style>
                        <wps:bodyPr/>
                      </wps:wsp>
                      <wps:wsp>
                        <wps:cNvPr id="3174" name="Shape 3174"/>
                        <wps:cNvSpPr/>
                        <wps:spPr>
                          <a:xfrm>
                            <a:off x="2501640" y="202707"/>
                            <a:ext cx="76879" cy="48626"/>
                          </a:xfrm>
                          <a:custGeom>
                            <a:avLst/>
                            <a:gdLst/>
                            <a:ahLst/>
                            <a:cxnLst/>
                            <a:rect l="0" t="0" r="0" b="0"/>
                            <a:pathLst>
                              <a:path w="76879" h="48626">
                                <a:moveTo>
                                  <a:pt x="76879" y="0"/>
                                </a:moveTo>
                                <a:lnTo>
                                  <a:pt x="69191" y="48626"/>
                                </a:lnTo>
                                <a:lnTo>
                                  <a:pt x="0" y="12688"/>
                                </a:lnTo>
                                <a:lnTo>
                                  <a:pt x="76879"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175" name="Rectangle 3175"/>
                        <wps:cNvSpPr/>
                        <wps:spPr>
                          <a:xfrm>
                            <a:off x="2823619" y="2282217"/>
                            <a:ext cx="445548" cy="13520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Ntoskrnl</w:t>
                              </w:r>
                              <w:proofErr w:type="spellEnd"/>
                            </w:p>
                          </w:txbxContent>
                        </wps:txbx>
                        <wps:bodyPr horzOverflow="overflow" vert="horz" lIns="0" tIns="0" rIns="0" bIns="0" rtlCol="0">
                          <a:noAutofit/>
                        </wps:bodyPr>
                      </wps:wsp>
                      <wps:wsp>
                        <wps:cNvPr id="3176" name="Rectangle 3176"/>
                        <wps:cNvSpPr/>
                        <wps:spPr>
                          <a:xfrm>
                            <a:off x="3158616" y="2282217"/>
                            <a:ext cx="33753" cy="13520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177" name="Rectangle 3177"/>
                        <wps:cNvSpPr/>
                        <wps:spPr>
                          <a:xfrm>
                            <a:off x="3184039" y="2282217"/>
                            <a:ext cx="195874" cy="135207"/>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exe</w:t>
                              </w:r>
                              <w:proofErr w:type="spellEnd"/>
                            </w:p>
                          </w:txbxContent>
                        </wps:txbx>
                        <wps:bodyPr horzOverflow="overflow" vert="horz" lIns="0" tIns="0" rIns="0" bIns="0" rtlCol="0">
                          <a:noAutofit/>
                        </wps:bodyPr>
                      </wps:wsp>
                      <wps:wsp>
                        <wps:cNvPr id="3178" name="Shape 3178"/>
                        <wps:cNvSpPr/>
                        <wps:spPr>
                          <a:xfrm>
                            <a:off x="451815" y="1507616"/>
                            <a:ext cx="3668021" cy="0"/>
                          </a:xfrm>
                          <a:custGeom>
                            <a:avLst/>
                            <a:gdLst/>
                            <a:ahLst/>
                            <a:cxnLst/>
                            <a:rect l="0" t="0" r="0" b="0"/>
                            <a:pathLst>
                              <a:path w="3668021">
                                <a:moveTo>
                                  <a:pt x="0" y="0"/>
                                </a:moveTo>
                                <a:lnTo>
                                  <a:pt x="3668021" y="0"/>
                                </a:lnTo>
                              </a:path>
                            </a:pathLst>
                          </a:custGeom>
                          <a:ln w="16411" cap="rnd">
                            <a:round/>
                          </a:ln>
                        </wps:spPr>
                        <wps:style>
                          <a:lnRef idx="1">
                            <a:srgbClr val="000000"/>
                          </a:lnRef>
                          <a:fillRef idx="0">
                            <a:srgbClr val="000000">
                              <a:alpha val="0"/>
                            </a:srgbClr>
                          </a:fillRef>
                          <a:effectRef idx="0">
                            <a:scrgbClr r="0" g="0" b="0"/>
                          </a:effectRef>
                          <a:fontRef idx="none"/>
                        </wps:style>
                        <wps:bodyPr/>
                      </wps:wsp>
                      <wps:wsp>
                        <wps:cNvPr id="3179" name="Rectangle 3179"/>
                        <wps:cNvSpPr/>
                        <wps:spPr>
                          <a:xfrm>
                            <a:off x="2995114" y="1392614"/>
                            <a:ext cx="1453034"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wps:txbx>
                        <wps:bodyPr horzOverflow="overflow" vert="horz" lIns="0" tIns="0" rIns="0" bIns="0" rtlCol="0">
                          <a:noAutofit/>
                        </wps:bodyPr>
                      </wps:wsp>
                      <wps:wsp>
                        <wps:cNvPr id="3180" name="Rectangle 3180"/>
                        <wps:cNvSpPr/>
                        <wps:spPr>
                          <a:xfrm>
                            <a:off x="2998615" y="1544568"/>
                            <a:ext cx="686790" cy="1139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 ядра</w:t>
                              </w:r>
                            </w:p>
                          </w:txbxContent>
                        </wps:txbx>
                        <wps:bodyPr horzOverflow="overflow" vert="horz" lIns="0" tIns="0" rIns="0" bIns="0" rtlCol="0">
                          <a:noAutofit/>
                        </wps:bodyPr>
                      </wps:wsp>
                      <wps:wsp>
                        <wps:cNvPr id="3181" name="Shape 3181"/>
                        <wps:cNvSpPr/>
                        <wps:spPr>
                          <a:xfrm>
                            <a:off x="1030351" y="2369083"/>
                            <a:ext cx="324568" cy="0"/>
                          </a:xfrm>
                          <a:custGeom>
                            <a:avLst/>
                            <a:gdLst/>
                            <a:ahLst/>
                            <a:cxnLst/>
                            <a:rect l="0" t="0" r="0" b="0"/>
                            <a:pathLst>
                              <a:path w="324568">
                                <a:moveTo>
                                  <a:pt x="0" y="0"/>
                                </a:moveTo>
                                <a:lnTo>
                                  <a:pt x="324568" y="0"/>
                                </a:lnTo>
                              </a:path>
                            </a:pathLst>
                          </a:custGeom>
                          <a:ln w="5470" cap="rnd">
                            <a:round/>
                          </a:ln>
                        </wps:spPr>
                        <wps:style>
                          <a:lnRef idx="1">
                            <a:srgbClr val="000000"/>
                          </a:lnRef>
                          <a:fillRef idx="0">
                            <a:srgbClr val="000000">
                              <a:alpha val="0"/>
                            </a:srgbClr>
                          </a:fillRef>
                          <a:effectRef idx="0">
                            <a:scrgbClr r="0" g="0" b="0"/>
                          </a:effectRef>
                          <a:fontRef idx="none"/>
                        </wps:style>
                        <wps:bodyPr/>
                      </wps:wsp>
                      <wps:wsp>
                        <wps:cNvPr id="3182" name="Shape 3182"/>
                        <wps:cNvSpPr/>
                        <wps:spPr>
                          <a:xfrm>
                            <a:off x="1348754" y="2344467"/>
                            <a:ext cx="73987" cy="49233"/>
                          </a:xfrm>
                          <a:custGeom>
                            <a:avLst/>
                            <a:gdLst/>
                            <a:ahLst/>
                            <a:cxnLst/>
                            <a:rect l="0" t="0" r="0" b="0"/>
                            <a:pathLst>
                              <a:path w="73987" h="49233">
                                <a:moveTo>
                                  <a:pt x="0" y="0"/>
                                </a:moveTo>
                                <a:lnTo>
                                  <a:pt x="73987" y="24616"/>
                                </a:lnTo>
                                <a:lnTo>
                                  <a:pt x="0" y="4923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183" name="Rectangle 3183"/>
                        <wps:cNvSpPr/>
                        <wps:spPr>
                          <a:xfrm>
                            <a:off x="4151746" y="2934771"/>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inline>
            </w:drawing>
          </mc:Choice>
          <mc:Fallback>
            <w:pict>
              <v:group id="Group 59095" o:spid="_x0000_s1626" style="width:330.45pt;height:240.9pt;mso-position-horizontal-relative:char;mso-position-vertical-relative:line" coordsize="41968,3059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">
                <v:shape id="Shape 3096" o:spid="_x0000_s1627" style="position:absolute;left:15306;width:9710;height:3230;visibility:visible;mso-wrap-style:square;v-text-anchor:top" coordsize="970964,3230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" path="m,323055r970964,l970964,,,,,323055xe" filled="f" strokeweight=".05064mm">
                  <v:stroke endcap="round"/>
                  <v:path arrowok="t" textboxrect="0,0,970964,323055"/>
                </v:shape>
                <v:rect id="Rectangle 3097" o:spid="_x0000_s1628" style="position:absolute;left:16319;top:1225;width:4008;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b/>
                            <w:sz w:val="14"/>
                          </w:rPr>
                          <w:t>Вызов</w:t>
                        </w:r>
                      </w:p>
                    </w:txbxContent>
                  </v:textbox>
                </v:rect>
                <v:rect id="Rectangle 3098" o:spid="_x0000_s1629" style="position:absolute;left:19333;top:1063;width:337;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b/>
                            <w:sz w:val="14"/>
                          </w:rPr>
                          <w:t xml:space="preserve"> </w:t>
                        </w:r>
                      </w:p>
                    </w:txbxContent>
                  </v:textbox>
                </v:rect>
                <v:rect id="Rectangle 3099" o:spid="_x0000_s1630" style="position:absolute;left:19586;top:1063;width:5064;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b/>
                            <w:sz w:val="14"/>
                          </w:rPr>
                          <w:t>ReadFile</w:t>
                        </w:r>
                        <w:proofErr w:type="spellEnd"/>
                      </w:p>
                    </w:txbxContent>
                  </v:textbox>
                </v:rect>
                <v:rect id="Rectangle 3100" o:spid="_x0000_s1631" style="position:absolute;left:23394;top:1063;width:809;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b/>
                            <w:sz w:val="14"/>
                          </w:rPr>
                          <w:t>()</w:t>
                        </w:r>
                      </w:p>
                    </w:txbxContent>
                  </v:textbox>
                </v:rect>
                <v:shape id="Shape 3102" o:spid="_x0000_s1632" style="position:absolute;left:15306;top:5384;width:9710;height:3231;visibility:visible;mso-wrap-style:square;v-text-anchor:top" coordsize="970964,3230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" path="m,323055r970964,l970964,,,,,323055xe" filled="f" strokeweight=".05064mm">
                  <v:stroke endcap="round"/>
                  <v:path arrowok="t" textboxrect="0,0,970964,323055"/>
                </v:shape>
                <v:rect id="Rectangle 3103" o:spid="_x0000_s1633" style="position:absolute;left:15838;top:6062;width:4007;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b/>
                            <w:sz w:val="14"/>
                          </w:rPr>
                          <w:t>Вызов</w:t>
                        </w:r>
                      </w:p>
                    </w:txbxContent>
                  </v:textbox>
                </v:rect>
                <v:rect id="Rectangle 3104" o:spid="_x0000_s1634" style="position:absolute;left:18851;top:5901;width:338;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b/>
                            <w:sz w:val="14"/>
                          </w:rPr>
                          <w:t xml:space="preserve"> </w:t>
                        </w:r>
                      </w:p>
                    </w:txbxContent>
                  </v:textbox>
                </v:rect>
                <v:rect id="Rectangle 3105" o:spid="_x0000_s1635" style="position:absolute;left:19105;top:5901;width:6345;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b/>
                            <w:sz w:val="14"/>
                          </w:rPr>
                          <w:t>NtReadFile</w:t>
                        </w:r>
                        <w:proofErr w:type="spellEnd"/>
                      </w:p>
                    </w:txbxContent>
                  </v:textbox>
                </v:rect>
                <v:rect id="Rectangle 3106" o:spid="_x0000_s1636" style="position:absolute;left:23876;top:5901;width:809;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b/>
                            <w:sz w:val="14"/>
                          </w:rPr>
                          <w:t>()</w:t>
                        </w:r>
                      </w:p>
                    </w:txbxContent>
                  </v:textbox>
                </v:rect>
                <v:rect id="Rectangle 3107" o:spid="_x0000_s1637" style="position:absolute;left:15805;top:7156;width:11588;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озврат управления</w:t>
                        </w:r>
                      </w:p>
                    </w:txbxContent>
                  </v:textbox>
                </v:rect>
                <v:shape id="Shape 3109" o:spid="_x0000_s1638" style="position:absolute;left:15306;top:10769;width:9710;height:3230;visibility:visible;mso-wrap-style:square;v-text-anchor:top" coordsize="970964,3230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" path="m,323055r970964,l970964,,,,,323055xe" filled="f" strokeweight=".05064mm">
                  <v:stroke endcap="round"/>
                  <v:path arrowok="t" textboxrect="0,0,970964,323055"/>
                </v:shape>
                <v:rect id="Rectangle 3110" o:spid="_x0000_s1639" style="position:absolute;left:18917;top:11285;width:1822;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" filled="f" stroked="f">
                  <v:textbox inset="0,0,0,0">
                    <w:txbxContent>
                      <w:p w:rsidR="0043064D" w:rsidRDefault="008B3C4B">
                        <w:pPr>
                          <w:spacing w:after="160" w:line="259" w:lineRule="auto"/>
                          <w:ind w:left="0" w:firstLine="0"/>
                          <w:jc w:val="left"/>
                        </w:pPr>
                        <w:proofErr w:type="spellStart"/>
                        <w:r>
                          <w:rPr>
                            <w:rFonts w:ascii="Arial" w:eastAsia="Arial" w:hAnsi="Arial" w:cs="Arial"/>
                            <w:b/>
                            <w:sz w:val="14"/>
                          </w:rPr>
                          <w:t>Int</w:t>
                        </w:r>
                        <w:proofErr w:type="spellEnd"/>
                        <w:r>
                          <w:rPr>
                            <w:rFonts w:ascii="Arial" w:eastAsia="Arial" w:hAnsi="Arial" w:cs="Arial"/>
                            <w:b/>
                            <w:sz w:val="14"/>
                          </w:rPr>
                          <w:t xml:space="preserve"> </w:t>
                        </w:r>
                      </w:p>
                    </w:txbxContent>
                  </v:textbox>
                </v:rect>
                <v:rect id="Rectangle 3111" o:spid="_x0000_s1640" style="position:absolute;left:20287;top:11285;width:676;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b/>
                            <w:sz w:val="14"/>
                          </w:rPr>
                          <w:t>2</w:t>
                        </w:r>
                      </w:p>
                    </w:txbxContent>
                  </v:textbox>
                </v:rect>
                <v:rect id="Rectangle 3112" o:spid="_x0000_s1641" style="position:absolute;left:20795;top:11285;width:810;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b/>
                            <w:sz w:val="14"/>
                          </w:rPr>
                          <w:t>E</w:t>
                        </w:r>
                      </w:p>
                    </w:txbxContent>
                  </v:textbox>
                </v:rect>
                <v:rect id="Rectangle 3113" o:spid="_x0000_s1642" style="position:absolute;left:15805;top:12541;width:11588;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Возврат управления</w:t>
                        </w:r>
                      </w:p>
                    </w:txbxContent>
                  </v:textbox>
                </v:rect>
                <v:shape id="Shape 3115" o:spid="_x0000_s1643" style="position:absolute;left:15306;top:16152;width:9710;height:3231;visibility:visible;mso-wrap-style:square;v-text-anchor:top" coordsize="970964,3230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" path="m,323055r970964,l970964,,,,,323055xe" filled="f" strokeweight=".05064mm">
                  <v:stroke endcap="round"/>
                  <v:path arrowok="t" textboxrect="0,0,970964,323055"/>
                </v:shape>
                <v:rect id="Rectangle 3116" o:spid="_x0000_s1644" style="position:absolute;left:15838;top:16283;width:4007;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b/>
                            <w:sz w:val="14"/>
                          </w:rPr>
                          <w:t>Вызов</w:t>
                        </w:r>
                      </w:p>
                    </w:txbxContent>
                  </v:textbox>
                </v:rect>
                <v:rect id="Rectangle 3117" o:spid="_x0000_s1645" style="position:absolute;left:18851;top:16122;width:338;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b/>
                            <w:sz w:val="14"/>
                          </w:rPr>
                          <w:t xml:space="preserve"> </w:t>
                        </w:r>
                      </w:p>
                    </w:txbxContent>
                  </v:textbox>
                </v:rect>
                <v:rect id="Rectangle 3118" o:spid="_x0000_s1646" style="position:absolute;left:19105;top:16122;width:6345;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" filled="f" stroked="f">
                  <v:textbox inset="0,0,0,0">
                    <w:txbxContent>
                      <w:p w:rsidR="0043064D" w:rsidRDefault="008B3C4B">
                        <w:pPr>
                          <w:spacing w:after="160" w:line="259" w:lineRule="auto"/>
                          <w:ind w:left="0" w:firstLine="0"/>
                          <w:jc w:val="left"/>
                        </w:pPr>
                        <w:proofErr w:type="spellStart"/>
                        <w:r>
                          <w:rPr>
                            <w:rFonts w:ascii="Arial" w:eastAsia="Arial" w:hAnsi="Arial" w:cs="Arial"/>
                            <w:b/>
                            <w:sz w:val="14"/>
                          </w:rPr>
                          <w:t>NtReadFile</w:t>
                        </w:r>
                        <w:proofErr w:type="spellEnd"/>
                      </w:p>
                    </w:txbxContent>
                  </v:textbox>
                </v:rect>
                <v:rect id="Rectangle 3119" o:spid="_x0000_s1647" style="position:absolute;left:23876;top:16122;width:809;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b/>
                            <w:sz w:val="14"/>
                          </w:rPr>
                          <w:t>()</w:t>
                        </w:r>
                      </w:p>
                    </w:txbxContent>
                  </v:textbox>
                </v:rect>
                <v:rect id="Rectangle 3120" o:spid="_x0000_s1648" style="position:absolute;left:18004;top:17377;width:5738;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Закрытие </w:t>
                        </w:r>
                      </w:p>
                    </w:txbxContent>
                  </v:textbox>
                </v:rect>
                <v:rect id="Rectangle 3121" o:spid="_x0000_s1649" style="position:absolute;left:17572;top:18471;width:6887;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прерывания</w:t>
                        </w:r>
                      </w:p>
                    </w:txbxContent>
                  </v:textbox>
                </v:rect>
                <v:shape id="Shape 3123" o:spid="_x0000_s1650" style="position:absolute;left:14227;top:21537;width:10788;height:3230;visibility:visible;mso-wrap-style:square;v-text-anchor:top" coordsize="1078823,3230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" path="m,323055r1078823,l1078823,,,,,323055xe" filled="f" strokeweight=".05064mm">
                  <v:stroke endcap="round"/>
                  <v:path arrowok="t" textboxrect="0,0,1078823,323055"/>
                </v:shape>
                <v:rect id="Rectangle 3124" o:spid="_x0000_s1651" style="position:absolute;left:15816;top:21668;width:10121;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b/>
                            <w:sz w:val="14"/>
                          </w:rPr>
                          <w:t>Вызов драйвера</w:t>
                        </w:r>
                      </w:p>
                    </w:txbxContent>
                  </v:textbox>
                </v:rect>
                <v:rect id="Rectangle 3125" o:spid="_x0000_s1652" style="position:absolute;left:14595;top:22762;width:13369;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еред к ожиданию или </w:t>
                        </w:r>
                      </w:p>
                    </w:txbxContent>
                  </v:textbox>
                </v:rect>
                <v:rect id="Rectangle 3126" o:spid="_x0000_s1653" style="position:absolute;left:15328;top:23856;width:11423;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озврат управления</w:t>
                        </w:r>
                      </w:p>
                    </w:txbxContent>
                  </v:textbox>
                </v:rect>
                <v:shape id="Shape 3128" o:spid="_x0000_s1654" style="position:absolute;left:15306;top:26921;width:9710;height:3230;visibility:visible;mso-wrap-style:square;v-text-anchor:top" coordsize="970964,3230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" path="m,323055r970964,l970964,,,,,323055xe" filled="f" strokeweight=".05064mm">
                  <v:stroke endcap="round"/>
                  <v:path arrowok="t" textboxrect="0,0,970964,323055"/>
                </v:shape>
                <v:rect id="Rectangle 3129" o:spid="_x0000_s1655" style="position:absolute;left:16453;top:27052;width:9862;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b/>
                            <w:sz w:val="14"/>
                          </w:rPr>
                          <w:t xml:space="preserve">Инициализация </w:t>
                        </w:r>
                      </w:p>
                    </w:txbxContent>
                  </v:textbox>
                </v:rect>
                <v:rect id="Rectangle 3130" o:spid="_x0000_s1656" style="position:absolute;left:16850;top:28146;width:3682;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b/>
                            <w:sz w:val="14"/>
                          </w:rPr>
                          <w:t>ввода</w:t>
                        </w:r>
                      </w:p>
                    </w:txbxContent>
                  </v:textbox>
                </v:rect>
                <v:rect id="Rectangle 3131" o:spid="_x0000_s1657" style="position:absolute;left:19619;top:27985;width:405;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b/>
                            <w:sz w:val="14"/>
                          </w:rPr>
                          <w:t>-</w:t>
                        </w:r>
                      </w:p>
                    </w:txbxContent>
                  </v:textbox>
                </v:rect>
                <v:rect id="Rectangle 3132" o:spid="_x0000_s1658" style="position:absolute;left:19923;top:28146;width:4720;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b/>
                            <w:sz w:val="14"/>
                          </w:rPr>
                          <w:t>вывода</w:t>
                        </w:r>
                      </w:p>
                    </w:txbxContent>
                  </v:textbox>
                </v:rect>
                <v:rect id="Rectangle 3133" o:spid="_x0000_s1659" style="position:absolute;left:15805;top:29240;width:11588;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Возврат управления</w:t>
                        </w:r>
                      </w:p>
                    </w:txbxContent>
                  </v:textbox>
                </v:rect>
                <v:rect id="Rectangle 3134" o:spid="_x0000_s1660" style="position:absolute;left:28378;top:1332;width:7463;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иложение </w:t>
                        </w:r>
                      </w:p>
                    </w:txbxContent>
                  </v:textbox>
                </v:rect>
                <v:rect id="Rectangle 3135" o:spid="_x0000_s1661" style="position:absolute;left:28301;top:6669;width:3512;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Kernel</w:t>
                        </w:r>
                        <w:proofErr w:type="spellEnd"/>
                      </w:p>
                    </w:txbxContent>
                  </v:textbox>
                </v:rect>
                <v:rect id="Rectangle 3136" o:spid="_x0000_s1662" style="position:absolute;left:30942;top:6669;width:1351;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32</w:t>
                        </w:r>
                      </w:p>
                    </w:txbxContent>
                  </v:textbox>
                </v:rect>
                <v:rect id="Rectangle 3137" o:spid="_x0000_s1663" style="position:absolute;left:31957;top:6669;width:338;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138" o:spid="_x0000_s1664" style="position:absolute;left:32211;top:6669;width:1216;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ll</w:t>
                        </w:r>
                        <w:proofErr w:type="spellEnd"/>
                      </w:p>
                    </w:txbxContent>
                  </v:textbox>
                </v:rect>
                <v:rect id="Rectangle 3139" o:spid="_x0000_s1665" style="position:absolute;left:28414;top:12041;width:2430;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Ntdll</w:t>
                        </w:r>
                        <w:proofErr w:type="spellEnd"/>
                      </w:p>
                    </w:txbxContent>
                  </v:textbox>
                </v:rect>
                <v:rect id="Rectangle 3140" o:spid="_x0000_s1666" style="position:absolute;left:30241;top:12041;width:337;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141" o:spid="_x0000_s1667" style="position:absolute;left:30495;top:12041;width:1215;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ll</w:t>
                        </w:r>
                        <w:proofErr w:type="spellEnd"/>
                      </w:p>
                    </w:txbxContent>
                  </v:textbox>
                </v:rect>
                <v:rect id="Rectangle 3142" o:spid="_x0000_s1668" style="position:absolute;left:28303;top:18400;width:4456;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Ntoskrnl</w:t>
                        </w:r>
                        <w:proofErr w:type="spellEnd"/>
                      </w:p>
                    </w:txbxContent>
                  </v:textbox>
                </v:rect>
                <v:rect id="Rectangle 3143" o:spid="_x0000_s1669" style="position:absolute;left:31653;top:18400;width:338;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144" o:spid="_x0000_s1670" style="position:absolute;left:31907;top:18400;width:1959;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exe</w:t>
                        </w:r>
                        <w:proofErr w:type="spellEnd"/>
                      </w:p>
                    </w:txbxContent>
                  </v:textbox>
                </v:rect>
                <v:rect id="Rectangle 3145" o:spid="_x0000_s1671" style="position:absolute;left:28339;top:28409;width:3240;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river</w:t>
                        </w:r>
                        <w:proofErr w:type="spellEnd"/>
                      </w:p>
                    </w:txbxContent>
                  </v:textbox>
                </v:rect>
                <v:rect id="Rectangle 3146" o:spid="_x0000_s1672" style="position:absolute;left:30775;top:28409;width:338;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147" o:spid="_x0000_s1673" style="position:absolute;left:31028;top:28409;width:1823;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sys</w:t>
                        </w:r>
                        <w:proofErr w:type="spellEnd"/>
                      </w:p>
                    </w:txbxContent>
                  </v:textbox>
                </v:rect>
                <v:rect id="Rectangle 3148" o:spid="_x0000_s1674" style="position:absolute;left:8947;top:6657;width:4862;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4"/>
                          </w:rPr>
                          <w:t>ReadFile</w:t>
                        </w:r>
                        <w:proofErr w:type="spellEnd"/>
                      </w:p>
                    </w:txbxContent>
                  </v:textbox>
                </v:rect>
                <v:rect id="Rectangle 3149" o:spid="_x0000_s1675" style="position:absolute;left:9050;top:12053;width:6077;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4"/>
                          </w:rPr>
                          <w:t>NtReadFile</w:t>
                        </w:r>
                        <w:proofErr w:type="spellEnd"/>
                      </w:p>
                    </w:txbxContent>
                  </v:textbox>
                </v:rect>
                <v:rect id="Rectangle 3150" o:spid="_x0000_s1676" style="position:absolute;left:7148;top:17438;width:9182;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4"/>
                          </w:rPr>
                          <w:t>KiSystemService</w:t>
                        </w:r>
                        <w:proofErr w:type="spellEnd"/>
                      </w:p>
                    </w:txbxContent>
                  </v:textbox>
                </v:rect>
                <v:rect id="Rectangle 3151" o:spid="_x0000_s1677" style="position:absolute;left:8922;top:21745;width:6077;height:13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4"/>
                          </w:rPr>
                          <w:t>NtReadFile</w:t>
                        </w:r>
                        <w:proofErr w:type="spellEnd"/>
                      </w:p>
                    </w:txbxContent>
                  </v:textbox>
                </v:rect>
                <v:rect id="Rectangle 3152" o:spid="_x0000_s1678" style="position:absolute;top:22637;width:12355;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ереход в состояние </w:t>
                        </w:r>
                      </w:p>
                    </w:txbxContent>
                  </v:textbox>
                </v:rect>
                <v:rect id="Rectangle 3153" o:spid="_x0000_s1679" style="position:absolute;left:57;top:23731;width:12203;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жидания зависит от </w:t>
                        </w:r>
                      </w:p>
                    </w:txbxContent>
                  </v:textbox>
                </v:rect>
                <v:rect id="Rectangle 3154" o:spid="_x0000_s1680" style="position:absolute;left:571;top:24825;width:10499;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флага перекрытия</w:t>
                        </w:r>
                      </w:p>
                    </w:txbxContent>
                  </v:textbox>
                </v:rect>
                <v:shape id="Shape 3155" o:spid="_x0000_s1681" style="position:absolute;left:20161;top:3230;width:0;height:1477;visibility:visible;mso-wrap-style:square;v-text-anchor:top" coordsize="0,1477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" path="m,l,147700e" filled="f" strokeweight=".15194mm">
                  <v:stroke endcap="round"/>
                  <v:path arrowok="t" textboxrect="0,0,0,147700"/>
                </v:shape>
                <v:shape id="Shape 3156" o:spid="_x0000_s1682" style="position:absolute;left:19914;top:4646;width:494;height:738;visibility:visible;mso-wrap-style:square;v-text-anchor:top" coordsize="49324,738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" path="m,l49324,,24662,73850,,xe" fillcolor="black" stroked="f" strokeweight="0">
                  <v:stroke endcap="round"/>
                  <v:path arrowok="t" textboxrect="0,0,49324,73850"/>
                </v:shape>
                <v:shape id="Shape 3157" o:spid="_x0000_s1683" style="position:absolute;left:20161;top:8615;width:0;height:1477;visibility:visible;mso-wrap-style:square;v-text-anchor:top" coordsize="0,1477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" path="m,l,147700e" filled="f" strokeweight=".15194mm">
                  <v:stroke endcap="round"/>
                  <v:path arrowok="t" textboxrect="0,0,0,147700"/>
                </v:shape>
                <v:shape id="Shape 3158" o:spid="_x0000_s1684" style="position:absolute;left:19914;top:10030;width:494;height:739;visibility:visible;mso-wrap-style:square;v-text-anchor:top" coordsize="49324,738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" path="m,l49324,,24662,73850,,xe" fillcolor="black" stroked="f" strokeweight="0">
                  <v:stroke endcap="round"/>
                  <v:path arrowok="t" textboxrect="0,0,49324,73850"/>
                </v:shape>
                <v:shape id="Shape 3159" o:spid="_x0000_s1685" style="position:absolute;left:20161;top:13999;width:0;height:1476;visibility:visible;mso-wrap-style:square;v-text-anchor:top" coordsize="0,1476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" path="m,l,147624e" filled="f" strokeweight=".15194mm">
                  <v:stroke endcap="round"/>
                  <v:path arrowok="t" textboxrect="0,0,0,147624"/>
                </v:shape>
                <v:shape id="Shape 3160" o:spid="_x0000_s1686" style="position:absolute;left:19914;top:15414;width:494;height:738;visibility:visible;mso-wrap-style:square;v-text-anchor:top" coordsize="49324,738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" path="m,l49324,,24662,73851,,xe" fillcolor="black" stroked="f" strokeweight="0">
                  <v:stroke endcap="round"/>
                  <v:path arrowok="t" textboxrect="0,0,49324,73851"/>
                </v:shape>
                <v:shape id="Shape 3161" o:spid="_x0000_s1687" style="position:absolute;left:20161;top:19383;width:0;height:1477;visibility:visible;mso-wrap-style:square;v-text-anchor:top" coordsize="0,1477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" path="m,l,147700e" filled="f" strokeweight=".15194mm">
                  <v:stroke endcap="round"/>
                  <v:path arrowok="t" textboxrect="0,0,0,147700"/>
                </v:shape>
                <v:shape id="Shape 3162" o:spid="_x0000_s1688" style="position:absolute;left:19914;top:20798;width:494;height:739;visibility:visible;mso-wrap-style:square;v-text-anchor:top" coordsize="49324,738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" path="m,l49324,,24662,73850,,xe" fillcolor="black" stroked="f" strokeweight="0">
                  <v:stroke endcap="round"/>
                  <v:path arrowok="t" textboxrect="0,0,49324,73850"/>
                </v:shape>
                <v:shape id="Shape 3163" o:spid="_x0000_s1689" style="position:absolute;left:20161;top:24767;width:0;height:1477;visibility:visible;mso-wrap-style:square;v-text-anchor:top" coordsize="0,1476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" path="m,147677l,e" filled="f" strokeweight=".15194mm">
                  <v:stroke endcap="round"/>
                  <v:path arrowok="t" textboxrect="0,0,0,147677"/>
                </v:shape>
                <v:shape id="Shape 3164" o:spid="_x0000_s1690" style="position:absolute;left:19914;top:26182;width:494;height:739;visibility:visible;mso-wrap-style:square;v-text-anchor:top" coordsize="49324,738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" path="m,l49324,,24662,73850,,xe" fillcolor="black" stroked="f" strokeweight="0">
                  <v:stroke endcap="round"/>
                  <v:path arrowok="t" textboxrect="0,0,49324,73850"/>
                </v:shape>
                <v:shape id="Shape 3165" o:spid="_x0000_s1691" style="position:absolute;left:25016;top:23826;width:2157;height:4710;visibility:visible;mso-wrap-style:square;v-text-anchor:top" coordsize="215719,4709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" path="m,470975v119125,,215719,-91606,215719,-204599c215719,266376,215719,266376,215719,266376,215719,144957,155433,37381,66375,e" filled="f" strokeweight=".15194mm">
                  <v:stroke endcap="round"/>
                  <v:path arrowok="t" textboxrect="0,0,215719,470975"/>
                </v:shape>
                <v:shape id="Shape 3166" o:spid="_x0000_s1692" style="position:absolute;left:25016;top:23598;width:774;height:482;visibility:visible;mso-wrap-style:square;v-text-anchor:top" coordsize="77412,482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" path="m77412,l67517,48223,,9269,77412,xe" fillcolor="black" stroked="f" strokeweight="0">
                  <v:stroke endcap="round"/>
                  <v:path arrowok="t" textboxrect="0,0,77412,48223"/>
                </v:shape>
                <v:shape id="Shape 3167" o:spid="_x0000_s1693" style="position:absolute;left:25016;top:18413;width:2157;height:4200;visibility:visible;mso-wrap-style:square;v-text-anchor:top" coordsize="215719,4200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" path="m,420078v119125,,215719,-96415,215719,-215319c215719,111534,155661,28947,66984,e" filled="f" strokeweight=".15194mm">
                  <v:stroke endcap="round"/>
                  <v:path arrowok="t" textboxrect="0,0,215719,420078"/>
                </v:shape>
                <v:shape id="Shape 3168" o:spid="_x0000_s1694" style="position:absolute;left:25016;top:18179;width:769;height:487;visibility:visible;mso-wrap-style:square;v-text-anchor:top" coordsize="76879,486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" path="m76879,l69191,48626,,12688,76879,xe" fillcolor="black" stroked="f" strokeweight="0">
                  <v:stroke endcap="round"/>
                  <v:path arrowok="t" textboxrect="0,0,76879,48626"/>
                </v:shape>
                <v:shape id="Shape 3169" o:spid="_x0000_s1695" style="position:absolute;left:25016;top:13028;width:2157;height:4202;visibility:visible;mso-wrap-style:square;v-text-anchor:top" coordsize="215719,42015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" path="m,420154v119125,,215719,-96491,215719,-215395c215719,204759,215719,204759,215719,204759,215719,111535,155661,28948,66984,e" filled="f" strokeweight=".15194mm">
                  <v:stroke endcap="round"/>
                  <v:path arrowok="t" textboxrect="0,0,215719,420154"/>
                </v:shape>
                <v:shape id="Shape 3170" o:spid="_x0000_s1696" style="position:absolute;left:25016;top:12795;width:769;height:486;visibility:visible;mso-wrap-style:square;v-text-anchor:top" coordsize="76879,486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" path="m76879,l69191,48626,,12688,76879,xe" fillcolor="black" stroked="f" strokeweight="0">
                  <v:stroke endcap="round"/>
                  <v:path arrowok="t" textboxrect="0,0,76879,48626"/>
                </v:shape>
                <v:shape id="Shape 3171" o:spid="_x0000_s1697" style="position:absolute;left:25016;top:7644;width:2157;height:4201;visibility:visible;mso-wrap-style:square;v-text-anchor:top" coordsize="215719,4200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" path="m,420077v119125,,215719,-96414,215719,-215394c215719,204683,215719,204683,215719,204683,215719,111534,155661,28871,66984,e" filled="f" strokeweight=".15194mm">
                  <v:stroke endcap="round"/>
                  <v:path arrowok="t" textboxrect="0,0,215719,420077"/>
                </v:shape>
                <v:shape id="Shape 3172" o:spid="_x0000_s1698" style="position:absolute;left:25016;top:7410;width:769;height:487;visibility:visible;mso-wrap-style:square;v-text-anchor:top" coordsize="76879,4862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" path="m76879,l69191,48625,,12764,76879,xe" fillcolor="black" stroked="f" strokeweight="0">
                  <v:stroke endcap="round"/>
                  <v:path arrowok="t" textboxrect="0,0,76879,48625"/>
                </v:shape>
                <v:shape id="Shape 3173" o:spid="_x0000_s1699" style="position:absolute;left:25016;top:2260;width:2157;height:4201;visibility:visible;mso-wrap-style:square;v-text-anchor:top" coordsize="215719,4200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" path="m,420078v119125,,215719,-96415,215719,-215319c215719,204759,215719,204759,215719,204759,215719,111535,155661,28947,66984,e" filled="f" strokeweight=".15194mm">
                  <v:stroke endcap="round"/>
                  <v:path arrowok="t" textboxrect="0,0,215719,420078"/>
                </v:shape>
                <v:shape id="Shape 3174" o:spid="_x0000_s1700" style="position:absolute;left:25016;top:2027;width:769;height:486;visibility:visible;mso-wrap-style:square;v-text-anchor:top" coordsize="76879,486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" path="m76879,l69191,48626,,12688,76879,xe" fillcolor="black" stroked="f" strokeweight="0">
                  <v:stroke endcap="round"/>
                  <v:path arrowok="t" textboxrect="0,0,76879,48626"/>
                </v:shape>
                <v:rect id="Rectangle 3175" o:spid="_x0000_s1701" style="position:absolute;left:28236;top:22822;width:4455;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Ntoskrnl</w:t>
                        </w:r>
                        <w:proofErr w:type="spellEnd"/>
                      </w:p>
                    </w:txbxContent>
                  </v:textbox>
                </v:rect>
                <v:rect id="Rectangle 3176" o:spid="_x0000_s1702" style="position:absolute;left:31586;top:22822;width:337;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177" o:spid="_x0000_s1703" style="position:absolute;left:31840;top:22822;width:1959;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exe</w:t>
                        </w:r>
                        <w:proofErr w:type="spellEnd"/>
                      </w:p>
                    </w:txbxContent>
                  </v:textbox>
                </v:rect>
                <v:shape id="Shape 3178" o:spid="_x0000_s1704" style="position:absolute;left:4518;top:15076;width:36680;height:0;visibility:visible;mso-wrap-style:square;v-text-anchor:top" coordsize="36680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" path="m,l3668021,e" filled="f" strokeweight=".45586mm">
                  <v:stroke endcap="round"/>
                  <v:path arrowok="t" textboxrect="0,0,3668021,0"/>
                </v:shape>
                <v:rect id="Rectangle 3179" o:spid="_x0000_s1705" style="position:absolute;left:29951;top:13926;width:14530;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v:textbox>
                </v:rect>
                <v:rect id="Rectangle 3180" o:spid="_x0000_s1706" style="position:absolute;left:29986;top:15445;width:6868;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Режим ядра</w:t>
                        </w:r>
                      </w:p>
                    </w:txbxContent>
                  </v:textbox>
                </v:rect>
                <v:shape id="Shape 3181" o:spid="_x0000_s1707" style="position:absolute;left:10303;top:23690;width:3246;height:0;visibility:visible;mso-wrap-style:square;v-text-anchor:top" coordsize="3245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" path="m,l324568,e" filled="f" strokeweight=".15194mm">
                  <v:stroke endcap="round"/>
                  <v:path arrowok="t" textboxrect="0,0,324568,0"/>
                </v:shape>
                <v:shape id="Shape 3182" o:spid="_x0000_s1708" style="position:absolute;left:13487;top:23444;width:740;height:493;visibility:visible;mso-wrap-style:square;v-text-anchor:top" coordsize="73987,4923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" path="m,l73987,24616,,49233,,xe" fillcolor="black" stroked="f" strokeweight="0">
                  <v:stroke endcap="round"/>
                  <v:path arrowok="t" textboxrect="0,0,73987,49233"/>
                </v:shape>
                <v:rect id="Rectangle 3183" o:spid="_x0000_s1709" style="position:absolute;left:41517;top:29347;width:599;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" filled="f" stroked="f">
                  <v:textbox inset="0,0,0,0">
                    <w:txbxContent>
                      <w:p w:rsidR="0043064D" w:rsidRDefault="008B3C4B">
                        <w:pPr>
                          <w:spacing w:after="160" w:line="259" w:lineRule="auto"/>
                          <w:ind w:left="0" w:firstLine="0"/>
                          <w:jc w:val="left"/>
                        </w:pPr>
                        <w:r>
                          <w:t xml:space="preserve"> </w:t>
                        </w:r>
                      </w:p>
                    </w:txbxContent>
                  </v:textbox>
                </v:rect>
                <w10:anchorlock/>
              </v:group>
            </w:pict>
          </mc:Fallback>
        </mc:AlternateContent>
      </w:r>
    </w:p>
    <w:p w:rsidR="0043064D" w:rsidRDefault="008B3C4B">
      <w:pPr>
        <w:spacing w:after="359" w:line="265" w:lineRule="auto"/>
        <w:ind w:right="5"/>
        <w:jc w:val="center"/>
      </w:pPr>
      <w:r>
        <w:t xml:space="preserve">Рис. </w:t>
      </w:r>
      <w:proofErr w:type="gramStart"/>
      <w:r>
        <w:t>8.Схема</w:t>
      </w:r>
      <w:proofErr w:type="gramEnd"/>
      <w:r>
        <w:t xml:space="preserve"> управления при операции ввода-вывода </w:t>
      </w:r>
    </w:p>
    <w:p w:rsidR="0043064D" w:rsidRDefault="008B3C4B">
      <w:pPr>
        <w:pStyle w:val="4"/>
        <w:ind w:left="-5"/>
      </w:pPr>
      <w:r>
        <w:t xml:space="preserve">Быстрый ввод-вывод </w:t>
      </w:r>
    </w:p>
    <w:p w:rsidR="0043064D" w:rsidRDefault="008B3C4B">
      <w:pPr>
        <w:ind w:left="-5" w:right="1"/>
      </w:pPr>
      <w:r>
        <w:rPr>
          <w:b/>
        </w:rPr>
        <w:t>Быстрый ввод-вывод</w:t>
      </w:r>
      <w:r>
        <w:t xml:space="preserve"> (</w:t>
      </w:r>
      <w:proofErr w:type="spellStart"/>
      <w:r>
        <w:t>fast</w:t>
      </w:r>
      <w:proofErr w:type="spellEnd"/>
      <w:r>
        <w:t xml:space="preserve"> I/O) — </w:t>
      </w:r>
      <w:r>
        <w:t xml:space="preserve">специальный механизм, который позволяет подсистеме ввода-вывода напрямую, не генерируя IRP, обращаться к драйверу файловой системы или диспетчеру кэша. Драйвер регистрирует свои точки входа для быстрого </w:t>
      </w:r>
      <w:r>
        <w:lastRenderedPageBreak/>
        <w:t>ввода-вывода, записывая их адреса в структуру, на кот</w:t>
      </w:r>
      <w:r>
        <w:t xml:space="preserve">орую ссылается указатель </w:t>
      </w:r>
      <w:r>
        <w:rPr>
          <w:rFonts w:ascii="Courier New" w:eastAsia="Courier New" w:hAnsi="Courier New" w:cs="Courier New"/>
        </w:rPr>
        <w:t>PFAST_IO_DISPATCH</w:t>
      </w:r>
      <w:r>
        <w:t xml:space="preserve"> его объекта «драйвер». </w:t>
      </w:r>
    </w:p>
    <w:p w:rsidR="0043064D" w:rsidRDefault="008B3C4B">
      <w:pPr>
        <w:pStyle w:val="4"/>
        <w:ind w:left="-5"/>
      </w:pPr>
      <w:r>
        <w:t xml:space="preserve">Ввод-вывод в проецируемые файлы и кэширование файлов </w:t>
      </w:r>
    </w:p>
    <w:p w:rsidR="0043064D" w:rsidRDefault="008B3C4B">
      <w:pPr>
        <w:spacing w:after="81" w:line="249" w:lineRule="auto"/>
        <w:ind w:left="-5" w:right="-10"/>
        <w:jc w:val="left"/>
      </w:pPr>
      <w:r>
        <w:rPr>
          <w:b/>
        </w:rPr>
        <w:t>Ввод-вывод в проецируемые файлы</w:t>
      </w:r>
      <w:r>
        <w:t xml:space="preserve"> (</w:t>
      </w:r>
      <w:proofErr w:type="spellStart"/>
      <w:r>
        <w:t>mapped</w:t>
      </w:r>
      <w:proofErr w:type="spellEnd"/>
      <w:r>
        <w:t xml:space="preserve"> </w:t>
      </w:r>
      <w:proofErr w:type="spellStart"/>
      <w:r>
        <w:t>tile</w:t>
      </w:r>
      <w:proofErr w:type="spellEnd"/>
      <w:r>
        <w:t xml:space="preserve"> I/O) — важная функция подсистемы ввода-вывода, поддерживаемая ею совместно с диспетчером п</w:t>
      </w:r>
      <w:r>
        <w:t xml:space="preserve">амяти. Термин </w:t>
      </w:r>
      <w:r>
        <w:tab/>
        <w:t xml:space="preserve">«ввод-вывод </w:t>
      </w:r>
      <w:r>
        <w:tab/>
        <w:t xml:space="preserve">в </w:t>
      </w:r>
      <w:r>
        <w:tab/>
        <w:t xml:space="preserve">проецируемые </w:t>
      </w:r>
      <w:r>
        <w:tab/>
        <w:t xml:space="preserve">файлы» </w:t>
      </w:r>
      <w:r>
        <w:tab/>
        <w:t xml:space="preserve">относится </w:t>
      </w:r>
      <w:r>
        <w:tab/>
        <w:t xml:space="preserve">к </w:t>
      </w:r>
      <w:r>
        <w:tab/>
        <w:t>возможности интерпретировать файл на диске как часть виртуальной памяти процесса. Программа может обращаться к такому файлу как к большому массиву, не прибегая к буферизации или дисковому в</w:t>
      </w:r>
      <w:r>
        <w:t>воду-выводу. При доступе программы к памяти диспетчер памяти использует свой механизм подкачки для загрузки нужной страницы из дискового файла. Если программа изменяет какие-то данные в своем виртуальном адресном пространстве, диспетчер памяти записывает э</w:t>
      </w:r>
      <w:r>
        <w:t xml:space="preserve">ти данные обратно в дисковый файл в ходе обычной операции подкачки страниц. </w:t>
      </w:r>
      <w:r>
        <w:rPr>
          <w:rFonts w:ascii="Calibri" w:eastAsia="Calibri" w:hAnsi="Calibri" w:cs="Calibri"/>
          <w:b/>
          <w:sz w:val="24"/>
        </w:rPr>
        <w:t>Ввод-вывод по механизму «</w:t>
      </w:r>
      <w:proofErr w:type="spellStart"/>
      <w:r>
        <w:rPr>
          <w:rFonts w:ascii="Calibri" w:eastAsia="Calibri" w:hAnsi="Calibri" w:cs="Calibri"/>
          <w:b/>
          <w:sz w:val="24"/>
        </w:rPr>
        <w:t>scatter</w:t>
      </w:r>
      <w:proofErr w:type="spellEnd"/>
      <w:r>
        <w:rPr>
          <w:rFonts w:ascii="Calibri" w:eastAsia="Calibri" w:hAnsi="Calibri" w:cs="Calibri"/>
          <w:b/>
          <w:sz w:val="24"/>
        </w:rPr>
        <w:t>/</w:t>
      </w:r>
      <w:proofErr w:type="spellStart"/>
      <w:r>
        <w:rPr>
          <w:rFonts w:ascii="Calibri" w:eastAsia="Calibri" w:hAnsi="Calibri" w:cs="Calibri"/>
          <w:b/>
          <w:sz w:val="24"/>
        </w:rPr>
        <w:t>gather</w:t>
      </w:r>
      <w:proofErr w:type="spellEnd"/>
      <w:r>
        <w:rPr>
          <w:rFonts w:ascii="Calibri" w:eastAsia="Calibri" w:hAnsi="Calibri" w:cs="Calibri"/>
          <w:b/>
          <w:sz w:val="24"/>
        </w:rPr>
        <w:t>»</w:t>
      </w:r>
      <w:r>
        <w:rPr>
          <w:rFonts w:ascii="Times New Roman" w:eastAsia="Times New Roman" w:hAnsi="Times New Roman" w:cs="Times New Roman"/>
          <w:b/>
          <w:sz w:val="24"/>
        </w:rPr>
        <w:t xml:space="preserve"> </w:t>
      </w:r>
    </w:p>
    <w:p w:rsidR="0043064D" w:rsidRDefault="008B3C4B">
      <w:pPr>
        <w:spacing w:after="2"/>
        <w:ind w:left="-5" w:right="1"/>
      </w:pPr>
      <w:proofErr w:type="spellStart"/>
      <w:r>
        <w:t>Windows</w:t>
      </w:r>
      <w:proofErr w:type="spellEnd"/>
      <w:r>
        <w:t xml:space="preserve"> также поддерживает особый вид высокопроизводительного ввода-вывода с использованием механизма «</w:t>
      </w:r>
      <w:proofErr w:type="spellStart"/>
      <w:r>
        <w:t>scatter</w:t>
      </w:r>
      <w:proofErr w:type="spellEnd"/>
      <w:r>
        <w:t>/</w:t>
      </w:r>
      <w:proofErr w:type="spellStart"/>
      <w:r>
        <w:t>gather</w:t>
      </w:r>
      <w:proofErr w:type="spellEnd"/>
      <w:r>
        <w:t xml:space="preserve">»; он доступен через </w:t>
      </w:r>
      <w:proofErr w:type="spellStart"/>
      <w:r>
        <w:t>Windows</w:t>
      </w:r>
      <w:proofErr w:type="spellEnd"/>
      <w:r>
        <w:t xml:space="preserve">-функции </w:t>
      </w:r>
      <w:proofErr w:type="spellStart"/>
      <w:r>
        <w:rPr>
          <w:rFonts w:ascii="Courier New" w:eastAsia="Courier New" w:hAnsi="Courier New" w:cs="Courier New"/>
        </w:rPr>
        <w:t>ReadFileScatter</w:t>
      </w:r>
      <w:proofErr w:type="spellEnd"/>
      <w:r>
        <w:t xml:space="preserve"> и </w:t>
      </w:r>
      <w:proofErr w:type="spellStart"/>
      <w:r>
        <w:rPr>
          <w:rFonts w:ascii="Courier New" w:eastAsia="Courier New" w:hAnsi="Courier New" w:cs="Courier New"/>
        </w:rPr>
        <w:t>WriteFileGather</w:t>
      </w:r>
      <w:proofErr w:type="spellEnd"/>
      <w:r>
        <w:t>. Эти функции позволяют приложению в рамках одной операции считывать или записывать данные из нескольких буферов в виртуальной памяти в непрерывную область дискового файла, а не выдавать отдельный запрос вво</w:t>
      </w:r>
      <w:r>
        <w:t>да-вывода для каждого буфера. Чтобы задействовать такой ввод-</w:t>
      </w:r>
    </w:p>
    <w:p w:rsidR="0043064D" w:rsidRDefault="008B3C4B">
      <w:pPr>
        <w:tabs>
          <w:tab w:val="center" w:pos="1248"/>
          <w:tab w:val="center" w:pos="2189"/>
          <w:tab w:val="center" w:pos="3407"/>
          <w:tab w:val="center" w:pos="4486"/>
          <w:tab w:val="center" w:pos="5329"/>
          <w:tab w:val="center" w:pos="6713"/>
          <w:tab w:val="right" w:pos="9365"/>
        </w:tabs>
        <w:spacing w:after="10"/>
        <w:ind w:left="-15" w:firstLine="0"/>
        <w:jc w:val="left"/>
      </w:pPr>
      <w:r>
        <w:t xml:space="preserve">вывод, </w:t>
      </w:r>
      <w:r>
        <w:tab/>
        <w:t xml:space="preserve">вы </w:t>
      </w:r>
      <w:r>
        <w:tab/>
        <w:t xml:space="preserve">должны </w:t>
      </w:r>
      <w:r>
        <w:tab/>
        <w:t xml:space="preserve">открыть </w:t>
      </w:r>
      <w:r>
        <w:tab/>
        <w:t xml:space="preserve">файл </w:t>
      </w:r>
      <w:r>
        <w:tab/>
        <w:t xml:space="preserve">для </w:t>
      </w:r>
      <w:r>
        <w:tab/>
        <w:t xml:space="preserve">некэшируемого </w:t>
      </w:r>
      <w:r>
        <w:tab/>
        <w:t xml:space="preserve">асинхронного </w:t>
      </w:r>
    </w:p>
    <w:p w:rsidR="0043064D" w:rsidRDefault="008B3C4B">
      <w:pPr>
        <w:spacing w:after="267"/>
        <w:ind w:left="-5" w:right="1"/>
      </w:pPr>
      <w:r>
        <w:t>(перекрывающегося) ввода-вывода и выровнять пользовательские буферы по границам страниц. Более того, если ввод-вывод направле</w:t>
      </w:r>
      <w:r>
        <w:t xml:space="preserve">н на устройство массовой памяти, то передаваемые данные нужно выровнять по границам секторов устройства, а их объем должен быть кратен размеру сектора. </w:t>
      </w:r>
    </w:p>
    <w:p w:rsidR="0043064D" w:rsidRDefault="008B3C4B">
      <w:pPr>
        <w:pStyle w:val="3"/>
        <w:spacing w:after="57" w:line="265" w:lineRule="auto"/>
        <w:ind w:left="-5"/>
      </w:pPr>
      <w:bookmarkStart w:id="13" w:name="_Toc68661"/>
      <w:r>
        <w:rPr>
          <w:rFonts w:ascii="Tahoma" w:eastAsia="Tahoma" w:hAnsi="Tahoma" w:cs="Tahoma"/>
          <w:b w:val="0"/>
        </w:rPr>
        <w:t xml:space="preserve">Пакеты запроса ввода-вывода </w:t>
      </w:r>
      <w:bookmarkEnd w:id="13"/>
    </w:p>
    <w:p w:rsidR="0043064D" w:rsidRDefault="008B3C4B">
      <w:pPr>
        <w:ind w:left="-5" w:right="1"/>
      </w:pPr>
      <w:r>
        <w:rPr>
          <w:b/>
        </w:rPr>
        <w:t>Пакет запроса ввода-вывода</w:t>
      </w:r>
      <w:r>
        <w:t xml:space="preserve"> </w:t>
      </w:r>
      <w:r>
        <w:t xml:space="preserve">(I/O </w:t>
      </w:r>
      <w:proofErr w:type="spellStart"/>
      <w:r>
        <w:t>request</w:t>
      </w:r>
      <w:proofErr w:type="spellEnd"/>
      <w:r>
        <w:t xml:space="preserve"> </w:t>
      </w:r>
      <w:proofErr w:type="spellStart"/>
      <w:r>
        <w:t>packet</w:t>
      </w:r>
      <w:proofErr w:type="spellEnd"/>
      <w:r>
        <w:t>, IRP) хранит информацию, нужную для обработки запроса на ввод-вывод. Когда поток вызывает сервис ввода-вывода, диспетчер ввода-вывода создает IRP для представления операции в процессе ее выполнения подсистемой ввода-вывода. По возможнос</w:t>
      </w:r>
      <w:r>
        <w:t xml:space="preserve">ти диспетчер ввода-вывода выделяет память под IRP в одном из двух ассоциативных списков IRP, индивидуальных для каждого процессора и хранящихся в пуле </w:t>
      </w:r>
      <w:proofErr w:type="spellStart"/>
      <w:r>
        <w:t>неподкачиваемой</w:t>
      </w:r>
      <w:proofErr w:type="spellEnd"/>
      <w:r>
        <w:t xml:space="preserve"> памяти. Ассоциативный список малых IRP (</w:t>
      </w:r>
      <w:proofErr w:type="spellStart"/>
      <w:r>
        <w:t>small</w:t>
      </w:r>
      <w:proofErr w:type="spellEnd"/>
      <w:r>
        <w:t xml:space="preserve"> IRP </w:t>
      </w:r>
      <w:proofErr w:type="spellStart"/>
      <w:r>
        <w:t>look-aside</w:t>
      </w:r>
      <w:proofErr w:type="spellEnd"/>
      <w:r>
        <w:t xml:space="preserve"> </w:t>
      </w:r>
      <w:proofErr w:type="spellStart"/>
      <w:r>
        <w:t>list</w:t>
      </w:r>
      <w:proofErr w:type="spellEnd"/>
      <w:r>
        <w:t>) хранит IRP с одним бло</w:t>
      </w:r>
      <w:r>
        <w:t>ком стека (об этих блоках — чуть позже), а ассоциативный список больших IRP (</w:t>
      </w:r>
      <w:proofErr w:type="spellStart"/>
      <w:r>
        <w:t>large</w:t>
      </w:r>
      <w:proofErr w:type="spellEnd"/>
      <w:r>
        <w:t xml:space="preserve">-IRP </w:t>
      </w:r>
      <w:proofErr w:type="spellStart"/>
      <w:r>
        <w:t>look-aside</w:t>
      </w:r>
      <w:proofErr w:type="spellEnd"/>
      <w:r>
        <w:t xml:space="preserve"> </w:t>
      </w:r>
      <w:proofErr w:type="spellStart"/>
      <w:r>
        <w:t>list</w:t>
      </w:r>
      <w:proofErr w:type="spellEnd"/>
      <w:r>
        <w:t>) — IRP с несколькими блоками стека. По умолчанию в IRP второго списка содержится 8 блоков стека, но раз в минуту система варьирует это число на основании</w:t>
      </w:r>
      <w:r>
        <w:t xml:space="preserve"> того, сколько блоков было запрошено. Если для IRP требуется больше блоков стека, чем имеется в ассоциативном списке больших IRP, диспетчер ввода-вывода выделяет память под IRP из пула </w:t>
      </w:r>
      <w:proofErr w:type="spellStart"/>
      <w:r>
        <w:t>неподкачиваемой</w:t>
      </w:r>
      <w:proofErr w:type="spellEnd"/>
      <w:r>
        <w:t xml:space="preserve"> памяти. После создания и инициализации TRP диспетчер вв</w:t>
      </w:r>
      <w:r>
        <w:t xml:space="preserve">ода-вывода сохраняет в IRP указатель на объект «файл» вызывающего потока. </w:t>
      </w:r>
    </w:p>
    <w:p w:rsidR="0043064D" w:rsidRDefault="008B3C4B">
      <w:pPr>
        <w:ind w:left="-5" w:right="1"/>
      </w:pPr>
      <w:r>
        <w:t>На Рис. 9 показан пример запроса ввода-вывода, демонстрирующий взаимосвязи между IRP и объектами «файл», «устройство» и «драйвер». Данный пример относится к запросу ввода-вывода, ко</w:t>
      </w:r>
      <w:r>
        <w:t xml:space="preserve">торый адресован одноуровневому драйверу, но большинство операций ввода-вывода гораздо сложнее, так как в их выполнении участвует не один, а несколько многоуровневых драйверов. (Этот случай выходит за рамки лекции, с ним можно ознакомится </w:t>
      </w:r>
      <w:proofErr w:type="gramStart"/>
      <w:r>
        <w:t xml:space="preserve">в  </w:t>
      </w:r>
      <w:r>
        <w:t>)</w:t>
      </w:r>
      <w:proofErr w:type="gramEnd"/>
      <w:r>
        <w:t xml:space="preserve"> </w:t>
      </w:r>
    </w:p>
    <w:p w:rsidR="0043064D" w:rsidRDefault="008B3C4B">
      <w:pPr>
        <w:spacing w:after="0" w:line="259" w:lineRule="auto"/>
        <w:ind w:left="1491" w:firstLine="0"/>
        <w:jc w:val="left"/>
      </w:pPr>
      <w:r>
        <w:rPr>
          <w:rFonts w:ascii="Calibri" w:eastAsia="Calibri" w:hAnsi="Calibri" w:cs="Calibri"/>
          <w:noProof/>
          <w:sz w:val="22"/>
        </w:rPr>
        <w:lastRenderedPageBreak/>
        <mc:AlternateContent>
          <mc:Choice Requires="wpg">
            <w:drawing>
              <wp:inline distT="0" distB="0" distL="0" distR="0">
                <wp:extent cx="4055108" cy="3676745"/>
                <wp:effectExtent l="0" t="0" r="0" b="0"/>
                <wp:docPr id="60005" name="Group 60005"/>
                <wp:cNvGraphicFramePr/>
                <a:graphic xmlns:a="http://schemas.openxmlformats.org/drawingml/2006/main">
                  <a:graphicData uri="http://schemas.microsoft.com/office/word/2010/wordprocessingGroup">
                    <wpg:wgp>
                      <wpg:cNvGrpSpPr/>
                      <wpg:grpSpPr>
                        <a:xfrm>
                          <a:off x="0" y="0"/>
                          <a:ext cx="4055108" cy="3676745"/>
                          <a:chOff x="0" y="0"/>
                          <a:chExt cx="4055108" cy="3676745"/>
                        </a:xfrm>
                      </wpg:grpSpPr>
                      <wps:wsp>
                        <wps:cNvPr id="3429" name="Shape 3429"/>
                        <wps:cNvSpPr/>
                        <wps:spPr>
                          <a:xfrm>
                            <a:off x="1214410" y="0"/>
                            <a:ext cx="1019142" cy="325110"/>
                          </a:xfrm>
                          <a:custGeom>
                            <a:avLst/>
                            <a:gdLst/>
                            <a:ahLst/>
                            <a:cxnLst/>
                            <a:rect l="0" t="0" r="0" b="0"/>
                            <a:pathLst>
                              <a:path w="1019142" h="325110">
                                <a:moveTo>
                                  <a:pt x="1019142" y="162555"/>
                                </a:moveTo>
                                <a:cubicBezTo>
                                  <a:pt x="1019142" y="72790"/>
                                  <a:pt x="791016" y="0"/>
                                  <a:pt x="509571" y="0"/>
                                </a:cubicBezTo>
                                <a:cubicBezTo>
                                  <a:pt x="228125" y="0"/>
                                  <a:pt x="0" y="72790"/>
                                  <a:pt x="0" y="162555"/>
                                </a:cubicBezTo>
                                <a:cubicBezTo>
                                  <a:pt x="0" y="252319"/>
                                  <a:pt x="228125" y="325110"/>
                                  <a:pt x="509571" y="325110"/>
                                </a:cubicBezTo>
                                <a:cubicBezTo>
                                  <a:pt x="791016" y="325110"/>
                                  <a:pt x="1019142" y="252319"/>
                                  <a:pt x="1019142" y="162555"/>
                                </a:cubicBezTo>
                                <a:close/>
                              </a:path>
                            </a:pathLst>
                          </a:custGeom>
                          <a:ln w="5505" cap="rnd">
                            <a:round/>
                          </a:ln>
                        </wps:spPr>
                        <wps:style>
                          <a:lnRef idx="1">
                            <a:srgbClr val="000000"/>
                          </a:lnRef>
                          <a:fillRef idx="0">
                            <a:srgbClr val="000000">
                              <a:alpha val="0"/>
                            </a:srgbClr>
                          </a:fillRef>
                          <a:effectRef idx="0">
                            <a:scrgbClr r="0" g="0" b="0"/>
                          </a:effectRef>
                          <a:fontRef idx="none"/>
                        </wps:style>
                        <wps:bodyPr/>
                      </wps:wsp>
                      <wps:wsp>
                        <wps:cNvPr id="3430" name="Rectangle 3430"/>
                        <wps:cNvSpPr/>
                        <wps:spPr>
                          <a:xfrm>
                            <a:off x="1463496" y="68230"/>
                            <a:ext cx="726823"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дсист</w:t>
                              </w:r>
                              <w:r>
                                <w:rPr>
                                  <w:rFonts w:ascii="Arial" w:eastAsia="Arial" w:hAnsi="Arial" w:cs="Arial"/>
                                  <w:sz w:val="14"/>
                                </w:rPr>
                                <w:t xml:space="preserve">ема </w:t>
                              </w:r>
                            </w:p>
                          </w:txbxContent>
                        </wps:txbx>
                        <wps:bodyPr horzOverflow="overflow" vert="horz" lIns="0" tIns="0" rIns="0" bIns="0" rtlCol="0">
                          <a:noAutofit/>
                        </wps:bodyPr>
                      </wps:wsp>
                      <wps:wsp>
                        <wps:cNvPr id="3431" name="Rectangle 3431"/>
                        <wps:cNvSpPr/>
                        <wps:spPr>
                          <a:xfrm>
                            <a:off x="1310036" y="178333"/>
                            <a:ext cx="877117"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кружения или </w:t>
                              </w:r>
                            </w:p>
                          </w:txbxContent>
                        </wps:txbx>
                        <wps:bodyPr horzOverflow="overflow" vert="horz" lIns="0" tIns="0" rIns="0" bIns="0" rtlCol="0">
                          <a:noAutofit/>
                        </wps:bodyPr>
                      </wps:wsp>
                      <wps:wsp>
                        <wps:cNvPr id="3432" name="Rectangle 3432"/>
                        <wps:cNvSpPr/>
                        <wps:spPr>
                          <a:xfrm>
                            <a:off x="1969471" y="162095"/>
                            <a:ext cx="223981"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LL</w:t>
                              </w:r>
                            </w:p>
                          </w:txbxContent>
                        </wps:txbx>
                        <wps:bodyPr horzOverflow="overflow" vert="horz" lIns="0" tIns="0" rIns="0" bIns="0" rtlCol="0">
                          <a:noAutofit/>
                        </wps:bodyPr>
                      </wps:wsp>
                      <wps:wsp>
                        <wps:cNvPr id="3433" name="Shape 3433"/>
                        <wps:cNvSpPr/>
                        <wps:spPr>
                          <a:xfrm>
                            <a:off x="0" y="671858"/>
                            <a:ext cx="3686452" cy="0"/>
                          </a:xfrm>
                          <a:custGeom>
                            <a:avLst/>
                            <a:gdLst/>
                            <a:ahLst/>
                            <a:cxnLst/>
                            <a:rect l="0" t="0" r="0" b="0"/>
                            <a:pathLst>
                              <a:path w="3686452">
                                <a:moveTo>
                                  <a:pt x="0" y="0"/>
                                </a:moveTo>
                                <a:lnTo>
                                  <a:pt x="3686452" y="0"/>
                                </a:lnTo>
                              </a:path>
                            </a:pathLst>
                          </a:custGeom>
                          <a:ln w="16515" cap="rnd">
                            <a:round/>
                          </a:ln>
                        </wps:spPr>
                        <wps:style>
                          <a:lnRef idx="1">
                            <a:srgbClr val="000000"/>
                          </a:lnRef>
                          <a:fillRef idx="0">
                            <a:srgbClr val="000000">
                              <a:alpha val="0"/>
                            </a:srgbClr>
                          </a:fillRef>
                          <a:effectRef idx="0">
                            <a:scrgbClr r="0" g="0" b="0"/>
                          </a:effectRef>
                          <a:fontRef idx="none"/>
                        </wps:style>
                        <wps:bodyPr/>
                      </wps:wsp>
                      <wps:wsp>
                        <wps:cNvPr id="3434" name="Rectangle 3434"/>
                        <wps:cNvSpPr/>
                        <wps:spPr>
                          <a:xfrm>
                            <a:off x="2629978" y="556200"/>
                            <a:ext cx="1460334"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wps:txbx>
                        <wps:bodyPr horzOverflow="overflow" vert="horz" lIns="0" tIns="0" rIns="0" bIns="0" rtlCol="0">
                          <a:noAutofit/>
                        </wps:bodyPr>
                      </wps:wsp>
                      <wps:wsp>
                        <wps:cNvPr id="3435" name="Rectangle 3435"/>
                        <wps:cNvSpPr/>
                        <wps:spPr>
                          <a:xfrm>
                            <a:off x="2633420" y="709121"/>
                            <a:ext cx="690240"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 ядра</w:t>
                              </w:r>
                            </w:p>
                          </w:txbxContent>
                        </wps:txbx>
                        <wps:bodyPr horzOverflow="overflow" vert="horz" lIns="0" tIns="0" rIns="0" bIns="0" rtlCol="0">
                          <a:noAutofit/>
                        </wps:bodyPr>
                      </wps:wsp>
                      <wps:wsp>
                        <wps:cNvPr id="3436" name="Shape 3436"/>
                        <wps:cNvSpPr/>
                        <wps:spPr>
                          <a:xfrm>
                            <a:off x="86744" y="238404"/>
                            <a:ext cx="130105" cy="130060"/>
                          </a:xfrm>
                          <a:custGeom>
                            <a:avLst/>
                            <a:gdLst/>
                            <a:ahLst/>
                            <a:cxnLst/>
                            <a:rect l="0" t="0" r="0" b="0"/>
                            <a:pathLst>
                              <a:path w="130105" h="130060">
                                <a:moveTo>
                                  <a:pt x="65056" y="0"/>
                                </a:moveTo>
                                <a:cubicBezTo>
                                  <a:pt x="100981" y="0"/>
                                  <a:pt x="130105" y="29132"/>
                                  <a:pt x="130105" y="65068"/>
                                </a:cubicBezTo>
                                <a:cubicBezTo>
                                  <a:pt x="130105" y="100928"/>
                                  <a:pt x="100981" y="130060"/>
                                  <a:pt x="65056" y="130060"/>
                                </a:cubicBezTo>
                                <a:cubicBezTo>
                                  <a:pt x="29124" y="130060"/>
                                  <a:pt x="0" y="100928"/>
                                  <a:pt x="0" y="65068"/>
                                </a:cubicBezTo>
                                <a:cubicBezTo>
                                  <a:pt x="0" y="29132"/>
                                  <a:pt x="29124" y="0"/>
                                  <a:pt x="65056" y="0"/>
                                </a:cubicBezTo>
                                <a:close/>
                              </a:path>
                            </a:pathLst>
                          </a:custGeom>
                          <a:ln w="0" cap="rnd">
                            <a:round/>
                          </a:ln>
                        </wps:spPr>
                        <wps:style>
                          <a:lnRef idx="0">
                            <a:srgbClr val="000000">
                              <a:alpha val="0"/>
                            </a:srgbClr>
                          </a:lnRef>
                          <a:fillRef idx="1">
                            <a:srgbClr val="BFBFBF"/>
                          </a:fillRef>
                          <a:effectRef idx="0">
                            <a:scrgbClr r="0" g="0" b="0"/>
                          </a:effectRef>
                          <a:fontRef idx="none"/>
                        </wps:style>
                        <wps:bodyPr/>
                      </wps:wsp>
                      <wps:wsp>
                        <wps:cNvPr id="3437" name="Shape 3437"/>
                        <wps:cNvSpPr/>
                        <wps:spPr>
                          <a:xfrm>
                            <a:off x="86744" y="238404"/>
                            <a:ext cx="130105" cy="130060"/>
                          </a:xfrm>
                          <a:custGeom>
                            <a:avLst/>
                            <a:gdLst/>
                            <a:ahLst/>
                            <a:cxnLst/>
                            <a:rect l="0" t="0" r="0" b="0"/>
                            <a:pathLst>
                              <a:path w="130105" h="130060">
                                <a:moveTo>
                                  <a:pt x="130105" y="65068"/>
                                </a:moveTo>
                                <a:cubicBezTo>
                                  <a:pt x="130105" y="29132"/>
                                  <a:pt x="100981" y="0"/>
                                  <a:pt x="65056" y="0"/>
                                </a:cubicBezTo>
                                <a:cubicBezTo>
                                  <a:pt x="29124" y="0"/>
                                  <a:pt x="0" y="29132"/>
                                  <a:pt x="0" y="65068"/>
                                </a:cubicBezTo>
                                <a:cubicBezTo>
                                  <a:pt x="0" y="100928"/>
                                  <a:pt x="29124" y="130060"/>
                                  <a:pt x="65056" y="130060"/>
                                </a:cubicBezTo>
                                <a:cubicBezTo>
                                  <a:pt x="100981" y="130060"/>
                                  <a:pt x="130105" y="100928"/>
                                  <a:pt x="130105" y="65068"/>
                                </a:cubicBezTo>
                                <a:close/>
                              </a:path>
                            </a:pathLst>
                          </a:custGeom>
                          <a:ln w="5505" cap="rnd">
                            <a:round/>
                          </a:ln>
                        </wps:spPr>
                        <wps:style>
                          <a:lnRef idx="1">
                            <a:srgbClr val="000000"/>
                          </a:lnRef>
                          <a:fillRef idx="0">
                            <a:srgbClr val="000000">
                              <a:alpha val="0"/>
                            </a:srgbClr>
                          </a:fillRef>
                          <a:effectRef idx="0">
                            <a:scrgbClr r="0" g="0" b="0"/>
                          </a:effectRef>
                          <a:fontRef idx="none"/>
                        </wps:style>
                        <wps:bodyPr/>
                      </wps:wsp>
                      <wps:wsp>
                        <wps:cNvPr id="3438" name="Rectangle 3438"/>
                        <wps:cNvSpPr/>
                        <wps:spPr>
                          <a:xfrm>
                            <a:off x="126272" y="247960"/>
                            <a:ext cx="67905"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3439" name="Rectangle 3439"/>
                        <wps:cNvSpPr/>
                        <wps:spPr>
                          <a:xfrm>
                            <a:off x="229862" y="272685"/>
                            <a:ext cx="1435789"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иложение отправляет </w:t>
                              </w:r>
                            </w:p>
                          </w:txbxContent>
                        </wps:txbx>
                        <wps:bodyPr horzOverflow="overflow" vert="horz" lIns="0" tIns="0" rIns="0" bIns="0" rtlCol="0">
                          <a:noAutofit/>
                        </wps:bodyPr>
                      </wps:wsp>
                      <wps:wsp>
                        <wps:cNvPr id="3440" name="Rectangle 3440"/>
                        <wps:cNvSpPr/>
                        <wps:spPr>
                          <a:xfrm>
                            <a:off x="229862" y="382788"/>
                            <a:ext cx="972348"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айл на принтер</w:t>
                              </w:r>
                            </w:p>
                          </w:txbxContent>
                        </wps:txbx>
                        <wps:bodyPr horzOverflow="overflow" vert="horz" lIns="0" tIns="0" rIns="0" bIns="0" rtlCol="0">
                          <a:noAutofit/>
                        </wps:bodyPr>
                      </wps:wsp>
                      <wps:wsp>
                        <wps:cNvPr id="3441" name="Rectangle 3441"/>
                        <wps:cNvSpPr/>
                        <wps:spPr>
                          <a:xfrm>
                            <a:off x="960963" y="366549"/>
                            <a:ext cx="67846"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3442" name="Rectangle 3442"/>
                        <wps:cNvSpPr/>
                        <wps:spPr>
                          <a:xfrm>
                            <a:off x="1011989" y="382788"/>
                            <a:ext cx="641803"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ередавая </w:t>
                              </w:r>
                            </w:p>
                          </w:txbxContent>
                        </wps:txbx>
                        <wps:bodyPr horzOverflow="overflow" vert="horz" lIns="0" tIns="0" rIns="0" bIns="0" rtlCol="0">
                          <a:noAutofit/>
                        </wps:bodyPr>
                      </wps:wsp>
                      <wps:wsp>
                        <wps:cNvPr id="3443" name="Rectangle 3443"/>
                        <wps:cNvSpPr/>
                        <wps:spPr>
                          <a:xfrm>
                            <a:off x="229862" y="492891"/>
                            <a:ext cx="1117019"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писатель объекта </w:t>
                              </w:r>
                            </w:p>
                          </w:txbxContent>
                        </wps:txbx>
                        <wps:bodyPr horzOverflow="overflow" vert="horz" lIns="0" tIns="0" rIns="0" bIns="0" rtlCol="0">
                          <a:noAutofit/>
                        </wps:bodyPr>
                      </wps:wsp>
                      <wps:wsp>
                        <wps:cNvPr id="3444" name="Rectangle 3444"/>
                        <wps:cNvSpPr/>
                        <wps:spPr>
                          <a:xfrm>
                            <a:off x="1069747" y="492891"/>
                            <a:ext cx="67886"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445" name="Rectangle 3445"/>
                        <wps:cNvSpPr/>
                        <wps:spPr>
                          <a:xfrm>
                            <a:off x="1120773" y="492891"/>
                            <a:ext cx="307748"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айл</w:t>
                              </w:r>
                            </w:p>
                          </w:txbxContent>
                        </wps:txbx>
                        <wps:bodyPr horzOverflow="overflow" vert="horz" lIns="0" tIns="0" rIns="0" bIns="0" rtlCol="0">
                          <a:noAutofit/>
                        </wps:bodyPr>
                      </wps:wsp>
                      <wps:wsp>
                        <wps:cNvPr id="3446" name="Rectangle 3446"/>
                        <wps:cNvSpPr/>
                        <wps:spPr>
                          <a:xfrm>
                            <a:off x="1352187" y="492891"/>
                            <a:ext cx="67886"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447" name="Rectangle 3447"/>
                        <wps:cNvSpPr/>
                        <wps:spPr>
                          <a:xfrm>
                            <a:off x="258297" y="1551411"/>
                            <a:ext cx="971993"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 ввода</w:t>
                              </w:r>
                            </w:p>
                          </w:txbxContent>
                        </wps:txbx>
                        <wps:bodyPr horzOverflow="overflow" vert="horz" lIns="0" tIns="0" rIns="0" bIns="0" rtlCol="0">
                          <a:noAutofit/>
                        </wps:bodyPr>
                      </wps:wsp>
                      <wps:wsp>
                        <wps:cNvPr id="3448" name="Rectangle 3448"/>
                        <wps:cNvSpPr/>
                        <wps:spPr>
                          <a:xfrm>
                            <a:off x="989115" y="1535173"/>
                            <a:ext cx="40659"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449" name="Rectangle 3449"/>
                        <wps:cNvSpPr/>
                        <wps:spPr>
                          <a:xfrm>
                            <a:off x="1019716" y="1551411"/>
                            <a:ext cx="458478"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а </w:t>
                              </w:r>
                            </w:p>
                          </w:txbxContent>
                        </wps:txbx>
                        <wps:bodyPr horzOverflow="overflow" vert="horz" lIns="0" tIns="0" rIns="0" bIns="0" rtlCol="0">
                          <a:noAutofit/>
                        </wps:bodyPr>
                      </wps:wsp>
                      <wps:wsp>
                        <wps:cNvPr id="3450" name="Rectangle 3450"/>
                        <wps:cNvSpPr/>
                        <wps:spPr>
                          <a:xfrm>
                            <a:off x="258297" y="1661515"/>
                            <a:ext cx="481850"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оздает </w:t>
                              </w:r>
                            </w:p>
                          </w:txbxContent>
                        </wps:txbx>
                        <wps:bodyPr horzOverflow="overflow" vert="horz" lIns="0" tIns="0" rIns="0" bIns="0" rtlCol="0">
                          <a:noAutofit/>
                        </wps:bodyPr>
                      </wps:wsp>
                      <wps:wsp>
                        <wps:cNvPr id="3451" name="Rectangle 3451"/>
                        <wps:cNvSpPr/>
                        <wps:spPr>
                          <a:xfrm>
                            <a:off x="620573" y="1645276"/>
                            <a:ext cx="237458" cy="13606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P </w:t>
                              </w:r>
                            </w:p>
                          </w:txbxContent>
                        </wps:txbx>
                        <wps:bodyPr horzOverflow="overflow" vert="horz" lIns="0" tIns="0" rIns="0" bIns="0" rtlCol="0">
                          <a:noAutofit/>
                        </wps:bodyPr>
                      </wps:wsp>
                      <wps:wsp>
                        <wps:cNvPr id="3452" name="Rectangle 3452"/>
                        <wps:cNvSpPr/>
                        <wps:spPr>
                          <a:xfrm>
                            <a:off x="799088" y="1661515"/>
                            <a:ext cx="1062353"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 инициализирует </w:t>
                              </w:r>
                            </w:p>
                          </w:txbxContent>
                        </wps:txbx>
                        <wps:bodyPr horzOverflow="overflow" vert="horz" lIns="0" tIns="0" rIns="0" bIns="0" rtlCol="0">
                          <a:noAutofit/>
                        </wps:bodyPr>
                      </wps:wsp>
                      <wps:wsp>
                        <wps:cNvPr id="3453" name="Rectangle 3453"/>
                        <wps:cNvSpPr/>
                        <wps:spPr>
                          <a:xfrm>
                            <a:off x="258297" y="1771617"/>
                            <a:ext cx="1093229"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ервый блок стека </w:t>
                              </w:r>
                            </w:p>
                          </w:txbxContent>
                        </wps:txbx>
                        <wps:bodyPr horzOverflow="overflow" vert="horz" lIns="0" tIns="0" rIns="0" bIns="0" rtlCol="0">
                          <a:noAutofit/>
                        </wps:bodyPr>
                      </wps:wsp>
                      <wps:wsp>
                        <wps:cNvPr id="3454" name="Rectangle 3454"/>
                        <wps:cNvSpPr/>
                        <wps:spPr>
                          <a:xfrm>
                            <a:off x="247457" y="2633404"/>
                            <a:ext cx="1047382"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спользуя </w:t>
                              </w:r>
                              <w:proofErr w:type="spellStart"/>
                              <w:r>
                                <w:rPr>
                                  <w:rFonts w:ascii="Arial" w:eastAsia="Arial" w:hAnsi="Arial" w:cs="Arial"/>
                                  <w:sz w:val="14"/>
                                </w:rPr>
                                <w:t>обьект</w:t>
                              </w:r>
                              <w:proofErr w:type="spellEnd"/>
                              <w:r>
                                <w:rPr>
                                  <w:rFonts w:ascii="Arial" w:eastAsia="Arial" w:hAnsi="Arial" w:cs="Arial"/>
                                  <w:sz w:val="14"/>
                                </w:rPr>
                                <w:t xml:space="preserve"> </w:t>
                              </w:r>
                            </w:p>
                          </w:txbxContent>
                        </wps:txbx>
                        <wps:bodyPr horzOverflow="overflow" vert="horz" lIns="0" tIns="0" rIns="0" bIns="0" rtlCol="0">
                          <a:noAutofit/>
                        </wps:bodyPr>
                      </wps:wsp>
                      <wps:wsp>
                        <wps:cNvPr id="3455" name="Rectangle 3455"/>
                        <wps:cNvSpPr/>
                        <wps:spPr>
                          <a:xfrm>
                            <a:off x="1034939" y="2633404"/>
                            <a:ext cx="67886"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456" name="Rectangle 3456"/>
                        <wps:cNvSpPr/>
                        <wps:spPr>
                          <a:xfrm>
                            <a:off x="1085965" y="2633404"/>
                            <a:ext cx="475910"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w:t>
                              </w:r>
                            </w:p>
                          </w:txbxContent>
                        </wps:txbx>
                        <wps:bodyPr horzOverflow="overflow" vert="horz" lIns="0" tIns="0" rIns="0" bIns="0" rtlCol="0">
                          <a:noAutofit/>
                        </wps:bodyPr>
                      </wps:wsp>
                      <wps:wsp>
                        <wps:cNvPr id="3457" name="Rectangle 3457"/>
                        <wps:cNvSpPr/>
                        <wps:spPr>
                          <a:xfrm>
                            <a:off x="1443835" y="2633404"/>
                            <a:ext cx="101847"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3458" name="Rectangle 3458"/>
                        <wps:cNvSpPr/>
                        <wps:spPr>
                          <a:xfrm>
                            <a:off x="247457" y="2743507"/>
                            <a:ext cx="960544"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 ввода</w:t>
                              </w:r>
                            </w:p>
                          </w:txbxContent>
                        </wps:txbx>
                        <wps:bodyPr horzOverflow="overflow" vert="horz" lIns="0" tIns="0" rIns="0" bIns="0" rtlCol="0">
                          <a:noAutofit/>
                        </wps:bodyPr>
                      </wps:wsp>
                      <wps:wsp>
                        <wps:cNvPr id="3459" name="Rectangle 3459"/>
                        <wps:cNvSpPr/>
                        <wps:spPr>
                          <a:xfrm>
                            <a:off x="969684" y="2727268"/>
                            <a:ext cx="40659"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460" name="Rectangle 3460"/>
                        <wps:cNvSpPr/>
                        <wps:spPr>
                          <a:xfrm>
                            <a:off x="1000284" y="2743507"/>
                            <a:ext cx="458478"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а </w:t>
                              </w:r>
                            </w:p>
                          </w:txbxContent>
                        </wps:txbx>
                        <wps:bodyPr horzOverflow="overflow" vert="horz" lIns="0" tIns="0" rIns="0" bIns="0" rtlCol="0">
                          <a:noAutofit/>
                        </wps:bodyPr>
                      </wps:wsp>
                      <wps:wsp>
                        <wps:cNvPr id="3461" name="Rectangle 3461"/>
                        <wps:cNvSpPr/>
                        <wps:spPr>
                          <a:xfrm>
                            <a:off x="247457" y="2853610"/>
                            <a:ext cx="1128526"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находит процедуру </w:t>
                              </w:r>
                            </w:p>
                          </w:txbxContent>
                        </wps:txbx>
                        <wps:bodyPr horzOverflow="overflow" vert="horz" lIns="0" tIns="0" rIns="0" bIns="0" rtlCol="0">
                          <a:noAutofit/>
                        </wps:bodyPr>
                      </wps:wsp>
                      <wps:wsp>
                        <wps:cNvPr id="3462" name="Rectangle 3462"/>
                        <wps:cNvSpPr/>
                        <wps:spPr>
                          <a:xfrm>
                            <a:off x="247457" y="2963698"/>
                            <a:ext cx="1022228"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изации </w:t>
                              </w:r>
                            </w:p>
                          </w:txbxContent>
                        </wps:txbx>
                        <wps:bodyPr horzOverflow="overflow" vert="horz" lIns="0" tIns="0" rIns="0" bIns="0" rtlCol="0">
                          <a:noAutofit/>
                        </wps:bodyPr>
                      </wps:wsp>
                      <wps:wsp>
                        <wps:cNvPr id="3463" name="Rectangle 3463"/>
                        <wps:cNvSpPr/>
                        <wps:spPr>
                          <a:xfrm>
                            <a:off x="1016043" y="2947460"/>
                            <a:ext cx="427282"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WRITE </w:t>
                              </w:r>
                            </w:p>
                          </w:txbxContent>
                        </wps:txbx>
                        <wps:bodyPr horzOverflow="overflow" vert="horz" lIns="0" tIns="0" rIns="0" bIns="0" rtlCol="0">
                          <a:noAutofit/>
                        </wps:bodyPr>
                      </wps:wsp>
                      <wps:wsp>
                        <wps:cNvPr id="3464" name="Rectangle 3464"/>
                        <wps:cNvSpPr/>
                        <wps:spPr>
                          <a:xfrm>
                            <a:off x="1337270" y="2963698"/>
                            <a:ext cx="102147"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 </w:t>
                              </w:r>
                            </w:p>
                          </w:txbxContent>
                        </wps:txbx>
                        <wps:bodyPr horzOverflow="overflow" vert="horz" lIns="0" tIns="0" rIns="0" bIns="0" rtlCol="0">
                          <a:noAutofit/>
                        </wps:bodyPr>
                      </wps:wsp>
                      <wps:wsp>
                        <wps:cNvPr id="3465" name="Rectangle 3465"/>
                        <wps:cNvSpPr/>
                        <wps:spPr>
                          <a:xfrm>
                            <a:off x="247457" y="3073801"/>
                            <a:ext cx="722660"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зывает ее</w:t>
                              </w:r>
                            </w:p>
                          </w:txbxContent>
                        </wps:txbx>
                        <wps:bodyPr horzOverflow="overflow" vert="horz" lIns="0" tIns="0" rIns="0" bIns="0" rtlCol="0">
                          <a:noAutofit/>
                        </wps:bodyPr>
                      </wps:wsp>
                      <wps:wsp>
                        <wps:cNvPr id="3466" name="Rectangle 3466"/>
                        <wps:cNvSpPr/>
                        <wps:spPr>
                          <a:xfrm>
                            <a:off x="790826" y="3057563"/>
                            <a:ext cx="67846"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3467" name="Rectangle 3467"/>
                        <wps:cNvSpPr/>
                        <wps:spPr>
                          <a:xfrm>
                            <a:off x="841851" y="3073801"/>
                            <a:ext cx="641803"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ередавая </w:t>
                              </w:r>
                            </w:p>
                          </w:txbxContent>
                        </wps:txbx>
                        <wps:bodyPr horzOverflow="overflow" vert="horz" lIns="0" tIns="0" rIns="0" bIns="0" rtlCol="0">
                          <a:noAutofit/>
                        </wps:bodyPr>
                      </wps:wsp>
                      <wps:wsp>
                        <wps:cNvPr id="3468" name="Rectangle 3468"/>
                        <wps:cNvSpPr/>
                        <wps:spPr>
                          <a:xfrm>
                            <a:off x="1324418" y="3057563"/>
                            <a:ext cx="203533"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3469" name="Rectangle 3469"/>
                        <wps:cNvSpPr/>
                        <wps:spPr>
                          <a:xfrm>
                            <a:off x="1477419" y="3057563"/>
                            <a:ext cx="33923"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3470" name="Rectangle 3470"/>
                        <wps:cNvSpPr/>
                        <wps:spPr>
                          <a:xfrm>
                            <a:off x="381027" y="2366557"/>
                            <a:ext cx="646757"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Блок стека </w:t>
                              </w:r>
                            </w:p>
                          </w:txbxContent>
                        </wps:txbx>
                        <wps:bodyPr horzOverflow="overflow" vert="horz" lIns="0" tIns="0" rIns="0" bIns="0" rtlCol="0">
                          <a:noAutofit/>
                        </wps:bodyPr>
                      </wps:wsp>
                      <wps:wsp>
                        <wps:cNvPr id="3471" name="Rectangle 3471"/>
                        <wps:cNvSpPr/>
                        <wps:spPr>
                          <a:xfrm>
                            <a:off x="867326" y="2350319"/>
                            <a:ext cx="203534"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3472" name="Rectangle 3472"/>
                        <wps:cNvSpPr/>
                        <wps:spPr>
                          <a:xfrm>
                            <a:off x="1589186" y="2860233"/>
                            <a:ext cx="203533"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3473" name="Rectangle 3473"/>
                        <wps:cNvSpPr/>
                        <wps:spPr>
                          <a:xfrm>
                            <a:off x="2021033" y="3590502"/>
                            <a:ext cx="1153053"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 устройства</w:t>
                              </w:r>
                            </w:p>
                          </w:txbxContent>
                        </wps:txbx>
                        <wps:bodyPr horzOverflow="overflow" vert="horz" lIns="0" tIns="0" rIns="0" bIns="0" rtlCol="0">
                          <a:noAutofit/>
                        </wps:bodyPr>
                      </wps:wsp>
                      <wps:wsp>
                        <wps:cNvPr id="3475" name="Shape 3475"/>
                        <wps:cNvSpPr/>
                        <wps:spPr>
                          <a:xfrm>
                            <a:off x="1138445" y="888624"/>
                            <a:ext cx="1192722" cy="325110"/>
                          </a:xfrm>
                          <a:custGeom>
                            <a:avLst/>
                            <a:gdLst/>
                            <a:ahLst/>
                            <a:cxnLst/>
                            <a:rect l="0" t="0" r="0" b="0"/>
                            <a:pathLst>
                              <a:path w="1192722" h="325110">
                                <a:moveTo>
                                  <a:pt x="0" y="325110"/>
                                </a:moveTo>
                                <a:lnTo>
                                  <a:pt x="1192722" y="325110"/>
                                </a:lnTo>
                                <a:lnTo>
                                  <a:pt x="1192722"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3476" name="Rectangle 3476"/>
                        <wps:cNvSpPr/>
                        <wps:spPr>
                          <a:xfrm>
                            <a:off x="1259315" y="956853"/>
                            <a:ext cx="1264811"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ервисы подсистемы </w:t>
                              </w:r>
                            </w:p>
                          </w:txbxContent>
                        </wps:txbx>
                        <wps:bodyPr horzOverflow="overflow" vert="horz" lIns="0" tIns="0" rIns="0" bIns="0" rtlCol="0">
                          <a:noAutofit/>
                        </wps:bodyPr>
                      </wps:wsp>
                      <wps:wsp>
                        <wps:cNvPr id="3477" name="Rectangle 3477"/>
                        <wps:cNvSpPr/>
                        <wps:spPr>
                          <a:xfrm>
                            <a:off x="1433354" y="1066956"/>
                            <a:ext cx="336762"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3478" name="Rectangle 3478"/>
                        <wps:cNvSpPr/>
                        <wps:spPr>
                          <a:xfrm>
                            <a:off x="1686572" y="1050719"/>
                            <a:ext cx="40659"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479" name="Rectangle 3479"/>
                        <wps:cNvSpPr/>
                        <wps:spPr>
                          <a:xfrm>
                            <a:off x="1717096" y="1066956"/>
                            <a:ext cx="424517"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3481" name="Shape 3481"/>
                        <wps:cNvSpPr/>
                        <wps:spPr>
                          <a:xfrm>
                            <a:off x="1138445" y="1213765"/>
                            <a:ext cx="1192722" cy="216735"/>
                          </a:xfrm>
                          <a:custGeom>
                            <a:avLst/>
                            <a:gdLst/>
                            <a:ahLst/>
                            <a:cxnLst/>
                            <a:rect l="0" t="0" r="0" b="0"/>
                            <a:pathLst>
                              <a:path w="1192722" h="216735">
                                <a:moveTo>
                                  <a:pt x="0" y="216735"/>
                                </a:moveTo>
                                <a:lnTo>
                                  <a:pt x="1192722" y="216735"/>
                                </a:lnTo>
                                <a:lnTo>
                                  <a:pt x="1192722"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3482" name="Rectangle 3482"/>
                        <wps:cNvSpPr/>
                        <wps:spPr>
                          <a:xfrm>
                            <a:off x="1194519" y="1282804"/>
                            <a:ext cx="971992"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 ввода</w:t>
                              </w:r>
                            </w:p>
                          </w:txbxContent>
                        </wps:txbx>
                        <wps:bodyPr horzOverflow="overflow" vert="horz" lIns="0" tIns="0" rIns="0" bIns="0" rtlCol="0">
                          <a:noAutofit/>
                        </wps:bodyPr>
                      </wps:wsp>
                      <wps:wsp>
                        <wps:cNvPr id="3483" name="Rectangle 3483"/>
                        <wps:cNvSpPr/>
                        <wps:spPr>
                          <a:xfrm>
                            <a:off x="1925330" y="1266567"/>
                            <a:ext cx="40659"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484" name="Rectangle 3484"/>
                        <wps:cNvSpPr/>
                        <wps:spPr>
                          <a:xfrm>
                            <a:off x="1955931" y="1282804"/>
                            <a:ext cx="424516"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3485" name="Shape 3485"/>
                        <wps:cNvSpPr/>
                        <wps:spPr>
                          <a:xfrm>
                            <a:off x="1734843" y="346749"/>
                            <a:ext cx="0" cy="473749"/>
                          </a:xfrm>
                          <a:custGeom>
                            <a:avLst/>
                            <a:gdLst/>
                            <a:ahLst/>
                            <a:cxnLst/>
                            <a:rect l="0" t="0" r="0" b="0"/>
                            <a:pathLst>
                              <a:path h="473749">
                                <a:moveTo>
                                  <a:pt x="0" y="0"/>
                                </a:moveTo>
                                <a:lnTo>
                                  <a:pt x="0" y="473749"/>
                                </a:lnTo>
                              </a:path>
                            </a:pathLst>
                          </a:custGeom>
                          <a:ln w="5505" cap="rnd">
                            <a:round/>
                          </a:ln>
                        </wps:spPr>
                        <wps:style>
                          <a:lnRef idx="1">
                            <a:srgbClr val="000000"/>
                          </a:lnRef>
                          <a:fillRef idx="0">
                            <a:srgbClr val="000000">
                              <a:alpha val="0"/>
                            </a:srgbClr>
                          </a:fillRef>
                          <a:effectRef idx="0">
                            <a:scrgbClr r="0" g="0" b="0"/>
                          </a:effectRef>
                          <a:fontRef idx="none"/>
                        </wps:style>
                        <wps:bodyPr/>
                      </wps:wsp>
                      <wps:wsp>
                        <wps:cNvPr id="3486" name="Shape 3486"/>
                        <wps:cNvSpPr/>
                        <wps:spPr>
                          <a:xfrm>
                            <a:off x="1710057" y="814304"/>
                            <a:ext cx="49573" cy="74320"/>
                          </a:xfrm>
                          <a:custGeom>
                            <a:avLst/>
                            <a:gdLst/>
                            <a:ahLst/>
                            <a:cxnLst/>
                            <a:rect l="0" t="0" r="0" b="0"/>
                            <a:pathLst>
                              <a:path w="49573" h="74320">
                                <a:moveTo>
                                  <a:pt x="0" y="0"/>
                                </a:moveTo>
                                <a:lnTo>
                                  <a:pt x="49573" y="0"/>
                                </a:lnTo>
                                <a:lnTo>
                                  <a:pt x="24786" y="7432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487" name="Shape 3487"/>
                        <wps:cNvSpPr/>
                        <wps:spPr>
                          <a:xfrm>
                            <a:off x="1734843" y="325110"/>
                            <a:ext cx="0" cy="563514"/>
                          </a:xfrm>
                          <a:custGeom>
                            <a:avLst/>
                            <a:gdLst/>
                            <a:ahLst/>
                            <a:cxnLst/>
                            <a:rect l="0" t="0" r="0" b="0"/>
                            <a:pathLst>
                              <a:path h="563514">
                                <a:moveTo>
                                  <a:pt x="0" y="0"/>
                                </a:moveTo>
                                <a:lnTo>
                                  <a:pt x="0" y="563514"/>
                                </a:lnTo>
                              </a:path>
                            </a:pathLst>
                          </a:custGeom>
                          <a:ln w="1835" cap="rnd">
                            <a:round/>
                          </a:ln>
                        </wps:spPr>
                        <wps:style>
                          <a:lnRef idx="1">
                            <a:srgbClr val="000000"/>
                          </a:lnRef>
                          <a:fillRef idx="0">
                            <a:srgbClr val="000000">
                              <a:alpha val="0"/>
                            </a:srgbClr>
                          </a:fillRef>
                          <a:effectRef idx="0">
                            <a:scrgbClr r="0" g="0" b="0"/>
                          </a:effectRef>
                          <a:fontRef idx="none"/>
                        </wps:style>
                        <wps:bodyPr/>
                      </wps:wsp>
                      <wps:wsp>
                        <wps:cNvPr id="3488" name="Shape 3488"/>
                        <wps:cNvSpPr/>
                        <wps:spPr>
                          <a:xfrm>
                            <a:off x="108424" y="1538845"/>
                            <a:ext cx="130112" cy="130059"/>
                          </a:xfrm>
                          <a:custGeom>
                            <a:avLst/>
                            <a:gdLst/>
                            <a:ahLst/>
                            <a:cxnLst/>
                            <a:rect l="0" t="0" r="0" b="0"/>
                            <a:pathLst>
                              <a:path w="130112" h="130059">
                                <a:moveTo>
                                  <a:pt x="65056" y="0"/>
                                </a:moveTo>
                                <a:cubicBezTo>
                                  <a:pt x="100989" y="0"/>
                                  <a:pt x="130112" y="29131"/>
                                  <a:pt x="130112" y="64991"/>
                                </a:cubicBezTo>
                                <a:cubicBezTo>
                                  <a:pt x="130112" y="100928"/>
                                  <a:pt x="100989" y="130059"/>
                                  <a:pt x="65056" y="130059"/>
                                </a:cubicBezTo>
                                <a:cubicBezTo>
                                  <a:pt x="29132" y="130059"/>
                                  <a:pt x="0" y="100928"/>
                                  <a:pt x="0" y="64991"/>
                                </a:cubicBezTo>
                                <a:cubicBezTo>
                                  <a:pt x="0" y="29131"/>
                                  <a:pt x="29132" y="0"/>
                                  <a:pt x="65056" y="0"/>
                                </a:cubicBezTo>
                                <a:close/>
                              </a:path>
                            </a:pathLst>
                          </a:custGeom>
                          <a:ln w="0" cap="rnd">
                            <a:round/>
                          </a:ln>
                        </wps:spPr>
                        <wps:style>
                          <a:lnRef idx="0">
                            <a:srgbClr val="000000">
                              <a:alpha val="0"/>
                            </a:srgbClr>
                          </a:lnRef>
                          <a:fillRef idx="1">
                            <a:srgbClr val="BFBFBF"/>
                          </a:fillRef>
                          <a:effectRef idx="0">
                            <a:scrgbClr r="0" g="0" b="0"/>
                          </a:effectRef>
                          <a:fontRef idx="none"/>
                        </wps:style>
                        <wps:bodyPr/>
                      </wps:wsp>
                      <wps:wsp>
                        <wps:cNvPr id="3489" name="Shape 3489"/>
                        <wps:cNvSpPr/>
                        <wps:spPr>
                          <a:xfrm>
                            <a:off x="108424" y="1538845"/>
                            <a:ext cx="130112" cy="130059"/>
                          </a:xfrm>
                          <a:custGeom>
                            <a:avLst/>
                            <a:gdLst/>
                            <a:ahLst/>
                            <a:cxnLst/>
                            <a:rect l="0" t="0" r="0" b="0"/>
                            <a:pathLst>
                              <a:path w="130112" h="130059">
                                <a:moveTo>
                                  <a:pt x="130112" y="64991"/>
                                </a:moveTo>
                                <a:cubicBezTo>
                                  <a:pt x="130112" y="29131"/>
                                  <a:pt x="100989" y="0"/>
                                  <a:pt x="65056" y="0"/>
                                </a:cubicBezTo>
                                <a:cubicBezTo>
                                  <a:pt x="29132" y="0"/>
                                  <a:pt x="0" y="29131"/>
                                  <a:pt x="0" y="64991"/>
                                </a:cubicBezTo>
                                <a:cubicBezTo>
                                  <a:pt x="0" y="100928"/>
                                  <a:pt x="29132" y="130059"/>
                                  <a:pt x="65056" y="130059"/>
                                </a:cubicBezTo>
                                <a:cubicBezTo>
                                  <a:pt x="100989" y="130059"/>
                                  <a:pt x="130112" y="100928"/>
                                  <a:pt x="130112" y="64991"/>
                                </a:cubicBezTo>
                                <a:close/>
                              </a:path>
                            </a:pathLst>
                          </a:custGeom>
                          <a:ln w="5505" cap="rnd">
                            <a:round/>
                          </a:ln>
                        </wps:spPr>
                        <wps:style>
                          <a:lnRef idx="1">
                            <a:srgbClr val="000000"/>
                          </a:lnRef>
                          <a:fillRef idx="0">
                            <a:srgbClr val="000000">
                              <a:alpha val="0"/>
                            </a:srgbClr>
                          </a:fillRef>
                          <a:effectRef idx="0">
                            <a:scrgbClr r="0" g="0" b="0"/>
                          </a:effectRef>
                          <a:fontRef idx="none"/>
                        </wps:style>
                        <wps:bodyPr/>
                      </wps:wsp>
                      <wps:wsp>
                        <wps:cNvPr id="3490" name="Rectangle 3490"/>
                        <wps:cNvSpPr/>
                        <wps:spPr>
                          <a:xfrm>
                            <a:off x="147952" y="1548325"/>
                            <a:ext cx="67905"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3492" name="Shape 3492"/>
                        <wps:cNvSpPr/>
                        <wps:spPr>
                          <a:xfrm>
                            <a:off x="1162848" y="1972299"/>
                            <a:ext cx="758963" cy="216765"/>
                          </a:xfrm>
                          <a:custGeom>
                            <a:avLst/>
                            <a:gdLst/>
                            <a:ahLst/>
                            <a:cxnLst/>
                            <a:rect l="0" t="0" r="0" b="0"/>
                            <a:pathLst>
                              <a:path w="758963" h="216765">
                                <a:moveTo>
                                  <a:pt x="0" y="216765"/>
                                </a:moveTo>
                                <a:lnTo>
                                  <a:pt x="758963" y="216765"/>
                                </a:lnTo>
                                <a:lnTo>
                                  <a:pt x="758963" y="162555"/>
                                </a:lnTo>
                                <a:cubicBezTo>
                                  <a:pt x="758963" y="72790"/>
                                  <a:pt x="686135" y="0"/>
                                  <a:pt x="596323" y="0"/>
                                </a:cubicBezTo>
                                <a:lnTo>
                                  <a:pt x="162564" y="0"/>
                                </a:lnTo>
                                <a:cubicBezTo>
                                  <a:pt x="72752" y="0"/>
                                  <a:pt x="0" y="72790"/>
                                  <a:pt x="0" y="162555"/>
                                </a:cubicBezTo>
                                <a:lnTo>
                                  <a:pt x="0" y="162555"/>
                                </a:lnTo>
                                <a:lnTo>
                                  <a:pt x="0" y="216765"/>
                                </a:lnTo>
                                <a:close/>
                              </a:path>
                            </a:pathLst>
                          </a:custGeom>
                          <a:ln w="5505" cap="rnd">
                            <a:round/>
                          </a:ln>
                        </wps:spPr>
                        <wps:style>
                          <a:lnRef idx="1">
                            <a:srgbClr val="000000"/>
                          </a:lnRef>
                          <a:fillRef idx="0">
                            <a:srgbClr val="000000">
                              <a:alpha val="0"/>
                            </a:srgbClr>
                          </a:fillRef>
                          <a:effectRef idx="0">
                            <a:scrgbClr r="0" g="0" b="0"/>
                          </a:effectRef>
                          <a:fontRef idx="none"/>
                        </wps:style>
                        <wps:bodyPr/>
                      </wps:wsp>
                      <wps:wsp>
                        <wps:cNvPr id="3494" name="Rectangle 3494"/>
                        <wps:cNvSpPr/>
                        <wps:spPr>
                          <a:xfrm>
                            <a:off x="1235218" y="2041446"/>
                            <a:ext cx="613367"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shd w:val="clear" w:color="auto" w:fill="FFFFFF"/>
                                </w:rPr>
                                <w:t xml:space="preserve">Заголовок </w:t>
                              </w:r>
                            </w:p>
                          </w:txbxContent>
                        </wps:txbx>
                        <wps:bodyPr horzOverflow="overflow" vert="horz" lIns="0" tIns="0" rIns="0" bIns="0" rtlCol="0">
                          <a:noAutofit/>
                        </wps:bodyPr>
                      </wps:wsp>
                      <wps:wsp>
                        <wps:cNvPr id="3495" name="Rectangle 3495"/>
                        <wps:cNvSpPr/>
                        <wps:spPr>
                          <a:xfrm>
                            <a:off x="1696364" y="2025208"/>
                            <a:ext cx="203533" cy="13606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shd w:val="clear" w:color="auto" w:fill="FFFFFF"/>
                                </w:rPr>
                                <w:t>IRP</w:t>
                              </w:r>
                            </w:p>
                          </w:txbxContent>
                        </wps:txbx>
                        <wps:bodyPr horzOverflow="overflow" vert="horz" lIns="0" tIns="0" rIns="0" bIns="0" rtlCol="0">
                          <a:noAutofit/>
                        </wps:bodyPr>
                      </wps:wsp>
                      <wps:wsp>
                        <wps:cNvPr id="3496" name="Shape 3496"/>
                        <wps:cNvSpPr/>
                        <wps:spPr>
                          <a:xfrm>
                            <a:off x="1162848" y="2189065"/>
                            <a:ext cx="758963" cy="390102"/>
                          </a:xfrm>
                          <a:custGeom>
                            <a:avLst/>
                            <a:gdLst/>
                            <a:ahLst/>
                            <a:cxnLst/>
                            <a:rect l="0" t="0" r="0" b="0"/>
                            <a:pathLst>
                              <a:path w="758963" h="390102">
                                <a:moveTo>
                                  <a:pt x="0" y="0"/>
                                </a:moveTo>
                                <a:lnTo>
                                  <a:pt x="758963" y="0"/>
                                </a:lnTo>
                                <a:lnTo>
                                  <a:pt x="758963" y="227547"/>
                                </a:lnTo>
                                <a:cubicBezTo>
                                  <a:pt x="758963" y="317388"/>
                                  <a:pt x="686135" y="390102"/>
                                  <a:pt x="596323" y="390102"/>
                                </a:cubicBezTo>
                                <a:lnTo>
                                  <a:pt x="162564" y="390102"/>
                                </a:lnTo>
                                <a:cubicBezTo>
                                  <a:pt x="72752" y="390102"/>
                                  <a:pt x="0" y="317388"/>
                                  <a:pt x="0" y="227547"/>
                                </a:cubicBezTo>
                                <a:lnTo>
                                  <a:pt x="0" y="0"/>
                                </a:ln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3497" name="Shape 3497"/>
                        <wps:cNvSpPr/>
                        <wps:spPr>
                          <a:xfrm>
                            <a:off x="1162848" y="2189065"/>
                            <a:ext cx="758963" cy="390102"/>
                          </a:xfrm>
                          <a:custGeom>
                            <a:avLst/>
                            <a:gdLst/>
                            <a:ahLst/>
                            <a:cxnLst/>
                            <a:rect l="0" t="0" r="0" b="0"/>
                            <a:pathLst>
                              <a:path w="758963" h="390102">
                                <a:moveTo>
                                  <a:pt x="0" y="0"/>
                                </a:moveTo>
                                <a:lnTo>
                                  <a:pt x="0" y="227547"/>
                                </a:lnTo>
                                <a:cubicBezTo>
                                  <a:pt x="0" y="317388"/>
                                  <a:pt x="72752" y="390102"/>
                                  <a:pt x="162564" y="390102"/>
                                </a:cubicBezTo>
                                <a:lnTo>
                                  <a:pt x="162564" y="390102"/>
                                </a:lnTo>
                                <a:lnTo>
                                  <a:pt x="596323" y="390102"/>
                                </a:lnTo>
                                <a:cubicBezTo>
                                  <a:pt x="686135" y="390102"/>
                                  <a:pt x="758963" y="317388"/>
                                  <a:pt x="758963" y="227547"/>
                                </a:cubicBezTo>
                                <a:cubicBezTo>
                                  <a:pt x="758963" y="227547"/>
                                  <a:pt x="758963" y="227547"/>
                                  <a:pt x="758963" y="227547"/>
                                </a:cubicBezTo>
                                <a:lnTo>
                                  <a:pt x="758963" y="0"/>
                                </a:lnTo>
                                <a:lnTo>
                                  <a:pt x="0" y="0"/>
                                </a:lnTo>
                                <a:close/>
                              </a:path>
                            </a:pathLst>
                          </a:custGeom>
                          <a:ln w="5505" cap="rnd">
                            <a:round/>
                          </a:ln>
                        </wps:spPr>
                        <wps:style>
                          <a:lnRef idx="1">
                            <a:srgbClr val="000000"/>
                          </a:lnRef>
                          <a:fillRef idx="0">
                            <a:srgbClr val="000000">
                              <a:alpha val="0"/>
                            </a:srgbClr>
                          </a:fillRef>
                          <a:effectRef idx="0">
                            <a:scrgbClr r="0" g="0" b="0"/>
                          </a:effectRef>
                          <a:fontRef idx="none"/>
                        </wps:style>
                        <wps:bodyPr/>
                      </wps:wsp>
                      <wps:wsp>
                        <wps:cNvPr id="69409" name="Shape 69409"/>
                        <wps:cNvSpPr/>
                        <wps:spPr>
                          <a:xfrm>
                            <a:off x="1296112" y="2274012"/>
                            <a:ext cx="492404" cy="220206"/>
                          </a:xfrm>
                          <a:custGeom>
                            <a:avLst/>
                            <a:gdLst/>
                            <a:ahLst/>
                            <a:cxnLst/>
                            <a:rect l="0" t="0" r="0" b="0"/>
                            <a:pathLst>
                              <a:path w="492404" h="220206">
                                <a:moveTo>
                                  <a:pt x="0" y="0"/>
                                </a:moveTo>
                                <a:lnTo>
                                  <a:pt x="492404" y="0"/>
                                </a:lnTo>
                                <a:lnTo>
                                  <a:pt x="492404" y="220206"/>
                                </a:lnTo>
                                <a:lnTo>
                                  <a:pt x="0" y="220206"/>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3499" name="Rectangle 3499"/>
                        <wps:cNvSpPr/>
                        <wps:spPr>
                          <a:xfrm>
                            <a:off x="1296112" y="2289790"/>
                            <a:ext cx="688839" cy="1147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араметры </w:t>
                              </w:r>
                            </w:p>
                          </w:txbxContent>
                        </wps:txbx>
                        <wps:bodyPr horzOverflow="overflow" vert="horz" lIns="0" tIns="0" rIns="0" bIns="0" rtlCol="0">
                          <a:noAutofit/>
                        </wps:bodyPr>
                      </wps:wsp>
                      <wps:wsp>
                        <wps:cNvPr id="3500" name="Rectangle 3500"/>
                        <wps:cNvSpPr/>
                        <wps:spPr>
                          <a:xfrm>
                            <a:off x="1394416" y="2383656"/>
                            <a:ext cx="393357"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RITE</w:t>
                              </w:r>
                            </w:p>
                          </w:txbxContent>
                        </wps:txbx>
                        <wps:bodyPr horzOverflow="overflow" vert="horz" lIns="0" tIns="0" rIns="0" bIns="0" rtlCol="0">
                          <a:noAutofit/>
                        </wps:bodyPr>
                      </wps:wsp>
                      <wps:wsp>
                        <wps:cNvPr id="3501" name="Shape 3501"/>
                        <wps:cNvSpPr/>
                        <wps:spPr>
                          <a:xfrm>
                            <a:off x="1734843" y="1430500"/>
                            <a:ext cx="0" cy="473673"/>
                          </a:xfrm>
                          <a:custGeom>
                            <a:avLst/>
                            <a:gdLst/>
                            <a:ahLst/>
                            <a:cxnLst/>
                            <a:rect l="0" t="0" r="0" b="0"/>
                            <a:pathLst>
                              <a:path h="473673">
                                <a:moveTo>
                                  <a:pt x="0" y="0"/>
                                </a:moveTo>
                                <a:lnTo>
                                  <a:pt x="0" y="473673"/>
                                </a:lnTo>
                              </a:path>
                            </a:pathLst>
                          </a:custGeom>
                          <a:ln w="5505" cap="rnd">
                            <a:round/>
                          </a:ln>
                        </wps:spPr>
                        <wps:style>
                          <a:lnRef idx="1">
                            <a:srgbClr val="000000"/>
                          </a:lnRef>
                          <a:fillRef idx="0">
                            <a:srgbClr val="000000">
                              <a:alpha val="0"/>
                            </a:srgbClr>
                          </a:fillRef>
                          <a:effectRef idx="0">
                            <a:scrgbClr r="0" g="0" b="0"/>
                          </a:effectRef>
                          <a:fontRef idx="none"/>
                        </wps:style>
                        <wps:bodyPr/>
                      </wps:wsp>
                      <wps:wsp>
                        <wps:cNvPr id="3502" name="Shape 3502"/>
                        <wps:cNvSpPr/>
                        <wps:spPr>
                          <a:xfrm>
                            <a:off x="1710057" y="1897979"/>
                            <a:ext cx="49573" cy="74320"/>
                          </a:xfrm>
                          <a:custGeom>
                            <a:avLst/>
                            <a:gdLst/>
                            <a:ahLst/>
                            <a:cxnLst/>
                            <a:rect l="0" t="0" r="0" b="0"/>
                            <a:pathLst>
                              <a:path w="49573" h="74320">
                                <a:moveTo>
                                  <a:pt x="0" y="0"/>
                                </a:moveTo>
                                <a:lnTo>
                                  <a:pt x="49573" y="0"/>
                                </a:lnTo>
                                <a:lnTo>
                                  <a:pt x="24786" y="7432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503" name="Shape 3503"/>
                        <wps:cNvSpPr/>
                        <wps:spPr>
                          <a:xfrm>
                            <a:off x="1084206" y="2189065"/>
                            <a:ext cx="56916" cy="400959"/>
                          </a:xfrm>
                          <a:custGeom>
                            <a:avLst/>
                            <a:gdLst/>
                            <a:ahLst/>
                            <a:cxnLst/>
                            <a:rect l="0" t="0" r="0" b="0"/>
                            <a:pathLst>
                              <a:path w="56916" h="400959">
                                <a:moveTo>
                                  <a:pt x="56916" y="0"/>
                                </a:moveTo>
                                <a:lnTo>
                                  <a:pt x="0" y="0"/>
                                </a:lnTo>
                                <a:lnTo>
                                  <a:pt x="0" y="400959"/>
                                </a:lnTo>
                                <a:lnTo>
                                  <a:pt x="56916" y="400959"/>
                                </a:lnTo>
                              </a:path>
                            </a:pathLst>
                          </a:custGeom>
                          <a:ln w="5505" cap="rnd">
                            <a:round/>
                          </a:ln>
                        </wps:spPr>
                        <wps:style>
                          <a:lnRef idx="1">
                            <a:srgbClr val="000000"/>
                          </a:lnRef>
                          <a:fillRef idx="0">
                            <a:srgbClr val="000000">
                              <a:alpha val="0"/>
                            </a:srgbClr>
                          </a:fillRef>
                          <a:effectRef idx="0">
                            <a:scrgbClr r="0" g="0" b="0"/>
                          </a:effectRef>
                          <a:fontRef idx="none"/>
                        </wps:style>
                        <wps:bodyPr/>
                      </wps:wsp>
                      <wps:wsp>
                        <wps:cNvPr id="3504" name="Shape 3504"/>
                        <wps:cNvSpPr/>
                        <wps:spPr>
                          <a:xfrm>
                            <a:off x="1027289" y="2405830"/>
                            <a:ext cx="56916" cy="0"/>
                          </a:xfrm>
                          <a:custGeom>
                            <a:avLst/>
                            <a:gdLst/>
                            <a:ahLst/>
                            <a:cxnLst/>
                            <a:rect l="0" t="0" r="0" b="0"/>
                            <a:pathLst>
                              <a:path w="56916">
                                <a:moveTo>
                                  <a:pt x="56916" y="0"/>
                                </a:moveTo>
                                <a:lnTo>
                                  <a:pt x="0" y="0"/>
                                </a:lnTo>
                              </a:path>
                            </a:pathLst>
                          </a:custGeom>
                          <a:ln w="5505" cap="rnd">
                            <a:round/>
                          </a:ln>
                        </wps:spPr>
                        <wps:style>
                          <a:lnRef idx="1">
                            <a:srgbClr val="000000"/>
                          </a:lnRef>
                          <a:fillRef idx="0">
                            <a:srgbClr val="000000">
                              <a:alpha val="0"/>
                            </a:srgbClr>
                          </a:fillRef>
                          <a:effectRef idx="0">
                            <a:scrgbClr r="0" g="0" b="0"/>
                          </a:effectRef>
                          <a:fontRef idx="none"/>
                        </wps:style>
                        <wps:bodyPr/>
                      </wps:wsp>
                      <wps:wsp>
                        <wps:cNvPr id="3506" name="Shape 3506"/>
                        <wps:cNvSpPr/>
                        <wps:spPr>
                          <a:xfrm>
                            <a:off x="2114287" y="2080720"/>
                            <a:ext cx="466272" cy="433455"/>
                          </a:xfrm>
                          <a:custGeom>
                            <a:avLst/>
                            <a:gdLst/>
                            <a:ahLst/>
                            <a:cxnLst/>
                            <a:rect l="0" t="0" r="0" b="0"/>
                            <a:pathLst>
                              <a:path w="466272" h="433455">
                                <a:moveTo>
                                  <a:pt x="162640" y="433455"/>
                                </a:moveTo>
                                <a:lnTo>
                                  <a:pt x="303631" y="433455"/>
                                </a:lnTo>
                                <a:cubicBezTo>
                                  <a:pt x="393443" y="433455"/>
                                  <a:pt x="466272" y="360664"/>
                                  <a:pt x="466272" y="270900"/>
                                </a:cubicBezTo>
                                <a:cubicBezTo>
                                  <a:pt x="466272" y="270900"/>
                                  <a:pt x="466272" y="270900"/>
                                  <a:pt x="466272" y="270900"/>
                                </a:cubicBezTo>
                                <a:lnTo>
                                  <a:pt x="466272" y="270900"/>
                                </a:lnTo>
                                <a:lnTo>
                                  <a:pt x="466272" y="162555"/>
                                </a:lnTo>
                                <a:cubicBezTo>
                                  <a:pt x="466272" y="72790"/>
                                  <a:pt x="393443" y="0"/>
                                  <a:pt x="303631" y="0"/>
                                </a:cubicBezTo>
                                <a:lnTo>
                                  <a:pt x="162640" y="0"/>
                                </a:lnTo>
                                <a:cubicBezTo>
                                  <a:pt x="72829" y="0"/>
                                  <a:pt x="0" y="72790"/>
                                  <a:pt x="0" y="162555"/>
                                </a:cubicBezTo>
                                <a:lnTo>
                                  <a:pt x="0" y="270900"/>
                                </a:lnTo>
                                <a:cubicBezTo>
                                  <a:pt x="0" y="360664"/>
                                  <a:pt x="72829" y="433455"/>
                                  <a:pt x="162640" y="433455"/>
                                </a:cubicBez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3507" name="Rectangle 3507"/>
                        <wps:cNvSpPr/>
                        <wps:spPr>
                          <a:xfrm>
                            <a:off x="2182143" y="2203083"/>
                            <a:ext cx="439699" cy="11470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wps:txbx>
                        <wps:bodyPr horzOverflow="overflow" vert="horz" lIns="0" tIns="0" rIns="0" bIns="0" rtlCol="0">
                          <a:noAutofit/>
                        </wps:bodyPr>
                      </wps:wsp>
                      <wps:wsp>
                        <wps:cNvPr id="3508" name="Rectangle 3508"/>
                        <wps:cNvSpPr/>
                        <wps:spPr>
                          <a:xfrm>
                            <a:off x="2180689" y="2313186"/>
                            <a:ext cx="67886"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509" name="Rectangle 3509"/>
                        <wps:cNvSpPr/>
                        <wps:spPr>
                          <a:xfrm>
                            <a:off x="2231715" y="2313186"/>
                            <a:ext cx="307748"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айл</w:t>
                              </w:r>
                            </w:p>
                          </w:txbxContent>
                        </wps:txbx>
                        <wps:bodyPr horzOverflow="overflow" vert="horz" lIns="0" tIns="0" rIns="0" bIns="0" rtlCol="0">
                          <a:noAutofit/>
                        </wps:bodyPr>
                      </wps:wsp>
                      <wps:wsp>
                        <wps:cNvPr id="3510" name="Rectangle 3510"/>
                        <wps:cNvSpPr/>
                        <wps:spPr>
                          <a:xfrm>
                            <a:off x="2463130" y="2313186"/>
                            <a:ext cx="67886"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512" name="Shape 3512"/>
                        <wps:cNvSpPr/>
                        <wps:spPr>
                          <a:xfrm>
                            <a:off x="2710686" y="2080720"/>
                            <a:ext cx="650561" cy="433455"/>
                          </a:xfrm>
                          <a:custGeom>
                            <a:avLst/>
                            <a:gdLst/>
                            <a:ahLst/>
                            <a:cxnLst/>
                            <a:rect l="0" t="0" r="0" b="0"/>
                            <a:pathLst>
                              <a:path w="650561" h="433455">
                                <a:moveTo>
                                  <a:pt x="162640" y="433455"/>
                                </a:moveTo>
                                <a:lnTo>
                                  <a:pt x="487921" y="433455"/>
                                </a:lnTo>
                                <a:cubicBezTo>
                                  <a:pt x="577733" y="433455"/>
                                  <a:pt x="650561" y="360664"/>
                                  <a:pt x="650561" y="270900"/>
                                </a:cubicBezTo>
                                <a:cubicBezTo>
                                  <a:pt x="650561" y="270900"/>
                                  <a:pt x="650561" y="270900"/>
                                  <a:pt x="650561" y="270900"/>
                                </a:cubicBezTo>
                                <a:lnTo>
                                  <a:pt x="650561" y="270900"/>
                                </a:lnTo>
                                <a:lnTo>
                                  <a:pt x="650561" y="162555"/>
                                </a:lnTo>
                                <a:cubicBezTo>
                                  <a:pt x="650561" y="72790"/>
                                  <a:pt x="577733" y="0"/>
                                  <a:pt x="487921" y="0"/>
                                </a:cubicBezTo>
                                <a:lnTo>
                                  <a:pt x="162640" y="0"/>
                                </a:lnTo>
                                <a:cubicBezTo>
                                  <a:pt x="72752" y="0"/>
                                  <a:pt x="0" y="72790"/>
                                  <a:pt x="0" y="162555"/>
                                </a:cubicBezTo>
                                <a:lnTo>
                                  <a:pt x="0" y="162555"/>
                                </a:lnTo>
                                <a:lnTo>
                                  <a:pt x="0" y="270900"/>
                                </a:lnTo>
                                <a:cubicBezTo>
                                  <a:pt x="0" y="360664"/>
                                  <a:pt x="72752" y="433455"/>
                                  <a:pt x="162640" y="433455"/>
                                </a:cubicBez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3513" name="Rectangle 3513"/>
                        <wps:cNvSpPr/>
                        <wps:spPr>
                          <a:xfrm>
                            <a:off x="2870649" y="2203083"/>
                            <a:ext cx="439699" cy="11470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wps:txbx>
                        <wps:bodyPr horzOverflow="overflow" vert="horz" lIns="0" tIns="0" rIns="0" bIns="0" rtlCol="0">
                          <a:noAutofit/>
                        </wps:bodyPr>
                      </wps:wsp>
                      <wps:wsp>
                        <wps:cNvPr id="3514" name="Rectangle 3514"/>
                        <wps:cNvSpPr/>
                        <wps:spPr>
                          <a:xfrm>
                            <a:off x="2747406" y="2313186"/>
                            <a:ext cx="67886"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515" name="Rectangle 3515"/>
                        <wps:cNvSpPr/>
                        <wps:spPr>
                          <a:xfrm>
                            <a:off x="2798432" y="2313186"/>
                            <a:ext cx="631753"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стройство</w:t>
                              </w:r>
                            </w:p>
                          </w:txbxContent>
                        </wps:txbx>
                        <wps:bodyPr horzOverflow="overflow" vert="horz" lIns="0" tIns="0" rIns="0" bIns="0" rtlCol="0">
                          <a:noAutofit/>
                        </wps:bodyPr>
                      </wps:wsp>
                      <wps:wsp>
                        <wps:cNvPr id="3516" name="Rectangle 3516"/>
                        <wps:cNvSpPr/>
                        <wps:spPr>
                          <a:xfrm>
                            <a:off x="3273425" y="2313186"/>
                            <a:ext cx="67886"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518" name="Shape 3518"/>
                        <wps:cNvSpPr/>
                        <wps:spPr>
                          <a:xfrm>
                            <a:off x="3523812" y="2080720"/>
                            <a:ext cx="531296" cy="433455"/>
                          </a:xfrm>
                          <a:custGeom>
                            <a:avLst/>
                            <a:gdLst/>
                            <a:ahLst/>
                            <a:cxnLst/>
                            <a:rect l="0" t="0" r="0" b="0"/>
                            <a:pathLst>
                              <a:path w="531296" h="433455">
                                <a:moveTo>
                                  <a:pt x="162640" y="433455"/>
                                </a:moveTo>
                                <a:lnTo>
                                  <a:pt x="368656" y="433455"/>
                                </a:lnTo>
                                <a:cubicBezTo>
                                  <a:pt x="458544" y="433455"/>
                                  <a:pt x="531296" y="360664"/>
                                  <a:pt x="531296" y="270900"/>
                                </a:cubicBezTo>
                                <a:cubicBezTo>
                                  <a:pt x="531296" y="270900"/>
                                  <a:pt x="531296" y="270900"/>
                                  <a:pt x="531296" y="270900"/>
                                </a:cubicBezTo>
                                <a:lnTo>
                                  <a:pt x="531296" y="270900"/>
                                </a:lnTo>
                                <a:lnTo>
                                  <a:pt x="531296" y="162555"/>
                                </a:lnTo>
                                <a:cubicBezTo>
                                  <a:pt x="531296" y="72790"/>
                                  <a:pt x="458544" y="0"/>
                                  <a:pt x="368656" y="0"/>
                                </a:cubicBezTo>
                                <a:lnTo>
                                  <a:pt x="162640" y="0"/>
                                </a:lnTo>
                                <a:cubicBezTo>
                                  <a:pt x="72828" y="0"/>
                                  <a:pt x="0" y="72790"/>
                                  <a:pt x="0" y="162555"/>
                                </a:cubicBezTo>
                                <a:lnTo>
                                  <a:pt x="0" y="270900"/>
                                </a:lnTo>
                                <a:cubicBezTo>
                                  <a:pt x="0" y="360664"/>
                                  <a:pt x="72828" y="433455"/>
                                  <a:pt x="162640" y="433455"/>
                                </a:cubicBez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3519" name="Rectangle 3519"/>
                        <wps:cNvSpPr/>
                        <wps:spPr>
                          <a:xfrm>
                            <a:off x="3624180" y="2203083"/>
                            <a:ext cx="439699" cy="11470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wps:txbx>
                        <wps:bodyPr horzOverflow="overflow" vert="horz" lIns="0" tIns="0" rIns="0" bIns="0" rtlCol="0">
                          <a:noAutofit/>
                        </wps:bodyPr>
                      </wps:wsp>
                      <wps:wsp>
                        <wps:cNvPr id="3520" name="Rectangle 3520"/>
                        <wps:cNvSpPr/>
                        <wps:spPr>
                          <a:xfrm>
                            <a:off x="3559538" y="2313186"/>
                            <a:ext cx="67886"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521" name="Rectangle 3521"/>
                        <wps:cNvSpPr/>
                        <wps:spPr>
                          <a:xfrm>
                            <a:off x="3610563" y="2313186"/>
                            <a:ext cx="475910"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w:t>
                              </w:r>
                            </w:p>
                          </w:txbxContent>
                        </wps:txbx>
                        <wps:bodyPr horzOverflow="overflow" vert="horz" lIns="0" tIns="0" rIns="0" bIns="0" rtlCol="0">
                          <a:noAutofit/>
                        </wps:bodyPr>
                      </wps:wsp>
                      <wps:wsp>
                        <wps:cNvPr id="3522" name="Rectangle 3522"/>
                        <wps:cNvSpPr/>
                        <wps:spPr>
                          <a:xfrm>
                            <a:off x="3968433" y="2313186"/>
                            <a:ext cx="67886"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523" name="Shape 3523"/>
                        <wps:cNvSpPr/>
                        <wps:spPr>
                          <a:xfrm>
                            <a:off x="1921811" y="2297409"/>
                            <a:ext cx="124314" cy="0"/>
                          </a:xfrm>
                          <a:custGeom>
                            <a:avLst/>
                            <a:gdLst/>
                            <a:ahLst/>
                            <a:cxnLst/>
                            <a:rect l="0" t="0" r="0" b="0"/>
                            <a:pathLst>
                              <a:path w="124314">
                                <a:moveTo>
                                  <a:pt x="0" y="0"/>
                                </a:moveTo>
                                <a:lnTo>
                                  <a:pt x="124314" y="0"/>
                                </a:lnTo>
                              </a:path>
                            </a:pathLst>
                          </a:custGeom>
                          <a:ln w="5505" cap="rnd">
                            <a:custDash>
                              <a:ds d="303434" sp="216738"/>
                            </a:custDash>
                            <a:round/>
                          </a:ln>
                        </wps:spPr>
                        <wps:style>
                          <a:lnRef idx="1">
                            <a:srgbClr val="000000"/>
                          </a:lnRef>
                          <a:fillRef idx="0">
                            <a:srgbClr val="000000">
                              <a:alpha val="0"/>
                            </a:srgbClr>
                          </a:fillRef>
                          <a:effectRef idx="0">
                            <a:scrgbClr r="0" g="0" b="0"/>
                          </a:effectRef>
                          <a:fontRef idx="none"/>
                        </wps:style>
                        <wps:bodyPr/>
                      </wps:wsp>
                      <wps:wsp>
                        <wps:cNvPr id="3524" name="Shape 3524"/>
                        <wps:cNvSpPr/>
                        <wps:spPr>
                          <a:xfrm>
                            <a:off x="2039928" y="2272636"/>
                            <a:ext cx="74359" cy="49546"/>
                          </a:xfrm>
                          <a:custGeom>
                            <a:avLst/>
                            <a:gdLst/>
                            <a:ahLst/>
                            <a:cxnLst/>
                            <a:rect l="0" t="0" r="0" b="0"/>
                            <a:pathLst>
                              <a:path w="74359" h="49546">
                                <a:moveTo>
                                  <a:pt x="0" y="0"/>
                                </a:moveTo>
                                <a:lnTo>
                                  <a:pt x="74359" y="24773"/>
                                </a:lnTo>
                                <a:lnTo>
                                  <a:pt x="0" y="4954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525" name="Shape 3525"/>
                        <wps:cNvSpPr/>
                        <wps:spPr>
                          <a:xfrm>
                            <a:off x="2580559" y="2297409"/>
                            <a:ext cx="61965" cy="0"/>
                          </a:xfrm>
                          <a:custGeom>
                            <a:avLst/>
                            <a:gdLst/>
                            <a:ahLst/>
                            <a:cxnLst/>
                            <a:rect l="0" t="0" r="0" b="0"/>
                            <a:pathLst>
                              <a:path w="61965">
                                <a:moveTo>
                                  <a:pt x="0" y="0"/>
                                </a:moveTo>
                                <a:lnTo>
                                  <a:pt x="61965" y="0"/>
                                </a:lnTo>
                              </a:path>
                            </a:pathLst>
                          </a:custGeom>
                          <a:ln w="5505" cap="rnd">
                            <a:custDash>
                              <a:ds d="303434" sp="216738"/>
                            </a:custDash>
                            <a:round/>
                          </a:ln>
                        </wps:spPr>
                        <wps:style>
                          <a:lnRef idx="1">
                            <a:srgbClr val="000000"/>
                          </a:lnRef>
                          <a:fillRef idx="0">
                            <a:srgbClr val="000000">
                              <a:alpha val="0"/>
                            </a:srgbClr>
                          </a:fillRef>
                          <a:effectRef idx="0">
                            <a:scrgbClr r="0" g="0" b="0"/>
                          </a:effectRef>
                          <a:fontRef idx="none"/>
                        </wps:style>
                        <wps:bodyPr/>
                      </wps:wsp>
                      <wps:wsp>
                        <wps:cNvPr id="3526" name="Shape 3526"/>
                        <wps:cNvSpPr/>
                        <wps:spPr>
                          <a:xfrm>
                            <a:off x="2636327" y="2272636"/>
                            <a:ext cx="74359" cy="49546"/>
                          </a:xfrm>
                          <a:custGeom>
                            <a:avLst/>
                            <a:gdLst/>
                            <a:ahLst/>
                            <a:cxnLst/>
                            <a:rect l="0" t="0" r="0" b="0"/>
                            <a:pathLst>
                              <a:path w="74359" h="49546">
                                <a:moveTo>
                                  <a:pt x="0" y="0"/>
                                </a:moveTo>
                                <a:lnTo>
                                  <a:pt x="74359" y="24773"/>
                                </a:lnTo>
                                <a:lnTo>
                                  <a:pt x="0" y="4954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527" name="Shape 3527"/>
                        <wps:cNvSpPr/>
                        <wps:spPr>
                          <a:xfrm>
                            <a:off x="3361247" y="2297409"/>
                            <a:ext cx="94402" cy="0"/>
                          </a:xfrm>
                          <a:custGeom>
                            <a:avLst/>
                            <a:gdLst/>
                            <a:ahLst/>
                            <a:cxnLst/>
                            <a:rect l="0" t="0" r="0" b="0"/>
                            <a:pathLst>
                              <a:path w="94402">
                                <a:moveTo>
                                  <a:pt x="0" y="0"/>
                                </a:moveTo>
                                <a:lnTo>
                                  <a:pt x="94402" y="0"/>
                                </a:lnTo>
                              </a:path>
                            </a:pathLst>
                          </a:custGeom>
                          <a:ln w="5505" cap="rnd">
                            <a:custDash>
                              <a:ds d="303434" sp="216738"/>
                            </a:custDash>
                            <a:round/>
                          </a:ln>
                        </wps:spPr>
                        <wps:style>
                          <a:lnRef idx="1">
                            <a:srgbClr val="000000"/>
                          </a:lnRef>
                          <a:fillRef idx="0">
                            <a:srgbClr val="000000">
                              <a:alpha val="0"/>
                            </a:srgbClr>
                          </a:fillRef>
                          <a:effectRef idx="0">
                            <a:scrgbClr r="0" g="0" b="0"/>
                          </a:effectRef>
                          <a:fontRef idx="none"/>
                        </wps:style>
                        <wps:bodyPr/>
                      </wps:wsp>
                      <wps:wsp>
                        <wps:cNvPr id="3528" name="Shape 3528"/>
                        <wps:cNvSpPr/>
                        <wps:spPr>
                          <a:xfrm>
                            <a:off x="3449453" y="2272636"/>
                            <a:ext cx="74359" cy="49546"/>
                          </a:xfrm>
                          <a:custGeom>
                            <a:avLst/>
                            <a:gdLst/>
                            <a:ahLst/>
                            <a:cxnLst/>
                            <a:rect l="0" t="0" r="0" b="0"/>
                            <a:pathLst>
                              <a:path w="74359" h="49546">
                                <a:moveTo>
                                  <a:pt x="0" y="0"/>
                                </a:moveTo>
                                <a:lnTo>
                                  <a:pt x="74359" y="24773"/>
                                </a:lnTo>
                                <a:lnTo>
                                  <a:pt x="0" y="4954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530" name="Shape 3530"/>
                        <wps:cNvSpPr/>
                        <wps:spPr>
                          <a:xfrm>
                            <a:off x="1301085" y="3164387"/>
                            <a:ext cx="802339" cy="325110"/>
                          </a:xfrm>
                          <a:custGeom>
                            <a:avLst/>
                            <a:gdLst/>
                            <a:ahLst/>
                            <a:cxnLst/>
                            <a:rect l="0" t="0" r="0" b="0"/>
                            <a:pathLst>
                              <a:path w="802339" h="325110">
                                <a:moveTo>
                                  <a:pt x="0" y="325110"/>
                                </a:moveTo>
                                <a:lnTo>
                                  <a:pt x="802339" y="325110"/>
                                </a:lnTo>
                                <a:lnTo>
                                  <a:pt x="802339"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3531" name="Rectangle 3531"/>
                        <wps:cNvSpPr/>
                        <wps:spPr>
                          <a:xfrm>
                            <a:off x="1445442" y="3232617"/>
                            <a:ext cx="683293"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wps:txbx>
                        <wps:bodyPr horzOverflow="overflow" vert="horz" lIns="0" tIns="0" rIns="0" bIns="0" rtlCol="0">
                          <a:noAutofit/>
                        </wps:bodyPr>
                      </wps:wsp>
                      <wps:wsp>
                        <wps:cNvPr id="3532" name="Rectangle 3532"/>
                        <wps:cNvSpPr/>
                        <wps:spPr>
                          <a:xfrm>
                            <a:off x="1330767" y="3342720"/>
                            <a:ext cx="988333"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изации</w:t>
                              </w:r>
                            </w:p>
                          </w:txbxContent>
                        </wps:txbx>
                        <wps:bodyPr horzOverflow="overflow" vert="horz" lIns="0" tIns="0" rIns="0" bIns="0" rtlCol="0">
                          <a:noAutofit/>
                        </wps:bodyPr>
                      </wps:wsp>
                      <wps:wsp>
                        <wps:cNvPr id="3534" name="Shape 3534"/>
                        <wps:cNvSpPr/>
                        <wps:spPr>
                          <a:xfrm>
                            <a:off x="2103500" y="3164387"/>
                            <a:ext cx="672242" cy="325110"/>
                          </a:xfrm>
                          <a:custGeom>
                            <a:avLst/>
                            <a:gdLst/>
                            <a:ahLst/>
                            <a:cxnLst/>
                            <a:rect l="0" t="0" r="0" b="0"/>
                            <a:pathLst>
                              <a:path w="672242" h="325110">
                                <a:moveTo>
                                  <a:pt x="0" y="325110"/>
                                </a:moveTo>
                                <a:lnTo>
                                  <a:pt x="672242" y="325110"/>
                                </a:lnTo>
                                <a:lnTo>
                                  <a:pt x="672242"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3535" name="Rectangle 3535"/>
                        <wps:cNvSpPr/>
                        <wps:spPr>
                          <a:xfrm>
                            <a:off x="2201345" y="3232617"/>
                            <a:ext cx="633734"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Инициация</w:t>
                              </w:r>
                            </w:p>
                          </w:txbxContent>
                        </wps:txbx>
                        <wps:bodyPr horzOverflow="overflow" vert="horz" lIns="0" tIns="0" rIns="0" bIns="0" rtlCol="0">
                          <a:noAutofit/>
                        </wps:bodyPr>
                      </wps:wsp>
                      <wps:wsp>
                        <wps:cNvPr id="3536" name="Rectangle 3536"/>
                        <wps:cNvSpPr/>
                        <wps:spPr>
                          <a:xfrm>
                            <a:off x="2138079" y="3342720"/>
                            <a:ext cx="336762"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3537" name="Rectangle 3537"/>
                        <wps:cNvSpPr/>
                        <wps:spPr>
                          <a:xfrm>
                            <a:off x="2391296" y="3326482"/>
                            <a:ext cx="40659"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538" name="Rectangle 3538"/>
                        <wps:cNvSpPr/>
                        <wps:spPr>
                          <a:xfrm>
                            <a:off x="2421896" y="3342720"/>
                            <a:ext cx="424516"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69410" name="Shape 69410"/>
                        <wps:cNvSpPr/>
                        <wps:spPr>
                          <a:xfrm>
                            <a:off x="2775712" y="3164387"/>
                            <a:ext cx="412017" cy="325110"/>
                          </a:xfrm>
                          <a:custGeom>
                            <a:avLst/>
                            <a:gdLst/>
                            <a:ahLst/>
                            <a:cxnLst/>
                            <a:rect l="0" t="0" r="0" b="0"/>
                            <a:pathLst>
                              <a:path w="412017" h="325110">
                                <a:moveTo>
                                  <a:pt x="0" y="0"/>
                                </a:moveTo>
                                <a:lnTo>
                                  <a:pt x="412017" y="0"/>
                                </a:lnTo>
                                <a:lnTo>
                                  <a:pt x="412017" y="325110"/>
                                </a:lnTo>
                                <a:lnTo>
                                  <a:pt x="0" y="325110"/>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3540" name="Shape 3540"/>
                        <wps:cNvSpPr/>
                        <wps:spPr>
                          <a:xfrm>
                            <a:off x="2775712" y="3164387"/>
                            <a:ext cx="412017" cy="325110"/>
                          </a:xfrm>
                          <a:custGeom>
                            <a:avLst/>
                            <a:gdLst/>
                            <a:ahLst/>
                            <a:cxnLst/>
                            <a:rect l="0" t="0" r="0" b="0"/>
                            <a:pathLst>
                              <a:path w="412017" h="325110">
                                <a:moveTo>
                                  <a:pt x="0" y="325110"/>
                                </a:moveTo>
                                <a:lnTo>
                                  <a:pt x="412017" y="325110"/>
                                </a:lnTo>
                                <a:lnTo>
                                  <a:pt x="412017"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3541" name="Rectangle 3541"/>
                        <wps:cNvSpPr/>
                        <wps:spPr>
                          <a:xfrm>
                            <a:off x="2905227" y="3271431"/>
                            <a:ext cx="203538"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SR</w:t>
                              </w:r>
                            </w:p>
                          </w:txbxContent>
                        </wps:txbx>
                        <wps:bodyPr horzOverflow="overflow" vert="horz" lIns="0" tIns="0" rIns="0" bIns="0" rtlCol="0">
                          <a:noAutofit/>
                        </wps:bodyPr>
                      </wps:wsp>
                      <wps:wsp>
                        <wps:cNvPr id="69411" name="Shape 69411"/>
                        <wps:cNvSpPr/>
                        <wps:spPr>
                          <a:xfrm>
                            <a:off x="3176881" y="3164387"/>
                            <a:ext cx="585498" cy="325110"/>
                          </a:xfrm>
                          <a:custGeom>
                            <a:avLst/>
                            <a:gdLst/>
                            <a:ahLst/>
                            <a:cxnLst/>
                            <a:rect l="0" t="0" r="0" b="0"/>
                            <a:pathLst>
                              <a:path w="585498" h="325110">
                                <a:moveTo>
                                  <a:pt x="0" y="0"/>
                                </a:moveTo>
                                <a:lnTo>
                                  <a:pt x="585498" y="0"/>
                                </a:lnTo>
                                <a:lnTo>
                                  <a:pt x="585498" y="325110"/>
                                </a:lnTo>
                                <a:lnTo>
                                  <a:pt x="0" y="325110"/>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3543" name="Shape 3543"/>
                        <wps:cNvSpPr/>
                        <wps:spPr>
                          <a:xfrm>
                            <a:off x="3176881" y="3164387"/>
                            <a:ext cx="585498" cy="325110"/>
                          </a:xfrm>
                          <a:custGeom>
                            <a:avLst/>
                            <a:gdLst/>
                            <a:ahLst/>
                            <a:cxnLst/>
                            <a:rect l="0" t="0" r="0" b="0"/>
                            <a:pathLst>
                              <a:path w="585498" h="325110">
                                <a:moveTo>
                                  <a:pt x="0" y="325110"/>
                                </a:moveTo>
                                <a:lnTo>
                                  <a:pt x="585498" y="325110"/>
                                </a:lnTo>
                                <a:lnTo>
                                  <a:pt x="585498"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3544" name="Rectangle 3544"/>
                        <wps:cNvSpPr/>
                        <wps:spPr>
                          <a:xfrm>
                            <a:off x="3357423" y="3216379"/>
                            <a:ext cx="257787"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3545" name="Rectangle 3545"/>
                        <wps:cNvSpPr/>
                        <wps:spPr>
                          <a:xfrm>
                            <a:off x="3551275" y="3216379"/>
                            <a:ext cx="40659"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3546" name="Rectangle 3546"/>
                        <wps:cNvSpPr/>
                        <wps:spPr>
                          <a:xfrm>
                            <a:off x="3241141" y="3342720"/>
                            <a:ext cx="607842" cy="1147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оцедура</w:t>
                              </w:r>
                            </w:p>
                          </w:txbxContent>
                        </wps:txbx>
                        <wps:bodyPr horzOverflow="overflow" vert="horz" lIns="0" tIns="0" rIns="0" bIns="0" rtlCol="0">
                          <a:noAutofit/>
                        </wps:bodyPr>
                      </wps:wsp>
                      <wps:wsp>
                        <wps:cNvPr id="3547" name="Shape 3547"/>
                        <wps:cNvSpPr/>
                        <wps:spPr>
                          <a:xfrm>
                            <a:off x="1769651" y="2514175"/>
                            <a:ext cx="2019847" cy="639745"/>
                          </a:xfrm>
                          <a:custGeom>
                            <a:avLst/>
                            <a:gdLst/>
                            <a:ahLst/>
                            <a:cxnLst/>
                            <a:rect l="0" t="0" r="0" b="0"/>
                            <a:pathLst>
                              <a:path w="2019847" h="639745">
                                <a:moveTo>
                                  <a:pt x="2019847" y="0"/>
                                </a:moveTo>
                                <a:cubicBezTo>
                                  <a:pt x="1968744" y="186640"/>
                                  <a:pt x="1075293" y="469636"/>
                                  <a:pt x="0" y="639745"/>
                                </a:cubicBezTo>
                              </a:path>
                            </a:pathLst>
                          </a:custGeom>
                          <a:ln w="5505" cap="rnd">
                            <a:custDash>
                              <a:ds d="303434" sp="216738"/>
                            </a:custDash>
                            <a:round/>
                          </a:ln>
                        </wps:spPr>
                        <wps:style>
                          <a:lnRef idx="1">
                            <a:srgbClr val="000000"/>
                          </a:lnRef>
                          <a:fillRef idx="0">
                            <a:srgbClr val="000000">
                              <a:alpha val="0"/>
                            </a:srgbClr>
                          </a:fillRef>
                          <a:effectRef idx="0">
                            <a:scrgbClr r="0" g="0" b="0"/>
                          </a:effectRef>
                          <a:fontRef idx="none"/>
                        </wps:style>
                        <wps:bodyPr/>
                      </wps:wsp>
                      <wps:wsp>
                        <wps:cNvPr id="3548" name="Shape 3548"/>
                        <wps:cNvSpPr/>
                        <wps:spPr>
                          <a:xfrm>
                            <a:off x="1702254" y="3128489"/>
                            <a:ext cx="77342" cy="48958"/>
                          </a:xfrm>
                          <a:custGeom>
                            <a:avLst/>
                            <a:gdLst/>
                            <a:ahLst/>
                            <a:cxnLst/>
                            <a:rect l="0" t="0" r="0" b="0"/>
                            <a:pathLst>
                              <a:path w="77342" h="48958">
                                <a:moveTo>
                                  <a:pt x="69692" y="0"/>
                                </a:moveTo>
                                <a:lnTo>
                                  <a:pt x="77342" y="48958"/>
                                </a:lnTo>
                                <a:lnTo>
                                  <a:pt x="0" y="35899"/>
                                </a:lnTo>
                                <a:lnTo>
                                  <a:pt x="6969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549" name="Shape 3549"/>
                        <wps:cNvSpPr/>
                        <wps:spPr>
                          <a:xfrm>
                            <a:off x="1517964" y="2579166"/>
                            <a:ext cx="0" cy="517095"/>
                          </a:xfrm>
                          <a:custGeom>
                            <a:avLst/>
                            <a:gdLst/>
                            <a:ahLst/>
                            <a:cxnLst/>
                            <a:rect l="0" t="0" r="0" b="0"/>
                            <a:pathLst>
                              <a:path h="517095">
                                <a:moveTo>
                                  <a:pt x="0" y="0"/>
                                </a:moveTo>
                                <a:lnTo>
                                  <a:pt x="0" y="517095"/>
                                </a:lnTo>
                              </a:path>
                            </a:pathLst>
                          </a:custGeom>
                          <a:ln w="5505" cap="rnd">
                            <a:round/>
                          </a:ln>
                        </wps:spPr>
                        <wps:style>
                          <a:lnRef idx="1">
                            <a:srgbClr val="000000"/>
                          </a:lnRef>
                          <a:fillRef idx="0">
                            <a:srgbClr val="000000">
                              <a:alpha val="0"/>
                            </a:srgbClr>
                          </a:fillRef>
                          <a:effectRef idx="0">
                            <a:scrgbClr r="0" g="0" b="0"/>
                          </a:effectRef>
                          <a:fontRef idx="none"/>
                        </wps:style>
                        <wps:bodyPr/>
                      </wps:wsp>
                      <wps:wsp>
                        <wps:cNvPr id="3550" name="Shape 3550"/>
                        <wps:cNvSpPr/>
                        <wps:spPr>
                          <a:xfrm>
                            <a:off x="1493178" y="3090068"/>
                            <a:ext cx="49572" cy="74320"/>
                          </a:xfrm>
                          <a:custGeom>
                            <a:avLst/>
                            <a:gdLst/>
                            <a:ahLst/>
                            <a:cxnLst/>
                            <a:rect l="0" t="0" r="0" b="0"/>
                            <a:pathLst>
                              <a:path w="49572" h="74320">
                                <a:moveTo>
                                  <a:pt x="0" y="0"/>
                                </a:moveTo>
                                <a:lnTo>
                                  <a:pt x="49572" y="0"/>
                                </a:lnTo>
                                <a:lnTo>
                                  <a:pt x="24786" y="7432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551" name="Shape 3551"/>
                        <wps:cNvSpPr/>
                        <wps:spPr>
                          <a:xfrm>
                            <a:off x="108424" y="2622519"/>
                            <a:ext cx="130112" cy="130060"/>
                          </a:xfrm>
                          <a:custGeom>
                            <a:avLst/>
                            <a:gdLst/>
                            <a:ahLst/>
                            <a:cxnLst/>
                            <a:rect l="0" t="0" r="0" b="0"/>
                            <a:pathLst>
                              <a:path w="130112" h="130060">
                                <a:moveTo>
                                  <a:pt x="65056" y="0"/>
                                </a:moveTo>
                                <a:cubicBezTo>
                                  <a:pt x="100989" y="0"/>
                                  <a:pt x="130112" y="29132"/>
                                  <a:pt x="130112" y="65068"/>
                                </a:cubicBezTo>
                                <a:cubicBezTo>
                                  <a:pt x="130112" y="100928"/>
                                  <a:pt x="100989" y="130060"/>
                                  <a:pt x="65056" y="130060"/>
                                </a:cubicBezTo>
                                <a:cubicBezTo>
                                  <a:pt x="29132" y="130060"/>
                                  <a:pt x="0" y="100928"/>
                                  <a:pt x="0" y="65068"/>
                                </a:cubicBezTo>
                                <a:cubicBezTo>
                                  <a:pt x="0" y="29132"/>
                                  <a:pt x="29132" y="0"/>
                                  <a:pt x="65056" y="0"/>
                                </a:cubicBezTo>
                                <a:close/>
                              </a:path>
                            </a:pathLst>
                          </a:custGeom>
                          <a:ln w="0" cap="rnd">
                            <a:round/>
                          </a:ln>
                        </wps:spPr>
                        <wps:style>
                          <a:lnRef idx="0">
                            <a:srgbClr val="000000">
                              <a:alpha val="0"/>
                            </a:srgbClr>
                          </a:lnRef>
                          <a:fillRef idx="1">
                            <a:srgbClr val="BFBFBF"/>
                          </a:fillRef>
                          <a:effectRef idx="0">
                            <a:scrgbClr r="0" g="0" b="0"/>
                          </a:effectRef>
                          <a:fontRef idx="none"/>
                        </wps:style>
                        <wps:bodyPr/>
                      </wps:wsp>
                      <wps:wsp>
                        <wps:cNvPr id="3552" name="Shape 3552"/>
                        <wps:cNvSpPr/>
                        <wps:spPr>
                          <a:xfrm>
                            <a:off x="108424" y="2622519"/>
                            <a:ext cx="130112" cy="130060"/>
                          </a:xfrm>
                          <a:custGeom>
                            <a:avLst/>
                            <a:gdLst/>
                            <a:ahLst/>
                            <a:cxnLst/>
                            <a:rect l="0" t="0" r="0" b="0"/>
                            <a:pathLst>
                              <a:path w="130112" h="130060">
                                <a:moveTo>
                                  <a:pt x="130112" y="65068"/>
                                </a:moveTo>
                                <a:cubicBezTo>
                                  <a:pt x="130112" y="29132"/>
                                  <a:pt x="100989" y="0"/>
                                  <a:pt x="65056" y="0"/>
                                </a:cubicBezTo>
                                <a:cubicBezTo>
                                  <a:pt x="29132" y="0"/>
                                  <a:pt x="0" y="29132"/>
                                  <a:pt x="0" y="65068"/>
                                </a:cubicBezTo>
                                <a:cubicBezTo>
                                  <a:pt x="0" y="100928"/>
                                  <a:pt x="29132" y="130060"/>
                                  <a:pt x="65056" y="130060"/>
                                </a:cubicBezTo>
                                <a:cubicBezTo>
                                  <a:pt x="100989" y="130060"/>
                                  <a:pt x="130112" y="100928"/>
                                  <a:pt x="130112" y="65068"/>
                                </a:cubicBezTo>
                                <a:close/>
                              </a:path>
                            </a:pathLst>
                          </a:custGeom>
                          <a:ln w="5505" cap="rnd">
                            <a:round/>
                          </a:ln>
                        </wps:spPr>
                        <wps:style>
                          <a:lnRef idx="1">
                            <a:srgbClr val="000000"/>
                          </a:lnRef>
                          <a:fillRef idx="0">
                            <a:srgbClr val="000000">
                              <a:alpha val="0"/>
                            </a:srgbClr>
                          </a:fillRef>
                          <a:effectRef idx="0">
                            <a:scrgbClr r="0" g="0" b="0"/>
                          </a:effectRef>
                          <a:fontRef idx="none"/>
                        </wps:style>
                        <wps:bodyPr/>
                      </wps:wsp>
                      <wps:wsp>
                        <wps:cNvPr id="3553" name="Rectangle 3553"/>
                        <wps:cNvSpPr/>
                        <wps:spPr>
                          <a:xfrm>
                            <a:off x="147952" y="2632075"/>
                            <a:ext cx="67905" cy="13606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w:t>
                              </w:r>
                            </w:p>
                          </w:txbxContent>
                        </wps:txbx>
                        <wps:bodyPr horzOverflow="overflow" vert="horz" lIns="0" tIns="0" rIns="0" bIns="0" rtlCol="0">
                          <a:noAutofit/>
                        </wps:bodyPr>
                      </wps:wsp>
                    </wpg:wgp>
                  </a:graphicData>
                </a:graphic>
              </wp:inline>
            </w:drawing>
          </mc:Choice>
          <mc:Fallback>
            <w:pict>
              <v:group id="Group 60005" o:spid="_x0000_s1710" style="width:319.3pt;height:289.5pt;mso-position-horizontal-relative:char;mso-position-vertical-relative:line" coordsize="40551,3676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">
                <v:shape id="Shape 3429" o:spid="_x0000_s1711" style="position:absolute;left:12144;width:10191;height:3251;visibility:visible;mso-wrap-style:square;v-text-anchor:top" coordsize="1019142,325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" path="m1019142,162555c1019142,72790,791016,,509571,,228125,,,72790,,162555v,89764,228125,162555,509571,162555c791016,325110,1019142,252319,1019142,162555xe" filled="f" strokeweight=".15292mm">
                  <v:stroke endcap="round"/>
                  <v:path arrowok="t" textboxrect="0,0,1019142,325110"/>
                </v:shape>
                <v:rect id="Rectangle 3430" o:spid="_x0000_s1712" style="position:absolute;left:14634;top:682;width:726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Подсист</w:t>
                        </w:r>
                        <w:r>
                          <w:rPr>
                            <w:rFonts w:ascii="Arial" w:eastAsia="Arial" w:hAnsi="Arial" w:cs="Arial"/>
                            <w:sz w:val="14"/>
                          </w:rPr>
                          <w:t xml:space="preserve">ема </w:t>
                        </w:r>
                      </w:p>
                    </w:txbxContent>
                  </v:textbox>
                </v:rect>
                <v:rect id="Rectangle 3431" o:spid="_x0000_s1713" style="position:absolute;left:13100;top:1783;width:8771;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кружения или </w:t>
                        </w:r>
                      </w:p>
                    </w:txbxContent>
                  </v:textbox>
                </v:rect>
                <v:rect id="Rectangle 3432" o:spid="_x0000_s1714" style="position:absolute;left:19694;top:1620;width:224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DLL</w:t>
                        </w:r>
                      </w:p>
                    </w:txbxContent>
                  </v:textbox>
                </v:rect>
                <v:shape id="Shape 3433" o:spid="_x0000_s1715" style="position:absolute;top:6718;width:36864;height:0;visibility:visible;mso-wrap-style:square;v-text-anchor:top" coordsize="368645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" path="m,l3686452,e" filled="f" strokeweight=".45875mm">
                  <v:stroke endcap="round"/>
                  <v:path arrowok="t" textboxrect="0,0,3686452,0"/>
                </v:shape>
                <v:rect id="Rectangle 3434" o:spid="_x0000_s1716" style="position:absolute;left:26299;top:5562;width:1460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v:textbox>
                </v:rect>
                <v:rect id="Rectangle 3435" o:spid="_x0000_s1717" style="position:absolute;left:26334;top:7091;width:6902;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Режим ядра</w:t>
                        </w:r>
                      </w:p>
                    </w:txbxContent>
                  </v:textbox>
                </v:rect>
                <v:shape id="Shape 3436" o:spid="_x0000_s1718" style="position:absolute;left:867;top:2384;width:1301;height:1300;visibility:visible;mso-wrap-style:square;v-text-anchor:top" coordsize="130105,1300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" path="m65056,v35925,,65049,29132,65049,65068c130105,100928,100981,130060,65056,130060,29124,130060,,100928,,65068,,29132,29124,,65056,xe" fillcolor="#bfbfbf" stroked="f" strokeweight="0">
                  <v:stroke endcap="round"/>
                  <v:path arrowok="t" textboxrect="0,0,130105,130060"/>
                </v:shape>
                <v:shape id="Shape 3437" o:spid="_x0000_s1719" style="position:absolute;left:867;top:2384;width:1301;height:1300;visibility:visible;mso-wrap-style:square;v-text-anchor:top" coordsize="130105,1300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" path="m130105,65068c130105,29132,100981,,65056,,29124,,,29132,,65068v,35860,29124,64992,65056,64992c100981,130060,130105,100928,130105,65068xe" filled="f" strokeweight=".15292mm">
                  <v:stroke endcap="round"/>
                  <v:path arrowok="t" textboxrect="0,0,130105,130060"/>
                </v:shape>
                <v:rect id="Rectangle 3438" o:spid="_x0000_s1720" style="position:absolute;left:1262;top:2479;width:67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rect id="Rectangle 3439" o:spid="_x0000_s1721" style="position:absolute;left:2298;top:2726;width:1435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иложение отправляет </w:t>
                        </w:r>
                      </w:p>
                    </w:txbxContent>
                  </v:textbox>
                </v:rect>
                <v:rect id="Rectangle 3440" o:spid="_x0000_s1722" style="position:absolute;left:2298;top:3827;width:972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файл на принтер</w:t>
                        </w:r>
                      </w:p>
                    </w:txbxContent>
                  </v:textbox>
                </v:rect>
                <v:rect id="Rectangle 3441" o:spid="_x0000_s1723" style="position:absolute;left:9609;top:3665;width:67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3442" o:spid="_x0000_s1724" style="position:absolute;left:10119;top:3827;width:641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ередавая </w:t>
                        </w:r>
                      </w:p>
                    </w:txbxContent>
                  </v:textbox>
                </v:rect>
                <v:rect id="Rectangle 3443" o:spid="_x0000_s1725" style="position:absolute;left:2298;top:4928;width:1117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писатель объекта </w:t>
                        </w:r>
                      </w:p>
                    </w:txbxContent>
                  </v:textbox>
                </v:rect>
                <v:rect id="Rectangle 3444" o:spid="_x0000_s1726" style="position:absolute;left:10697;top:4928;width:67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445" o:spid="_x0000_s1727" style="position:absolute;left:11207;top:4928;width:307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файл</w:t>
                        </w:r>
                      </w:p>
                    </w:txbxContent>
                  </v:textbox>
                </v:rect>
                <v:rect id="Rectangle 3446" o:spid="_x0000_s1728" style="position:absolute;left:13521;top:4928;width:67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447" o:spid="_x0000_s1729" style="position:absolute;left:2582;top:15514;width:972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 ввода</w:t>
                        </w:r>
                      </w:p>
                    </w:txbxContent>
                  </v:textbox>
                </v:rect>
                <v:rect id="Rectangle 3448" o:spid="_x0000_s1730" style="position:absolute;left:9891;top:15351;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449" o:spid="_x0000_s1731" style="position:absolute;left:10197;top:15514;width:458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а </w:t>
                        </w:r>
                      </w:p>
                    </w:txbxContent>
                  </v:textbox>
                </v:rect>
                <v:rect id="Rectangle 3450" o:spid="_x0000_s1732" style="position:absolute;left:2582;top:16615;width:481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оздает </w:t>
                        </w:r>
                      </w:p>
                    </w:txbxContent>
                  </v:textbox>
                </v:rect>
                <v:rect id="Rectangle 3451" o:spid="_x0000_s1733" style="position:absolute;left:6205;top:16452;width:2375;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P </w:t>
                        </w:r>
                      </w:p>
                    </w:txbxContent>
                  </v:textbox>
                </v:rect>
                <v:rect id="Rectangle 3452" o:spid="_x0000_s1734" style="position:absolute;left:7990;top:16615;width:1062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 инициализирует </w:t>
                        </w:r>
                      </w:p>
                    </w:txbxContent>
                  </v:textbox>
                </v:rect>
                <v:rect id="Rectangle 3453" o:spid="_x0000_s1735" style="position:absolute;left:2582;top:17716;width:10933;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ервый блок стека </w:t>
                        </w:r>
                      </w:p>
                    </w:txbxContent>
                  </v:textbox>
                </v:rect>
                <v:rect id="Rectangle 3454" o:spid="_x0000_s1736" style="position:absolute;left:2474;top:26334;width:1047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спользуя </w:t>
                        </w:r>
                        <w:proofErr w:type="spellStart"/>
                        <w:r>
                          <w:rPr>
                            <w:rFonts w:ascii="Arial" w:eastAsia="Arial" w:hAnsi="Arial" w:cs="Arial"/>
                            <w:sz w:val="14"/>
                          </w:rPr>
                          <w:t>обьект</w:t>
                        </w:r>
                        <w:proofErr w:type="spellEnd"/>
                        <w:r>
                          <w:rPr>
                            <w:rFonts w:ascii="Arial" w:eastAsia="Arial" w:hAnsi="Arial" w:cs="Arial"/>
                            <w:sz w:val="14"/>
                          </w:rPr>
                          <w:t xml:space="preserve"> </w:t>
                        </w:r>
                      </w:p>
                    </w:txbxContent>
                  </v:textbox>
                </v:rect>
                <v:rect id="Rectangle 3455" o:spid="_x0000_s1737" style="position:absolute;left:10349;top:26334;width:67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456" o:spid="_x0000_s1738" style="position:absolute;left:10859;top:26334;width:475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w:t>
                        </w:r>
                      </w:p>
                    </w:txbxContent>
                  </v:textbox>
                </v:rect>
                <v:rect id="Rectangle 3457" o:spid="_x0000_s1739" style="position:absolute;left:14438;top:26334;width:101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3458" o:spid="_x0000_s1740" style="position:absolute;left:2474;top:27435;width:960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 ввода</w:t>
                        </w:r>
                      </w:p>
                    </w:txbxContent>
                  </v:textbox>
                </v:rect>
                <v:rect id="Rectangle 3459" o:spid="_x0000_s1741" style="position:absolute;left:9696;top:27272;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460" o:spid="_x0000_s1742" style="position:absolute;left:10002;top:27435;width:4585;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а </w:t>
                        </w:r>
                      </w:p>
                    </w:txbxContent>
                  </v:textbox>
                </v:rect>
                <v:rect id="Rectangle 3461" o:spid="_x0000_s1743" style="position:absolute;left:2474;top:28536;width:11285;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находит процедуру </w:t>
                        </w:r>
                      </w:p>
                    </w:txbxContent>
                  </v:textbox>
                </v:rect>
                <v:rect id="Rectangle 3462" o:spid="_x0000_s1744" style="position:absolute;left:2474;top:29636;width:10222;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изации </w:t>
                        </w:r>
                      </w:p>
                    </w:txbxContent>
                  </v:textbox>
                </v:rect>
                <v:rect id="Rectangle 3463" o:spid="_x0000_s1745" style="position:absolute;left:10160;top:29474;width:4273;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WRITE </w:t>
                        </w:r>
                      </w:p>
                    </w:txbxContent>
                  </v:textbox>
                </v:rect>
                <v:rect id="Rectangle 3464" o:spid="_x0000_s1746" style="position:absolute;left:13372;top:29636;width:1022;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 </w:t>
                        </w:r>
                      </w:p>
                    </w:txbxContent>
                  </v:textbox>
                </v:rect>
                <v:rect id="Rectangle 3465" o:spid="_x0000_s1747" style="position:absolute;left:2474;top:30738;width:722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ызывает ее</w:t>
                        </w:r>
                      </w:p>
                    </w:txbxContent>
                  </v:textbox>
                </v:rect>
                <v:rect id="Rectangle 3466" o:spid="_x0000_s1748" style="position:absolute;left:7908;top:30575;width:67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3467" o:spid="_x0000_s1749" style="position:absolute;left:8418;top:30738;width:641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ередавая </w:t>
                        </w:r>
                      </w:p>
                    </w:txbxContent>
                  </v:textbox>
                </v:rect>
                <v:rect id="Rectangle 3468" o:spid="_x0000_s1750" style="position:absolute;left:13244;top:30575;width:2035;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rect id="Rectangle 3469" o:spid="_x0000_s1751" style="position:absolute;left:14774;top:30575;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3470" o:spid="_x0000_s1752" style="position:absolute;left:3810;top:23665;width:646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Блок стека </w:t>
                        </w:r>
                      </w:p>
                    </w:txbxContent>
                  </v:textbox>
                </v:rect>
                <v:rect id="Rectangle 3471" o:spid="_x0000_s1753" style="position:absolute;left:8673;top:23503;width:2035;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rect id="Rectangle 3472" o:spid="_x0000_s1754" style="position:absolute;left:15891;top:28602;width:203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rect id="Rectangle 3473" o:spid="_x0000_s1755" style="position:absolute;left:20210;top:35905;width:1153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 устройства</w:t>
                        </w:r>
                      </w:p>
                    </w:txbxContent>
                  </v:textbox>
                </v:rect>
                <v:shape id="Shape 3475" o:spid="_x0000_s1756" style="position:absolute;left:11384;top:8886;width:11927;height:3251;visibility:visible;mso-wrap-style:square;v-text-anchor:top" coordsize="1192722,325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" path="m,325110r1192722,l1192722,,,,,325110xe" filled="f" strokeweight=".05097mm">
                  <v:stroke endcap="round"/>
                  <v:path arrowok="t" textboxrect="0,0,1192722,325110"/>
                </v:shape>
                <v:rect id="Rectangle 3476" o:spid="_x0000_s1757" style="position:absolute;left:12593;top:9568;width:1264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ервисы подсистемы </w:t>
                        </w:r>
                      </w:p>
                    </w:txbxContent>
                  </v:textbox>
                </v:rect>
                <v:rect id="Rectangle 3477" o:spid="_x0000_s1758" style="position:absolute;left:14333;top:10669;width:336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3478" o:spid="_x0000_s1759" style="position:absolute;left:16865;top:10507;width:407;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479" o:spid="_x0000_s1760" style="position:absolute;left:17170;top:10669;width:424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3481" o:spid="_x0000_s1761" style="position:absolute;left:11384;top:12137;width:11927;height:2168;visibility:visible;mso-wrap-style:square;v-text-anchor:top" coordsize="1192722,2167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" path="m,216735r1192722,l1192722,,,,,216735xe" filled="f" strokeweight=".05097mm">
                  <v:stroke endcap="round"/>
                  <v:path arrowok="t" textboxrect="0,0,1192722,216735"/>
                </v:shape>
                <v:rect id="Rectangle 3482" o:spid="_x0000_s1762" style="position:absolute;left:11945;top:12828;width:972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 ввода</w:t>
                        </w:r>
                      </w:p>
                    </w:txbxContent>
                  </v:textbox>
                </v:rect>
                <v:rect id="Rectangle 3483" o:spid="_x0000_s1763" style="position:absolute;left:19253;top:12665;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484" o:spid="_x0000_s1764" style="position:absolute;left:19559;top:12828;width:4245;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3485" o:spid="_x0000_s1765" style="position:absolute;left:17348;top:3467;width:0;height:4737;visibility:visible;mso-wrap-style:square;v-text-anchor:top" coordsize="0,4737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" path="m,l,473749e" filled="f" strokeweight=".15292mm">
                  <v:stroke endcap="round"/>
                  <v:path arrowok="t" textboxrect="0,0,0,473749"/>
                </v:shape>
                <v:shape id="Shape 3486" o:spid="_x0000_s1766" style="position:absolute;left:17100;top:8143;width:496;height:743;visibility:visible;mso-wrap-style:square;v-text-anchor:top" coordsize="49573,743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" path="m,l49573,,24786,74320,,xe" fillcolor="black" stroked="f" strokeweight="0">
                  <v:stroke endcap="round"/>
                  <v:path arrowok="t" textboxrect="0,0,49573,74320"/>
                </v:shape>
                <v:shape id="Shape 3487" o:spid="_x0000_s1767" style="position:absolute;left:17348;top:3251;width:0;height:5635;visibility:visible;mso-wrap-style:square;v-text-anchor:top" coordsize="0,5635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" path="m,l,563514e" filled="f" strokeweight=".05097mm">
                  <v:stroke endcap="round"/>
                  <v:path arrowok="t" textboxrect="0,0,0,563514"/>
                </v:shape>
                <v:shape id="Shape 3488" o:spid="_x0000_s1768" style="position:absolute;left:1084;top:15388;width:1301;height:1301;visibility:visible;mso-wrap-style:square;v-text-anchor:top" coordsize="130112,1300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" path="m65056,v35933,,65056,29131,65056,64991c130112,100928,100989,130059,65056,130059,29132,130059,,100928,,64991,,29131,29132,,65056,xe" fillcolor="#bfbfbf" stroked="f" strokeweight="0">
                  <v:stroke endcap="round"/>
                  <v:path arrowok="t" textboxrect="0,0,130112,130059"/>
                </v:shape>
                <v:shape id="Shape 3489" o:spid="_x0000_s1769" style="position:absolute;left:1084;top:15388;width:1301;height:1301;visibility:visible;mso-wrap-style:square;v-text-anchor:top" coordsize="130112,1300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" path="m130112,64991c130112,29131,100989,,65056,,29132,,,29131,,64991v,35937,29132,65068,65056,65068c100989,130059,130112,100928,130112,64991xe" filled="f" strokeweight=".15292mm">
                  <v:stroke endcap="round"/>
                  <v:path arrowok="t" textboxrect="0,0,130112,130059"/>
                </v:shape>
                <v:rect id="Rectangle 3490" o:spid="_x0000_s1770" style="position:absolute;left:1479;top:15483;width:679;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shape id="Shape 3492" o:spid="_x0000_s1771" style="position:absolute;left:11628;top:19722;width:7590;height:2168;visibility:visible;mso-wrap-style:square;v-text-anchor:top" coordsize="758963,2167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" path="m,216765r758963,l758963,162555c758963,72790,686135,,596323,l162564,c72752,,,72790,,162555r,l,216765xe" filled="f" strokeweight=".15292mm">
                  <v:stroke endcap="round"/>
                  <v:path arrowok="t" textboxrect="0,0,758963,216765"/>
                </v:shape>
                <v:rect id="Rectangle 3494" o:spid="_x0000_s1772" style="position:absolute;left:12352;top:20414;width:6133;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shd w:val="clear" w:color="auto" w:fill="FFFFFF"/>
                          </w:rPr>
                          <w:t xml:space="preserve">Заголовок </w:t>
                        </w:r>
                      </w:p>
                    </w:txbxContent>
                  </v:textbox>
                </v:rect>
                <v:rect id="Rectangle 3495" o:spid="_x0000_s1773" style="position:absolute;left:16963;top:20252;width:2035;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shd w:val="clear" w:color="auto" w:fill="FFFFFF"/>
                          </w:rPr>
                          <w:t>IRP</w:t>
                        </w:r>
                      </w:p>
                    </w:txbxContent>
                  </v:textbox>
                </v:rect>
                <v:shape id="Shape 3496" o:spid="_x0000_s1774" style="position:absolute;left:11628;top:21890;width:7590;height:3901;visibility:visible;mso-wrap-style:square;v-text-anchor:top" coordsize="758963,3901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" path="m,l758963,r,227547c758963,317388,686135,390102,596323,390102r-433759,c72752,390102,,317388,,227547l,xe" stroked="f" strokeweight="0">
                  <v:stroke endcap="round"/>
                  <v:path arrowok="t" textboxrect="0,0,758963,390102"/>
                </v:shape>
                <v:shape id="Shape 3497" o:spid="_x0000_s1775" style="position:absolute;left:11628;top:21890;width:7590;height:3901;visibility:visible;mso-wrap-style:square;v-text-anchor:top" coordsize="758963,3901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" path="m,l,227547v,89841,72752,162555,162564,162555l162564,390102r433759,c686135,390102,758963,317388,758963,227547v,,,,,l758963,,,xe" filled="f" strokeweight=".15292mm">
                  <v:stroke endcap="round"/>
                  <v:path arrowok="t" textboxrect="0,0,758963,390102"/>
                </v:shape>
                <v:shape id="Shape 69409" o:spid="_x0000_s1776" style="position:absolute;left:12961;top:22740;width:4924;height:2202;visibility:visible;mso-wrap-style:square;v-text-anchor:top" coordsize="492404,22020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" path="m,l492404,r,220206l,220206,,e" stroked="f" strokeweight="0">
                  <v:stroke endcap="round"/>
                  <v:path arrowok="t" textboxrect="0,0,492404,220206"/>
                </v:shape>
                <v:rect id="Rectangle 3499" o:spid="_x0000_s1777" style="position:absolute;left:12961;top:22897;width:688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араметры </w:t>
                        </w:r>
                      </w:p>
                    </w:txbxContent>
                  </v:textbox>
                </v:rect>
                <v:rect id="Rectangle 3500" o:spid="_x0000_s1778" style="position:absolute;left:13944;top:23836;width:3933;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WRITE</w:t>
                        </w:r>
                      </w:p>
                    </w:txbxContent>
                  </v:textbox>
                </v:rect>
                <v:shape id="Shape 3501" o:spid="_x0000_s1779" style="position:absolute;left:17348;top:14305;width:0;height:4736;visibility:visible;mso-wrap-style:square;v-text-anchor:top" coordsize="0,47367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" path="m,l,473673e" filled="f" strokeweight=".15292mm">
                  <v:stroke endcap="round"/>
                  <v:path arrowok="t" textboxrect="0,0,0,473673"/>
                </v:shape>
                <v:shape id="Shape 3502" o:spid="_x0000_s1780" style="position:absolute;left:17100;top:18979;width:496;height:743;visibility:visible;mso-wrap-style:square;v-text-anchor:top" coordsize="49573,743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" path="m,l49573,,24786,74320,,xe" fillcolor="black" stroked="f" strokeweight="0">
                  <v:stroke endcap="round"/>
                  <v:path arrowok="t" textboxrect="0,0,49573,74320"/>
                </v:shape>
                <v:shape id="Shape 3503" o:spid="_x0000_s1781" style="position:absolute;left:10842;top:21890;width:569;height:4010;visibility:visible;mso-wrap-style:square;v-text-anchor:top" coordsize="56916,4009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" path="m56916,l,,,400959r56916,e" filled="f" strokeweight=".15292mm">
                  <v:stroke endcap="round"/>
                  <v:path arrowok="t" textboxrect="0,0,56916,400959"/>
                </v:shape>
                <v:shape id="Shape 3504" o:spid="_x0000_s1782" style="position:absolute;left:10272;top:24058;width:570;height:0;visibility:visible;mso-wrap-style:square;v-text-anchor:top" coordsize="5691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" path="m56916,l,e" filled="f" strokeweight=".15292mm">
                  <v:stroke endcap="round"/>
                  <v:path arrowok="t" textboxrect="0,0,56916,0"/>
                </v:shape>
                <v:shape id="Shape 3506" o:spid="_x0000_s1783" style="position:absolute;left:21142;top:20807;width:4663;height:4334;visibility:visible;mso-wrap-style:square;v-text-anchor:top" coordsize="466272,4334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" path="m162640,433455r140991,c393443,433455,466272,360664,466272,270900v,,,,,l466272,270900r,-108345c466272,72790,393443,,303631,l162640,c72829,,,72790,,162555l,270900v,89764,72829,162555,162640,162555xe" filled="f" strokeweight=".05097mm">
                  <v:stroke endcap="round"/>
                  <v:path arrowok="t" textboxrect="0,0,466272,433455"/>
                </v:shape>
                <v:rect id="Rectangle 3507" o:spid="_x0000_s1784" style="position:absolute;left:21821;top:22030;width:439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v:textbox>
                </v:rect>
                <v:rect id="Rectangle 3508" o:spid="_x0000_s1785" style="position:absolute;left:21806;top:23131;width:67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509" o:spid="_x0000_s1786" style="position:absolute;left:22317;top:23131;width:307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файл</w:t>
                        </w:r>
                      </w:p>
                    </w:txbxContent>
                  </v:textbox>
                </v:rect>
                <v:rect id="Rectangle 3510" o:spid="_x0000_s1787" style="position:absolute;left:24631;top:23131;width:67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3512" o:spid="_x0000_s1788" style="position:absolute;left:27106;top:20807;width:6506;height:4334;visibility:visible;mso-wrap-style:square;v-text-anchor:top" coordsize="650561,4334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" path="m162640,433455r325281,c577733,433455,650561,360664,650561,270900v,,,,,l650561,270900r,-108345c650561,72790,577733,,487921,l162640,c72752,,,72790,,162555r,l,270900v,89764,72752,162555,162640,162555xe" filled="f" strokeweight=".05097mm">
                  <v:stroke endcap="round"/>
                  <v:path arrowok="t" textboxrect="0,0,650561,433455"/>
                </v:shape>
                <v:rect id="Rectangle 3513" o:spid="_x0000_s1789" style="position:absolute;left:28706;top:22030;width:439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v:textbox>
                </v:rect>
                <v:rect id="Rectangle 3514" o:spid="_x0000_s1790" style="position:absolute;left:27474;top:23131;width:67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515" o:spid="_x0000_s1791" style="position:absolute;left:27984;top:23131;width:631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устройство</w:t>
                        </w:r>
                      </w:p>
                    </w:txbxContent>
                  </v:textbox>
                </v:rect>
                <v:rect id="Rectangle 3516" o:spid="_x0000_s1792" style="position:absolute;left:32734;top:23131;width:67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3518" o:spid="_x0000_s1793" style="position:absolute;left:35238;top:20807;width:5313;height:4334;visibility:visible;mso-wrap-style:square;v-text-anchor:top" coordsize="531296,4334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" path="m162640,433455r206016,c458544,433455,531296,360664,531296,270900v,,,,,l531296,270900r,-108345c531296,72790,458544,,368656,l162640,c72828,,,72790,,162555l,270900v,89764,72828,162555,162640,162555xe" filled="f" strokeweight=".05097mm">
                  <v:stroke endcap="round"/>
                  <v:path arrowok="t" textboxrect="0,0,531296,433455"/>
                </v:shape>
                <v:rect id="Rectangle 3519" o:spid="_x0000_s1794" style="position:absolute;left:36241;top:22030;width:439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Обьект</w:t>
                        </w:r>
                        <w:proofErr w:type="spellEnd"/>
                        <w:r>
                          <w:rPr>
                            <w:rFonts w:ascii="Arial" w:eastAsia="Arial" w:hAnsi="Arial" w:cs="Arial"/>
                            <w:sz w:val="14"/>
                          </w:rPr>
                          <w:t xml:space="preserve"> </w:t>
                        </w:r>
                      </w:p>
                    </w:txbxContent>
                  </v:textbox>
                </v:rect>
                <v:rect id="Rectangle 3520" o:spid="_x0000_s1795" style="position:absolute;left:35595;top:23131;width:67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521" o:spid="_x0000_s1796" style="position:absolute;left:36105;top:23131;width:475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w:t>
                        </w:r>
                      </w:p>
                    </w:txbxContent>
                  </v:textbox>
                </v:rect>
                <v:rect id="Rectangle 3522" o:spid="_x0000_s1797" style="position:absolute;left:39684;top:23131;width:67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3523" o:spid="_x0000_s1798" style="position:absolute;left:19218;top:22974;width:1243;height:0;visibility:visible;mso-wrap-style:square;v-text-anchor:top" coordsize="12431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" path="m,l124314,e" filled="f" strokeweight=".15292mm">
                  <v:stroke endcap="round"/>
                  <v:path arrowok="t" textboxrect="0,0,124314,0"/>
                </v:shape>
                <v:shape id="Shape 3524" o:spid="_x0000_s1799" style="position:absolute;left:20399;top:22726;width:743;height:495;visibility:visible;mso-wrap-style:square;v-text-anchor:top" coordsize="74359,495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" path="m,l74359,24773,,49546,,xe" fillcolor="black" stroked="f" strokeweight="0">
                  <v:stroke endcap="round"/>
                  <v:path arrowok="t" textboxrect="0,0,74359,49546"/>
                </v:shape>
                <v:shape id="Shape 3525" o:spid="_x0000_s1800" style="position:absolute;left:25805;top:22974;width:620;height:0;visibility:visible;mso-wrap-style:square;v-text-anchor:top" coordsize="6196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" path="m,l61965,e" filled="f" strokeweight=".15292mm">
                  <v:stroke endcap="round"/>
                  <v:path arrowok="t" textboxrect="0,0,61965,0"/>
                </v:shape>
                <v:shape id="Shape 3526" o:spid="_x0000_s1801" style="position:absolute;left:26363;top:22726;width:743;height:495;visibility:visible;mso-wrap-style:square;v-text-anchor:top" coordsize="74359,495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" path="m,l74359,24773,,49546,,xe" fillcolor="black" stroked="f" strokeweight="0">
                  <v:stroke endcap="round"/>
                  <v:path arrowok="t" textboxrect="0,0,74359,49546"/>
                </v:shape>
                <v:shape id="Shape 3527" o:spid="_x0000_s1802" style="position:absolute;left:33612;top:22974;width:944;height:0;visibility:visible;mso-wrap-style:square;v-text-anchor:top" coordsize="944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" path="m,l94402,e" filled="f" strokeweight=".15292mm">
                  <v:stroke endcap="round"/>
                  <v:path arrowok="t" textboxrect="0,0,94402,0"/>
                </v:shape>
                <v:shape id="Shape 3528" o:spid="_x0000_s1803" style="position:absolute;left:34494;top:22726;width:744;height:495;visibility:visible;mso-wrap-style:square;v-text-anchor:top" coordsize="74359,495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" path="m,l74359,24773,,49546,,xe" fillcolor="black" stroked="f" strokeweight="0">
                  <v:stroke endcap="round"/>
                  <v:path arrowok="t" textboxrect="0,0,74359,49546"/>
                </v:shape>
                <v:shape id="Shape 3530" o:spid="_x0000_s1804" style="position:absolute;left:13010;top:31643;width:8024;height:3251;visibility:visible;mso-wrap-style:square;v-text-anchor:top" coordsize="802339,325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" path="m,325110r802339,l802339,,,,,325110xe" filled="f" strokeweight=".05097mm">
                  <v:stroke endcap="round"/>
                  <v:path arrowok="t" textboxrect="0,0,802339,325110"/>
                </v:shape>
                <v:rect id="Rectangle 3531" o:spid="_x0000_s1805" style="position:absolute;left:14454;top:32326;width:6833;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v:textbox>
                </v:rect>
                <v:rect id="Rectangle 3532" o:spid="_x0000_s1806" style="position:absolute;left:13307;top:33427;width:988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изации</w:t>
                        </w:r>
                      </w:p>
                    </w:txbxContent>
                  </v:textbox>
                </v:rect>
                <v:shape id="Shape 3534" o:spid="_x0000_s1807" style="position:absolute;left:21035;top:31643;width:6722;height:3251;visibility:visible;mso-wrap-style:square;v-text-anchor:top" coordsize="672242,325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" path="m,325110r672242,l672242,,,,,325110xe" filled="f" strokeweight=".05097mm">
                  <v:stroke endcap="round"/>
                  <v:path arrowok="t" textboxrect="0,0,672242,325110"/>
                </v:shape>
                <v:rect id="Rectangle 3535" o:spid="_x0000_s1808" style="position:absolute;left:22013;top:32326;width:633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Инициация</w:t>
                        </w:r>
                      </w:p>
                    </w:txbxContent>
                  </v:textbox>
                </v:rect>
                <v:rect id="Rectangle 3536" o:spid="_x0000_s1809" style="position:absolute;left:21380;top:33427;width:336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3537" o:spid="_x0000_s1810" style="position:absolute;left:23912;top:33264;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538" o:spid="_x0000_s1811" style="position:absolute;left:24218;top:33427;width:424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69410" o:spid="_x0000_s1812" style="position:absolute;left:27757;top:31643;width:4120;height:3251;visibility:visible;mso-wrap-style:square;v-text-anchor:top" coordsize="412017,325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" path="m,l412017,r,325110l,325110,,e" stroked="f" strokeweight="0">
                  <v:stroke endcap="round"/>
                  <v:path arrowok="t" textboxrect="0,0,412017,325110"/>
                </v:shape>
                <v:shape id="Shape 3540" o:spid="_x0000_s1813" style="position:absolute;left:27757;top:31643;width:4120;height:3251;visibility:visible;mso-wrap-style:square;v-text-anchor:top" coordsize="412017,325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" path="m,325110r412017,l412017,,,,,325110xe" filled="f" strokeweight=".05097mm">
                  <v:stroke endcap="round"/>
                  <v:path arrowok="t" textboxrect="0,0,412017,325110"/>
                </v:shape>
                <v:rect id="Rectangle 3541" o:spid="_x0000_s1814" style="position:absolute;left:29052;top:32714;width:2035;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ISR</w:t>
                        </w:r>
                      </w:p>
                    </w:txbxContent>
                  </v:textbox>
                </v:rect>
                <v:shape id="Shape 69411" o:spid="_x0000_s1815" style="position:absolute;left:31768;top:31643;width:5855;height:3251;visibility:visible;mso-wrap-style:square;v-text-anchor:top" coordsize="585498,325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" path="m,l585498,r,325110l,325110,,e" stroked="f" strokeweight="0">
                  <v:stroke endcap="round"/>
                  <v:path arrowok="t" textboxrect="0,0,585498,325110"/>
                </v:shape>
                <v:shape id="Shape 3543" o:spid="_x0000_s1816" style="position:absolute;left:31768;top:31643;width:5855;height:3251;visibility:visible;mso-wrap-style:square;v-text-anchor:top" coordsize="585498,325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" path="m,325110r585498,l585498,,,,,325110xe" filled="f" strokeweight=".05097mm">
                  <v:stroke endcap="round"/>
                  <v:path arrowok="t" textboxrect="0,0,585498,325110"/>
                </v:shape>
                <v:rect id="Rectangle 3544" o:spid="_x0000_s1817" style="position:absolute;left:33574;top:32163;width:257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3545" o:spid="_x0000_s1818" style="position:absolute;left:35512;top:32163;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3546" o:spid="_x0000_s1819" style="position:absolute;left:32411;top:33427;width:607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процедура</w:t>
                        </w:r>
                      </w:p>
                    </w:txbxContent>
                  </v:textbox>
                </v:rect>
                <v:shape id="Shape 3547" o:spid="_x0000_s1820" style="position:absolute;left:17696;top:25141;width:20198;height:6398;visibility:visible;mso-wrap-style:square;v-text-anchor:top" coordsize="2019847,6397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" path="m2019847,c1968744,186640,1075293,469636,,639745e" filled="f" strokeweight=".15292mm">
                  <v:stroke endcap="round"/>
                  <v:path arrowok="t" textboxrect="0,0,2019847,639745"/>
                </v:shape>
                <v:shape id="Shape 3548" o:spid="_x0000_s1821" style="position:absolute;left:17022;top:31284;width:773;height:490;visibility:visible;mso-wrap-style:square;v-text-anchor:top" coordsize="77342,489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" path="m69692,r7650,48958l,35899,69692,xe" fillcolor="black" stroked="f" strokeweight="0">
                  <v:stroke endcap="round"/>
                  <v:path arrowok="t" textboxrect="0,0,77342,48958"/>
                </v:shape>
                <v:shape id="Shape 3549" o:spid="_x0000_s1822" style="position:absolute;left:15179;top:25791;width:0;height:5171;visibility:visible;mso-wrap-style:square;v-text-anchor:top" coordsize="0,5170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" path="m,l,517095e" filled="f" strokeweight=".15292mm">
                  <v:stroke endcap="round"/>
                  <v:path arrowok="t" textboxrect="0,0,0,517095"/>
                </v:shape>
                <v:shape id="Shape 3550" o:spid="_x0000_s1823" style="position:absolute;left:14931;top:30900;width:496;height:743;visibility:visible;mso-wrap-style:square;v-text-anchor:top" coordsize="49572,743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" path="m,l49572,,24786,74320,,xe" fillcolor="black" stroked="f" strokeweight="0">
                  <v:stroke endcap="round"/>
                  <v:path arrowok="t" textboxrect="0,0,49572,74320"/>
                </v:shape>
                <v:shape id="Shape 3551" o:spid="_x0000_s1824" style="position:absolute;left:1084;top:26225;width:1301;height:1300;visibility:visible;mso-wrap-style:square;v-text-anchor:top" coordsize="130112,1300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" path="m65056,v35933,,65056,29132,65056,65068c130112,100928,100989,130060,65056,130060,29132,130060,,100928,,65068,,29132,29132,,65056,xe" fillcolor="#bfbfbf" stroked="f" strokeweight="0">
                  <v:stroke endcap="round"/>
                  <v:path arrowok="t" textboxrect="0,0,130112,130060"/>
                </v:shape>
                <v:shape id="Shape 3552" o:spid="_x0000_s1825" style="position:absolute;left:1084;top:26225;width:1301;height:1300;visibility:visible;mso-wrap-style:square;v-text-anchor:top" coordsize="130112,1300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" path="m130112,65068c130112,29132,100989,,65056,,29132,,,29132,,65068v,35860,29132,64992,65056,64992c100989,130060,130112,100928,130112,65068xe" filled="f" strokeweight=".15292mm">
                  <v:stroke endcap="round"/>
                  <v:path arrowok="t" textboxrect="0,0,130112,130060"/>
                </v:shape>
                <v:rect id="Rectangle 3553" o:spid="_x0000_s1826" style="position:absolute;left:1479;top:26320;width:67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3</w:t>
                        </w:r>
                      </w:p>
                    </w:txbxContent>
                  </v:textbox>
                </v:rect>
                <w10:anchorlock/>
              </v:group>
            </w:pict>
          </mc:Fallback>
        </mc:AlternateContent>
      </w:r>
    </w:p>
    <w:p w:rsidR="0043064D" w:rsidRDefault="008B3C4B">
      <w:pPr>
        <w:spacing w:after="297" w:line="259" w:lineRule="auto"/>
        <w:ind w:left="1491" w:right="1391" w:firstLine="0"/>
        <w:jc w:val="right"/>
      </w:pPr>
      <w:r>
        <w:t xml:space="preserve"> </w:t>
      </w:r>
    </w:p>
    <w:p w:rsidR="0043064D" w:rsidRDefault="008B3C4B">
      <w:pPr>
        <w:spacing w:after="363" w:line="265" w:lineRule="auto"/>
        <w:jc w:val="center"/>
      </w:pPr>
      <w:r>
        <w:t xml:space="preserve">Рис. 9. Структуры данных, участвующие в обработке запроса на ввод-вывод, адресованного одноуровневому драйверу </w:t>
      </w:r>
    </w:p>
    <w:p w:rsidR="0043064D" w:rsidRDefault="008B3C4B">
      <w:pPr>
        <w:pStyle w:val="4"/>
        <w:ind w:left="-5"/>
      </w:pPr>
      <w:r>
        <w:t xml:space="preserve">Блок стека IRP </w:t>
      </w:r>
    </w:p>
    <w:p w:rsidR="0043064D" w:rsidRDefault="008B3C4B">
      <w:pPr>
        <w:ind w:left="-5" w:right="1"/>
      </w:pPr>
      <w:r>
        <w:t xml:space="preserve">IRP состоит из двух частей: </w:t>
      </w:r>
      <w:r>
        <w:rPr>
          <w:b/>
        </w:rPr>
        <w:t>фиксированного заголовка</w:t>
      </w:r>
      <w:r>
        <w:t xml:space="preserve"> (часто называемого телом IRP) и </w:t>
      </w:r>
      <w:r>
        <w:rPr>
          <w:b/>
        </w:rPr>
        <w:t>одного или нескольких блоков стека</w:t>
      </w:r>
      <w:r>
        <w:t xml:space="preserve">. </w:t>
      </w:r>
    </w:p>
    <w:p w:rsidR="0043064D" w:rsidRDefault="008B3C4B">
      <w:pPr>
        <w:spacing w:after="257"/>
        <w:ind w:left="-5" w:right="1"/>
      </w:pPr>
      <w:r>
        <w:rPr>
          <w:b/>
        </w:rPr>
        <w:t>Фиксированная часть</w:t>
      </w:r>
      <w:r>
        <w:t xml:space="preserve"> содержит такую информацию, как тип и размер запроса, указатель на буфер в случае буферизованного ввода-вывода, данные о состоянии, изменяющиеся по мере обработки запроса, а также сведения о том, явля</w:t>
      </w:r>
      <w:r>
        <w:t xml:space="preserve">ется запрос синхронным или асинхронным. Блок стека IRP (IRP </w:t>
      </w:r>
      <w:proofErr w:type="spellStart"/>
      <w:r>
        <w:t>stack</w:t>
      </w:r>
      <w:proofErr w:type="spellEnd"/>
      <w:r>
        <w:t xml:space="preserve"> </w:t>
      </w:r>
      <w:proofErr w:type="spellStart"/>
      <w:r>
        <w:t>location</w:t>
      </w:r>
      <w:proofErr w:type="spellEnd"/>
      <w:r>
        <w:t>) содержит номер функции (состоящий из основного и дополнительного номеров), параметры, специфичные для функции, и указатель на объект «файл» вызывающего потока. Основной номер функц</w:t>
      </w:r>
      <w:r>
        <w:t>ии (</w:t>
      </w:r>
      <w:proofErr w:type="spellStart"/>
      <w:r>
        <w:t>major</w:t>
      </w:r>
      <w:proofErr w:type="spellEnd"/>
      <w:r>
        <w:t xml:space="preserve"> </w:t>
      </w:r>
      <w:proofErr w:type="spellStart"/>
      <w:r>
        <w:t>function</w:t>
      </w:r>
      <w:proofErr w:type="spellEnd"/>
      <w:r>
        <w:t xml:space="preserve"> </w:t>
      </w:r>
      <w:proofErr w:type="spellStart"/>
      <w:r>
        <w:t>code</w:t>
      </w:r>
      <w:proofErr w:type="spellEnd"/>
      <w:r>
        <w:t>) идентифицирует принадлежащую драйверу процедуру диспетчеризации, которую диспетчер ввода-вывода вызывает при передаче IRP драйверу. Необязательный дополнительный номер функции (</w:t>
      </w:r>
      <w:proofErr w:type="spellStart"/>
      <w:r>
        <w:t>minor</w:t>
      </w:r>
      <w:proofErr w:type="spellEnd"/>
      <w:r>
        <w:t xml:space="preserve"> </w:t>
      </w:r>
      <w:proofErr w:type="spellStart"/>
      <w:r>
        <w:t>function</w:t>
      </w:r>
      <w:proofErr w:type="spellEnd"/>
      <w:r>
        <w:t xml:space="preserve"> </w:t>
      </w:r>
      <w:proofErr w:type="spellStart"/>
      <w:r>
        <w:t>code</w:t>
      </w:r>
      <w:proofErr w:type="spellEnd"/>
      <w:r>
        <w:t>) иногда используется как модификат</w:t>
      </w:r>
      <w:r>
        <w:t xml:space="preserve">ор основного номера. В командах управления электропитанием и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всегда указывается дополнительный номер функции. В большинстве драйверов процедуры диспетчеризации определены только для подмножества основных функций, т. е. функций, предназначенны</w:t>
      </w:r>
      <w:r>
        <w:t xml:space="preserve">х для создания/открытия, записи, чтения, управления вводом-выводом на устройстве, управления электропитанием, операций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w:t>
      </w:r>
      <w:proofErr w:type="spellStart"/>
      <w:r>
        <w:t>System</w:t>
      </w:r>
      <w:proofErr w:type="spellEnd"/>
      <w:r>
        <w:t xml:space="preserve"> (для WMI команд) и закрытия. Драйверы файловой системы определяют функции для всех (или почти всех) точек входа. Ди</w:t>
      </w:r>
      <w:r>
        <w:t xml:space="preserve">спетчер ввода-вывода записывает в точки входа, не заполненные драйверами, указатели на свою функцию </w:t>
      </w:r>
      <w:proofErr w:type="spellStart"/>
      <w:r>
        <w:rPr>
          <w:rFonts w:ascii="Courier New" w:eastAsia="Courier New" w:hAnsi="Courier New" w:cs="Courier New"/>
        </w:rPr>
        <w:t>IopInvalidDeviceRequest</w:t>
      </w:r>
      <w:proofErr w:type="spellEnd"/>
      <w:r>
        <w:t>. Эта функция возвращает вызывающему потоку код ошибки, который уведомляет о попытке обращения к функции, не поддерживаемой данным ус</w:t>
      </w:r>
      <w:r>
        <w:t xml:space="preserve">тройством. </w:t>
      </w:r>
    </w:p>
    <w:p w:rsidR="0043064D" w:rsidRDefault="008B3C4B">
      <w:pPr>
        <w:pStyle w:val="4"/>
        <w:ind w:left="-5"/>
      </w:pPr>
      <w:r>
        <w:t xml:space="preserve">Управление буфером IRP </w:t>
      </w:r>
    </w:p>
    <w:p w:rsidR="0043064D" w:rsidRDefault="008B3C4B">
      <w:pPr>
        <w:spacing w:after="138"/>
        <w:ind w:left="-5" w:right="1"/>
      </w:pPr>
      <w:r>
        <w:t xml:space="preserve">Диспетчер ввода-вывода поддерживает три вида управления буферами. </w:t>
      </w:r>
    </w:p>
    <w:p w:rsidR="0043064D" w:rsidRDefault="008B3C4B">
      <w:pPr>
        <w:numPr>
          <w:ilvl w:val="0"/>
          <w:numId w:val="9"/>
        </w:numPr>
        <w:ind w:right="1" w:hanging="361"/>
      </w:pPr>
      <w:r>
        <w:rPr>
          <w:b/>
        </w:rPr>
        <w:t>Буферизованный ввод-вывод</w:t>
      </w:r>
      <w:r>
        <w:t xml:space="preserve"> (</w:t>
      </w:r>
      <w:proofErr w:type="spellStart"/>
      <w:r>
        <w:t>buffered</w:t>
      </w:r>
      <w:proofErr w:type="spellEnd"/>
      <w:r>
        <w:t xml:space="preserve"> I/O). Диспетчер ввода-вывода выделяет в пуде </w:t>
      </w:r>
      <w:proofErr w:type="spellStart"/>
      <w:r>
        <w:t>неподкачиваемой</w:t>
      </w:r>
      <w:proofErr w:type="spellEnd"/>
      <w:r>
        <w:t xml:space="preserve"> памяти буфер, равный по размеру буферу вызывающего поток</w:t>
      </w:r>
      <w:r>
        <w:t xml:space="preserve">а. Создавая IRP при операциях записи, диспетчер </w:t>
      </w:r>
      <w:proofErr w:type="spellStart"/>
      <w:r>
        <w:t>вводавывода</w:t>
      </w:r>
      <w:proofErr w:type="spellEnd"/>
      <w:r>
        <w:t xml:space="preserve"> копирует данные из буфера вызывающего потока в выделенный буфер. Завершая обработку IRP при операциях чтения, диспетчер ввода-вывода копирует данные из выделенного буфера в пользовательский буфер </w:t>
      </w:r>
      <w:r>
        <w:t xml:space="preserve">и освобождает выделенный буфер. </w:t>
      </w:r>
    </w:p>
    <w:p w:rsidR="0043064D" w:rsidRDefault="008B3C4B">
      <w:pPr>
        <w:numPr>
          <w:ilvl w:val="0"/>
          <w:numId w:val="9"/>
        </w:numPr>
        <w:spacing w:after="22"/>
        <w:ind w:right="1" w:hanging="361"/>
      </w:pPr>
      <w:r>
        <w:rPr>
          <w:b/>
        </w:rPr>
        <w:lastRenderedPageBreak/>
        <w:t>Прямой ввод-вывод</w:t>
      </w:r>
      <w:r>
        <w:t xml:space="preserve"> (</w:t>
      </w:r>
      <w:proofErr w:type="spellStart"/>
      <w:r>
        <w:t>direct</w:t>
      </w:r>
      <w:proofErr w:type="spellEnd"/>
      <w:r>
        <w:t xml:space="preserve"> I/O). Создавая IRP, диспетчер ввода-вывода блокирует пользовательский буфер в памяти (делает его </w:t>
      </w:r>
      <w:proofErr w:type="spellStart"/>
      <w:r>
        <w:t>неподкачиваемым</w:t>
      </w:r>
      <w:proofErr w:type="spellEnd"/>
      <w:r>
        <w:t>). Закончив работу с IRP, диспетчер ввода-вывода разблокирует буфер. Диспетчер хранит</w:t>
      </w:r>
      <w:r>
        <w:t xml:space="preserve"> описание этой памяти в форме MDL (</w:t>
      </w:r>
      <w:proofErr w:type="spellStart"/>
      <w:r>
        <w:t>memory</w:t>
      </w:r>
      <w:proofErr w:type="spellEnd"/>
      <w:r>
        <w:t xml:space="preserve"> </w:t>
      </w:r>
      <w:proofErr w:type="spellStart"/>
      <w:r>
        <w:t>descriptor</w:t>
      </w:r>
      <w:proofErr w:type="spellEnd"/>
      <w:r>
        <w:t xml:space="preserve"> </w:t>
      </w:r>
      <w:proofErr w:type="spellStart"/>
      <w:r>
        <w:t>list</w:t>
      </w:r>
      <w:proofErr w:type="spellEnd"/>
      <w:r>
        <w:t xml:space="preserve">). MDL указывает объем физической памяти, занятой буфером (подробнее о MDL см. </w:t>
      </w:r>
      <w:proofErr w:type="spellStart"/>
      <w:r>
        <w:t>Windows</w:t>
      </w:r>
      <w:proofErr w:type="spellEnd"/>
      <w:r>
        <w:t xml:space="preserve"> DDK). Устройствам, использующим DMA (прямой доступ к памяти), требуется лишь физическое описание буфера, поэтому</w:t>
      </w:r>
      <w:r>
        <w:t xml:space="preserve"> таким устройствам достаточно MDL. (Устройства, поддерживающие DMA, передают данные в память компьютера напрямую, не используя процессор.) но, если драйверу нужен доступ к содержимому буфера, он может спроецировать его на системное адресное пространство. </w:t>
      </w:r>
    </w:p>
    <w:p w:rsidR="0043064D" w:rsidRDefault="008B3C4B">
      <w:pPr>
        <w:numPr>
          <w:ilvl w:val="0"/>
          <w:numId w:val="9"/>
        </w:numPr>
        <w:ind w:right="1" w:hanging="361"/>
      </w:pPr>
      <w:r>
        <w:rPr>
          <w:b/>
        </w:rPr>
        <w:t>Ввод-вывод без управления</w:t>
      </w:r>
      <w:r>
        <w:t xml:space="preserve"> (</w:t>
      </w:r>
      <w:proofErr w:type="spellStart"/>
      <w:r>
        <w:t>neither</w:t>
      </w:r>
      <w:proofErr w:type="spellEnd"/>
      <w:r>
        <w:t xml:space="preserve"> I/O). Диспетчер ввода-вывода не участвует в управлении буферами. Ответственность за управление ими возлагается на драйвер устройства. </w:t>
      </w:r>
    </w:p>
    <w:p w:rsidR="0043064D" w:rsidRDefault="008B3C4B">
      <w:pPr>
        <w:spacing w:after="4"/>
        <w:ind w:left="-5" w:right="1"/>
      </w:pPr>
      <w:r>
        <w:t>При любом типе управления буферами диспетчер ввода-вывода помещает в IRP ссылки на буф</w:t>
      </w:r>
      <w:r>
        <w:t>еры ввода и вывода. Тип управления буферами, реализуемого диспетчером ввода-вывода, зависит от типа управления, запрошенного драйвером для операций конкретного типа. Драйвер регистрирует нужный ему тип управления буферами для операций чтения и записи в объ</w:t>
      </w:r>
      <w:r>
        <w:t xml:space="preserve">екте «устройство», который представляет устройство. </w:t>
      </w:r>
    </w:p>
    <w:p w:rsidR="0043064D" w:rsidRDefault="008B3C4B">
      <w:pPr>
        <w:tabs>
          <w:tab w:val="center" w:pos="2140"/>
          <w:tab w:val="center" w:pos="4107"/>
          <w:tab w:val="center" w:pos="5589"/>
          <w:tab w:val="center" w:pos="6771"/>
          <w:tab w:val="right" w:pos="9365"/>
        </w:tabs>
        <w:spacing w:after="10"/>
        <w:ind w:left="-15" w:firstLine="0"/>
        <w:jc w:val="left"/>
      </w:pPr>
      <w:r>
        <w:t xml:space="preserve">Операции </w:t>
      </w:r>
      <w:r>
        <w:tab/>
        <w:t xml:space="preserve">управления </w:t>
      </w:r>
      <w:r>
        <w:tab/>
        <w:t xml:space="preserve">вводом-выводом </w:t>
      </w:r>
      <w:r>
        <w:tab/>
        <w:t xml:space="preserve">на </w:t>
      </w:r>
      <w:r>
        <w:tab/>
        <w:t xml:space="preserve">устройстве </w:t>
      </w:r>
      <w:r>
        <w:tab/>
        <w:t xml:space="preserve">(выполняемые </w:t>
      </w:r>
    </w:p>
    <w:p w:rsidR="0043064D" w:rsidRDefault="008B3C4B">
      <w:pPr>
        <w:spacing w:after="265"/>
        <w:ind w:left="-5" w:right="1"/>
      </w:pPr>
      <w:proofErr w:type="spellStart"/>
      <w:r>
        <w:rPr>
          <w:rFonts w:ascii="Courier New" w:eastAsia="Courier New" w:hAnsi="Courier New" w:cs="Courier New"/>
        </w:rPr>
        <w:t>NtDeviceloControlFile</w:t>
      </w:r>
      <w:proofErr w:type="spellEnd"/>
      <w:r>
        <w:t>) задаются определенными в драйвере управляющими кодами ввода-вывода. Управляющий код включает тип управления буфе</w:t>
      </w:r>
      <w:r>
        <w:t xml:space="preserve">рами со стороны диспетчера ввода-вывода при обработке IRP с данным кодом. </w:t>
      </w:r>
    </w:p>
    <w:p w:rsidR="0043064D" w:rsidRDefault="008B3C4B">
      <w:pPr>
        <w:pStyle w:val="3"/>
        <w:spacing w:after="57" w:line="265" w:lineRule="auto"/>
        <w:ind w:left="-5"/>
      </w:pPr>
      <w:bookmarkStart w:id="14" w:name="_Toc68662"/>
      <w:r>
        <w:rPr>
          <w:rFonts w:ascii="Tahoma" w:eastAsia="Tahoma" w:hAnsi="Tahoma" w:cs="Tahoma"/>
          <w:b w:val="0"/>
        </w:rPr>
        <w:t xml:space="preserve">Запрос ввода-вывода к одноуровневому драйверу </w:t>
      </w:r>
      <w:bookmarkEnd w:id="14"/>
    </w:p>
    <w:p w:rsidR="0043064D" w:rsidRDefault="008B3C4B">
      <w:pPr>
        <w:ind w:left="-5" w:right="1"/>
      </w:pPr>
      <w:r>
        <w:t xml:space="preserve">Далее опишем процесс обработки запросов синхронного ввода-вывода к </w:t>
      </w:r>
      <w:r>
        <w:rPr>
          <w:b/>
        </w:rPr>
        <w:t>одноуровневому драйверу режима ядра</w:t>
      </w:r>
      <w:r>
        <w:t>. Такая обработка проходит в сем</w:t>
      </w:r>
      <w:r>
        <w:t xml:space="preserve">ь этапов: </w:t>
      </w:r>
    </w:p>
    <w:p w:rsidR="0043064D" w:rsidRDefault="008B3C4B">
      <w:pPr>
        <w:numPr>
          <w:ilvl w:val="0"/>
          <w:numId w:val="10"/>
        </w:numPr>
        <w:ind w:right="1" w:hanging="274"/>
      </w:pPr>
      <w:r>
        <w:t xml:space="preserve">Запрос на ввод-вывод передается через DLL подсистемы. </w:t>
      </w:r>
    </w:p>
    <w:p w:rsidR="0043064D" w:rsidRDefault="008B3C4B">
      <w:pPr>
        <w:numPr>
          <w:ilvl w:val="0"/>
          <w:numId w:val="10"/>
        </w:numPr>
        <w:spacing w:after="144"/>
        <w:ind w:right="1" w:hanging="274"/>
      </w:pPr>
      <w:r>
        <w:t xml:space="preserve">DLL подсистемы вызывает сервис </w:t>
      </w:r>
      <w:proofErr w:type="spellStart"/>
      <w:r>
        <w:rPr>
          <w:rFonts w:ascii="Courier New" w:eastAsia="Courier New" w:hAnsi="Courier New" w:cs="Courier New"/>
        </w:rPr>
        <w:t>NtWriteFile</w:t>
      </w:r>
      <w:proofErr w:type="spellEnd"/>
      <w:r>
        <w:t xml:space="preserve"> диспетчера ввода-вывода. </w:t>
      </w:r>
    </w:p>
    <w:p w:rsidR="0043064D" w:rsidRDefault="008B3C4B">
      <w:pPr>
        <w:numPr>
          <w:ilvl w:val="0"/>
          <w:numId w:val="10"/>
        </w:numPr>
        <w:spacing w:after="147"/>
        <w:ind w:right="1" w:hanging="274"/>
      </w:pPr>
      <w:r>
        <w:t xml:space="preserve">Диспетчер ввода-вывода создает IRP, описывающий запрос, и посылает его драйверу (в данном случае — </w:t>
      </w:r>
      <w:r>
        <w:t xml:space="preserve">драйверу устройства), вызывая свою функцию </w:t>
      </w:r>
      <w:proofErr w:type="spellStart"/>
      <w:r>
        <w:rPr>
          <w:rFonts w:ascii="Courier New" w:eastAsia="Courier New" w:hAnsi="Courier New" w:cs="Courier New"/>
        </w:rPr>
        <w:t>IoCallDriver</w:t>
      </w:r>
      <w:proofErr w:type="spellEnd"/>
      <w:r>
        <w:t xml:space="preserve">. </w:t>
      </w:r>
    </w:p>
    <w:p w:rsidR="0043064D" w:rsidRDefault="008B3C4B">
      <w:pPr>
        <w:numPr>
          <w:ilvl w:val="0"/>
          <w:numId w:val="10"/>
        </w:numPr>
        <w:ind w:right="1" w:hanging="274"/>
      </w:pPr>
      <w:r>
        <w:t xml:space="preserve">Драйвер передает данные из IRP на устройство и инициирует операцию </w:t>
      </w:r>
      <w:proofErr w:type="spellStart"/>
      <w:r>
        <w:t>вводавывода</w:t>
      </w:r>
      <w:proofErr w:type="spellEnd"/>
      <w:r>
        <w:t xml:space="preserve">. </w:t>
      </w:r>
    </w:p>
    <w:p w:rsidR="0043064D" w:rsidRDefault="008B3C4B">
      <w:pPr>
        <w:numPr>
          <w:ilvl w:val="0"/>
          <w:numId w:val="10"/>
        </w:numPr>
        <w:ind w:right="1" w:hanging="274"/>
      </w:pPr>
      <w:r>
        <w:t xml:space="preserve">Драйвер уведомляет о завершении ввода-вывода, генерируя прерывание. </w:t>
      </w:r>
    </w:p>
    <w:p w:rsidR="0043064D" w:rsidRDefault="008B3C4B">
      <w:pPr>
        <w:numPr>
          <w:ilvl w:val="0"/>
          <w:numId w:val="10"/>
        </w:numPr>
        <w:ind w:right="1" w:hanging="274"/>
      </w:pPr>
      <w:r>
        <w:t xml:space="preserve">Когда </w:t>
      </w:r>
      <w:r>
        <w:t xml:space="preserve">устройство завершает операцию и вызывает прерывание, драйвер устройства обслуживает прерывание. </w:t>
      </w:r>
    </w:p>
    <w:p w:rsidR="0043064D" w:rsidRDefault="008B3C4B">
      <w:pPr>
        <w:numPr>
          <w:ilvl w:val="0"/>
          <w:numId w:val="10"/>
        </w:numPr>
        <w:ind w:right="1" w:hanging="274"/>
      </w:pPr>
      <w:r>
        <w:t xml:space="preserve">Драйвер вызывает функцию </w:t>
      </w:r>
      <w:proofErr w:type="spellStart"/>
      <w:r>
        <w:rPr>
          <w:rFonts w:ascii="Courier New" w:eastAsia="Courier New" w:hAnsi="Courier New" w:cs="Courier New"/>
        </w:rPr>
        <w:t>IoCompleteRequest</w:t>
      </w:r>
      <w:proofErr w:type="spellEnd"/>
      <w:r>
        <w:t xml:space="preserve"> диспетчера ввода-вывода, чтобы уведомить его о завершении обработки IRP, и диспетчер ввода-вывода завершает данный з</w:t>
      </w:r>
      <w:r>
        <w:t xml:space="preserve">апрос на ввод-вывод. </w:t>
      </w:r>
    </w:p>
    <w:p w:rsidR="0043064D" w:rsidRDefault="008B3C4B">
      <w:pPr>
        <w:ind w:left="-5" w:right="1"/>
      </w:pPr>
      <w:r>
        <w:t xml:space="preserve">Эти семь этапов показаны на Рис. 10. </w:t>
      </w:r>
    </w:p>
    <w:p w:rsidR="0043064D" w:rsidRDefault="008B3C4B">
      <w:pPr>
        <w:spacing w:after="333" w:line="265" w:lineRule="auto"/>
        <w:ind w:right="1"/>
        <w:jc w:val="center"/>
      </w:pPr>
      <w:r>
        <w:rPr>
          <w:rFonts w:ascii="Calibri" w:eastAsia="Calibri" w:hAnsi="Calibri" w:cs="Calibri"/>
          <w:noProof/>
          <w:sz w:val="22"/>
        </w:rPr>
        <w:lastRenderedPageBreak/>
        <mc:AlternateContent>
          <mc:Choice Requires="wpg">
            <w:drawing>
              <wp:anchor distT="0" distB="0" distL="114300" distR="114300" simplePos="0" relativeHeight="251658240" behindDoc="0" locked="0" layoutInCell="1" allowOverlap="1">
                <wp:simplePos x="0" y="0"/>
                <wp:positionH relativeFrom="column">
                  <wp:posOffset>560049</wp:posOffset>
                </wp:positionH>
                <wp:positionV relativeFrom="paragraph">
                  <wp:posOffset>-4309301</wp:posOffset>
                </wp:positionV>
                <wp:extent cx="4930849" cy="4077452"/>
                <wp:effectExtent l="0" t="0" r="0" b="0"/>
                <wp:wrapSquare wrapText="bothSides"/>
                <wp:docPr id="60469" name="Group 60469"/>
                <wp:cNvGraphicFramePr/>
                <a:graphic xmlns:a="http://schemas.openxmlformats.org/drawingml/2006/main">
                  <a:graphicData uri="http://schemas.microsoft.com/office/word/2010/wordprocessingGroup">
                    <wpg:wgp>
                      <wpg:cNvGrpSpPr/>
                      <wpg:grpSpPr>
                        <a:xfrm>
                          <a:off x="0" y="0"/>
                          <a:ext cx="4930849" cy="4077452"/>
                          <a:chOff x="0" y="0"/>
                          <a:chExt cx="4930849" cy="4077452"/>
                        </a:xfrm>
                      </wpg:grpSpPr>
                      <wps:wsp>
                        <wps:cNvPr id="3888" name="Shape 3888"/>
                        <wps:cNvSpPr/>
                        <wps:spPr>
                          <a:xfrm>
                            <a:off x="1806409" y="216095"/>
                            <a:ext cx="1182946" cy="377962"/>
                          </a:xfrm>
                          <a:custGeom>
                            <a:avLst/>
                            <a:gdLst/>
                            <a:ahLst/>
                            <a:cxnLst/>
                            <a:rect l="0" t="0" r="0" b="0"/>
                            <a:pathLst>
                              <a:path w="1182946" h="377962">
                                <a:moveTo>
                                  <a:pt x="591429" y="0"/>
                                </a:moveTo>
                                <a:cubicBezTo>
                                  <a:pt x="918085" y="0"/>
                                  <a:pt x="1182946" y="84535"/>
                                  <a:pt x="1182946" y="188981"/>
                                </a:cubicBezTo>
                                <a:cubicBezTo>
                                  <a:pt x="1182946" y="293338"/>
                                  <a:pt x="918085" y="377962"/>
                                  <a:pt x="591429" y="377962"/>
                                </a:cubicBezTo>
                                <a:cubicBezTo>
                                  <a:pt x="264771" y="377962"/>
                                  <a:pt x="0" y="293338"/>
                                  <a:pt x="0" y="188981"/>
                                </a:cubicBezTo>
                                <a:cubicBezTo>
                                  <a:pt x="0" y="84535"/>
                                  <a:pt x="264771" y="0"/>
                                  <a:pt x="591429" y="0"/>
                                </a:cubicBezTo>
                                <a:close/>
                              </a:path>
                            </a:pathLst>
                          </a:custGeom>
                          <a:ln w="0" cap="flat">
                            <a:miter lim="127000"/>
                          </a:ln>
                        </wps:spPr>
                        <wps:style>
                          <a:lnRef idx="0">
                            <a:srgbClr val="000000">
                              <a:alpha val="0"/>
                            </a:srgbClr>
                          </a:lnRef>
                          <a:fillRef idx="1">
                            <a:srgbClr val="F2F2F2"/>
                          </a:fillRef>
                          <a:effectRef idx="0">
                            <a:scrgbClr r="0" g="0" b="0"/>
                          </a:effectRef>
                          <a:fontRef idx="none"/>
                        </wps:style>
                        <wps:bodyPr/>
                      </wps:wsp>
                      <wps:wsp>
                        <wps:cNvPr id="3889" name="Shape 3889"/>
                        <wps:cNvSpPr/>
                        <wps:spPr>
                          <a:xfrm>
                            <a:off x="1806409" y="216095"/>
                            <a:ext cx="1182946" cy="377962"/>
                          </a:xfrm>
                          <a:custGeom>
                            <a:avLst/>
                            <a:gdLst/>
                            <a:ahLst/>
                            <a:cxnLst/>
                            <a:rect l="0" t="0" r="0" b="0"/>
                            <a:pathLst>
                              <a:path w="1182946" h="377962">
                                <a:moveTo>
                                  <a:pt x="1182946" y="188981"/>
                                </a:moveTo>
                                <a:cubicBezTo>
                                  <a:pt x="1182946" y="84535"/>
                                  <a:pt x="918085" y="0"/>
                                  <a:pt x="591429" y="0"/>
                                </a:cubicBezTo>
                                <a:cubicBezTo>
                                  <a:pt x="264771" y="0"/>
                                  <a:pt x="0" y="84535"/>
                                  <a:pt x="0" y="188981"/>
                                </a:cubicBezTo>
                                <a:cubicBezTo>
                                  <a:pt x="0" y="293338"/>
                                  <a:pt x="264771" y="377962"/>
                                  <a:pt x="591429" y="377962"/>
                                </a:cubicBezTo>
                                <a:cubicBezTo>
                                  <a:pt x="918085" y="377962"/>
                                  <a:pt x="1182946" y="293338"/>
                                  <a:pt x="1182946" y="188981"/>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890" name="Rectangle 3890"/>
                        <wps:cNvSpPr/>
                        <wps:spPr>
                          <a:xfrm>
                            <a:off x="2095508" y="295416"/>
                            <a:ext cx="843580" cy="1333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Подсистема </w:t>
                              </w:r>
                            </w:p>
                          </w:txbxContent>
                        </wps:txbx>
                        <wps:bodyPr horzOverflow="overflow" vert="horz" lIns="0" tIns="0" rIns="0" bIns="0" rtlCol="0">
                          <a:noAutofit/>
                        </wps:bodyPr>
                      </wps:wsp>
                      <wps:wsp>
                        <wps:cNvPr id="3891" name="Rectangle 3891"/>
                        <wps:cNvSpPr/>
                        <wps:spPr>
                          <a:xfrm>
                            <a:off x="1917396" y="423419"/>
                            <a:ext cx="1018017" cy="1333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окружения или </w:t>
                              </w:r>
                            </w:p>
                          </w:txbxContent>
                        </wps:txbx>
                        <wps:bodyPr horzOverflow="overflow" vert="horz" lIns="0" tIns="0" rIns="0" bIns="0" rtlCol="0">
                          <a:noAutofit/>
                        </wps:bodyPr>
                      </wps:wsp>
                      <wps:wsp>
                        <wps:cNvPr id="3892" name="Rectangle 3892"/>
                        <wps:cNvSpPr/>
                        <wps:spPr>
                          <a:xfrm>
                            <a:off x="2682853" y="404540"/>
                            <a:ext cx="259962"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DLL</w:t>
                              </w:r>
                            </w:p>
                          </w:txbxContent>
                        </wps:txbx>
                        <wps:bodyPr horzOverflow="overflow" vert="horz" lIns="0" tIns="0" rIns="0" bIns="0" rtlCol="0">
                          <a:noAutofit/>
                        </wps:bodyPr>
                      </wps:wsp>
                      <wps:wsp>
                        <wps:cNvPr id="3893" name="Shape 3893"/>
                        <wps:cNvSpPr/>
                        <wps:spPr>
                          <a:xfrm>
                            <a:off x="137117" y="1312113"/>
                            <a:ext cx="4278645" cy="0"/>
                          </a:xfrm>
                          <a:custGeom>
                            <a:avLst/>
                            <a:gdLst/>
                            <a:ahLst/>
                            <a:cxnLst/>
                            <a:rect l="0" t="0" r="0" b="0"/>
                            <a:pathLst>
                              <a:path w="4278645">
                                <a:moveTo>
                                  <a:pt x="0" y="0"/>
                                </a:moveTo>
                                <a:lnTo>
                                  <a:pt x="4278645" y="0"/>
                                </a:lnTo>
                              </a:path>
                            </a:pathLst>
                          </a:custGeom>
                          <a:ln w="19179" cap="rnd">
                            <a:round/>
                          </a:ln>
                        </wps:spPr>
                        <wps:style>
                          <a:lnRef idx="1">
                            <a:srgbClr val="000000"/>
                          </a:lnRef>
                          <a:fillRef idx="0">
                            <a:srgbClr val="000000">
                              <a:alpha val="0"/>
                            </a:srgbClr>
                          </a:fillRef>
                          <a:effectRef idx="0">
                            <a:scrgbClr r="0" g="0" b="0"/>
                          </a:effectRef>
                          <a:fontRef idx="none"/>
                        </wps:style>
                        <wps:bodyPr/>
                      </wps:wsp>
                      <wps:wsp>
                        <wps:cNvPr id="3894" name="Rectangle 3894"/>
                        <wps:cNvSpPr/>
                        <wps:spPr>
                          <a:xfrm>
                            <a:off x="3189575" y="1177565"/>
                            <a:ext cx="1694923"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ользовательский режим</w:t>
                              </w:r>
                            </w:p>
                          </w:txbxContent>
                        </wps:txbx>
                        <wps:bodyPr horzOverflow="overflow" vert="horz" lIns="0" tIns="0" rIns="0" bIns="0" rtlCol="0">
                          <a:noAutofit/>
                        </wps:bodyPr>
                      </wps:wsp>
                      <wps:wsp>
                        <wps:cNvPr id="3895" name="Rectangle 3895"/>
                        <wps:cNvSpPr/>
                        <wps:spPr>
                          <a:xfrm>
                            <a:off x="3193571" y="1355346"/>
                            <a:ext cx="801121" cy="1333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Режим ядра</w:t>
                              </w:r>
                            </w:p>
                          </w:txbxContent>
                        </wps:txbx>
                        <wps:bodyPr horzOverflow="overflow" vert="horz" lIns="0" tIns="0" rIns="0" bIns="0" rtlCol="0">
                          <a:noAutofit/>
                        </wps:bodyPr>
                      </wps:wsp>
                      <wps:wsp>
                        <wps:cNvPr id="3898" name="Rectangle 3898"/>
                        <wps:cNvSpPr/>
                        <wps:spPr>
                          <a:xfrm>
                            <a:off x="0" y="37423"/>
                            <a:ext cx="78813"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1</w:t>
                              </w:r>
                            </w:p>
                          </w:txbxContent>
                        </wps:txbx>
                        <wps:bodyPr horzOverflow="overflow" vert="horz" lIns="0" tIns="0" rIns="0" bIns="0" rtlCol="0">
                          <a:noAutofit/>
                        </wps:bodyPr>
                      </wps:wsp>
                      <wps:wsp>
                        <wps:cNvPr id="3899" name="Rectangle 3899"/>
                        <wps:cNvSpPr/>
                        <wps:spPr>
                          <a:xfrm>
                            <a:off x="120238" y="18879"/>
                            <a:ext cx="1649852" cy="1333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ередача запроса ввода</w:t>
                              </w:r>
                            </w:p>
                          </w:txbxContent>
                        </wps:txbx>
                        <wps:bodyPr horzOverflow="overflow" vert="horz" lIns="0" tIns="0" rIns="0" bIns="0" rtlCol="0">
                          <a:noAutofit/>
                        </wps:bodyPr>
                      </wps:wsp>
                      <wps:wsp>
                        <wps:cNvPr id="3900" name="Rectangle 3900"/>
                        <wps:cNvSpPr/>
                        <wps:spPr>
                          <a:xfrm>
                            <a:off x="1360773" y="0"/>
                            <a:ext cx="47191"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3901" name="Rectangle 3901"/>
                        <wps:cNvSpPr/>
                        <wps:spPr>
                          <a:xfrm>
                            <a:off x="120238" y="146880"/>
                            <a:ext cx="946740" cy="1333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вывода через </w:t>
                              </w:r>
                            </w:p>
                          </w:txbxContent>
                        </wps:txbx>
                        <wps:bodyPr horzOverflow="overflow" vert="horz" lIns="0" tIns="0" rIns="0" bIns="0" rtlCol="0">
                          <a:noAutofit/>
                        </wps:bodyPr>
                      </wps:wsp>
                      <wps:wsp>
                        <wps:cNvPr id="3902" name="Rectangle 3902"/>
                        <wps:cNvSpPr/>
                        <wps:spPr>
                          <a:xfrm>
                            <a:off x="832030" y="128003"/>
                            <a:ext cx="299333"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DLL </w:t>
                              </w:r>
                            </w:p>
                          </w:txbxContent>
                        </wps:txbx>
                        <wps:bodyPr horzOverflow="overflow" vert="horz" lIns="0" tIns="0" rIns="0" bIns="0" rtlCol="0">
                          <a:noAutofit/>
                        </wps:bodyPr>
                      </wps:wsp>
                      <wps:wsp>
                        <wps:cNvPr id="3903" name="Rectangle 3903"/>
                        <wps:cNvSpPr/>
                        <wps:spPr>
                          <a:xfrm>
                            <a:off x="1057112" y="146880"/>
                            <a:ext cx="802148" cy="1333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одсистемы</w:t>
                              </w:r>
                            </w:p>
                          </w:txbxContent>
                        </wps:txbx>
                        <wps:bodyPr horzOverflow="overflow" vert="horz" lIns="0" tIns="0" rIns="0" bIns="0" rtlCol="0">
                          <a:noAutofit/>
                        </wps:bodyPr>
                      </wps:wsp>
                      <wps:wsp>
                        <wps:cNvPr id="3904" name="Rectangle 3904"/>
                        <wps:cNvSpPr/>
                        <wps:spPr>
                          <a:xfrm>
                            <a:off x="157894" y="744369"/>
                            <a:ext cx="700664" cy="15790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NtWriteFile</w:t>
                              </w:r>
                              <w:proofErr w:type="spellEnd"/>
                            </w:p>
                          </w:txbxContent>
                        </wps:txbx>
                        <wps:bodyPr horzOverflow="overflow" vert="horz" lIns="0" tIns="0" rIns="0" bIns="0" rtlCol="0">
                          <a:noAutofit/>
                        </wps:bodyPr>
                      </wps:wsp>
                      <wps:wsp>
                        <wps:cNvPr id="3905" name="Rectangle 3905"/>
                        <wps:cNvSpPr/>
                        <wps:spPr>
                          <a:xfrm>
                            <a:off x="684701" y="744369"/>
                            <a:ext cx="47191" cy="1579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i/>
                                  <w:sz w:val="17"/>
                                </w:rPr>
                                <w:t>(</w:t>
                              </w:r>
                            </w:p>
                          </w:txbxContent>
                        </wps:txbx>
                        <wps:bodyPr horzOverflow="overflow" vert="horz" lIns="0" tIns="0" rIns="0" bIns="0" rtlCol="0">
                          <a:noAutofit/>
                        </wps:bodyPr>
                      </wps:wsp>
                      <wps:wsp>
                        <wps:cNvPr id="3906" name="Rectangle 3906"/>
                        <wps:cNvSpPr/>
                        <wps:spPr>
                          <a:xfrm>
                            <a:off x="720182" y="744369"/>
                            <a:ext cx="181154" cy="15790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file</w:t>
                              </w:r>
                              <w:proofErr w:type="spellEnd"/>
                            </w:p>
                          </w:txbxContent>
                        </wps:txbx>
                        <wps:bodyPr horzOverflow="overflow" vert="horz" lIns="0" tIns="0" rIns="0" bIns="0" rtlCol="0">
                          <a:noAutofit/>
                        </wps:bodyPr>
                      </wps:wsp>
                      <wps:wsp>
                        <wps:cNvPr id="3907" name="Rectangle 3907"/>
                        <wps:cNvSpPr/>
                        <wps:spPr>
                          <a:xfrm>
                            <a:off x="856359" y="744369"/>
                            <a:ext cx="78813" cy="1579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i/>
                                  <w:sz w:val="17"/>
                                </w:rPr>
                                <w:t>_</w:t>
                              </w:r>
                            </w:p>
                          </w:txbxContent>
                        </wps:txbx>
                        <wps:bodyPr horzOverflow="overflow" vert="horz" lIns="0" tIns="0" rIns="0" bIns="0" rtlCol="0">
                          <a:noAutofit/>
                        </wps:bodyPr>
                      </wps:wsp>
                      <wps:wsp>
                        <wps:cNvPr id="3908" name="Rectangle 3908"/>
                        <wps:cNvSpPr/>
                        <wps:spPr>
                          <a:xfrm>
                            <a:off x="915670" y="744369"/>
                            <a:ext cx="425546" cy="15790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handle</w:t>
                              </w:r>
                              <w:proofErr w:type="spellEnd"/>
                            </w:p>
                          </w:txbxContent>
                        </wps:txbx>
                        <wps:bodyPr horzOverflow="overflow" vert="horz" lIns="0" tIns="0" rIns="0" bIns="0" rtlCol="0">
                          <a:noAutofit/>
                        </wps:bodyPr>
                      </wps:wsp>
                      <wps:wsp>
                        <wps:cNvPr id="3909" name="Rectangle 3909"/>
                        <wps:cNvSpPr/>
                        <wps:spPr>
                          <a:xfrm>
                            <a:off x="1235579" y="744369"/>
                            <a:ext cx="78745" cy="1579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i/>
                                  <w:sz w:val="17"/>
                                </w:rPr>
                                <w:t xml:space="preserve">, </w:t>
                              </w:r>
                            </w:p>
                          </w:txbxContent>
                        </wps:txbx>
                        <wps:bodyPr horzOverflow="overflow" vert="horz" lIns="0" tIns="0" rIns="0" bIns="0" rtlCol="0">
                          <a:noAutofit/>
                        </wps:bodyPr>
                      </wps:wsp>
                      <wps:wsp>
                        <wps:cNvPr id="3910" name="Rectangle 3910"/>
                        <wps:cNvSpPr/>
                        <wps:spPr>
                          <a:xfrm>
                            <a:off x="1294802" y="744369"/>
                            <a:ext cx="275672" cy="15790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char</w:t>
                              </w:r>
                              <w:proofErr w:type="spellEnd"/>
                            </w:p>
                          </w:txbxContent>
                        </wps:txbx>
                        <wps:bodyPr horzOverflow="overflow" vert="horz" lIns="0" tIns="0" rIns="0" bIns="0" rtlCol="0">
                          <a:noAutofit/>
                        </wps:bodyPr>
                      </wps:wsp>
                      <wps:wsp>
                        <wps:cNvPr id="3911" name="Rectangle 3911"/>
                        <wps:cNvSpPr/>
                        <wps:spPr>
                          <a:xfrm>
                            <a:off x="1502126" y="744369"/>
                            <a:ext cx="78813" cy="1579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i/>
                                  <w:sz w:val="17"/>
                                </w:rPr>
                                <w:t>_</w:t>
                              </w:r>
                            </w:p>
                          </w:txbxContent>
                        </wps:txbx>
                        <wps:bodyPr horzOverflow="overflow" vert="horz" lIns="0" tIns="0" rIns="0" bIns="0" rtlCol="0">
                          <a:noAutofit/>
                        </wps:bodyPr>
                      </wps:wsp>
                      <wps:wsp>
                        <wps:cNvPr id="3912" name="Rectangle 3912"/>
                        <wps:cNvSpPr/>
                        <wps:spPr>
                          <a:xfrm>
                            <a:off x="1561349" y="744369"/>
                            <a:ext cx="362372" cy="15790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butter</w:t>
                              </w:r>
                              <w:proofErr w:type="spellEnd"/>
                            </w:p>
                          </w:txbxContent>
                        </wps:txbx>
                        <wps:bodyPr horzOverflow="overflow" vert="horz" lIns="0" tIns="0" rIns="0" bIns="0" rtlCol="0">
                          <a:noAutofit/>
                        </wps:bodyPr>
                      </wps:wsp>
                      <wps:wsp>
                        <wps:cNvPr id="3913" name="Rectangle 3913"/>
                        <wps:cNvSpPr/>
                        <wps:spPr>
                          <a:xfrm>
                            <a:off x="1833845" y="744369"/>
                            <a:ext cx="47191" cy="15790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i/>
                                  <w:sz w:val="17"/>
                                </w:rPr>
                                <w:t>)</w:t>
                              </w:r>
                            </w:p>
                          </w:txbxContent>
                        </wps:txbx>
                        <wps:bodyPr horzOverflow="overflow" vert="horz" lIns="0" tIns="0" rIns="0" bIns="0" rtlCol="0">
                          <a:noAutofit/>
                        </wps:bodyPr>
                      </wps:wsp>
                      <wps:wsp>
                        <wps:cNvPr id="3916" name="Rectangle 3916"/>
                        <wps:cNvSpPr/>
                        <wps:spPr>
                          <a:xfrm>
                            <a:off x="0" y="742946"/>
                            <a:ext cx="78813" cy="1581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2</w:t>
                              </w:r>
                            </w:p>
                          </w:txbxContent>
                        </wps:txbx>
                        <wps:bodyPr horzOverflow="overflow" vert="horz" lIns="0" tIns="0" rIns="0" bIns="0" rtlCol="0">
                          <a:noAutofit/>
                        </wps:bodyPr>
                      </wps:wsp>
                      <wps:wsp>
                        <wps:cNvPr id="3917" name="Shape 3917"/>
                        <wps:cNvSpPr/>
                        <wps:spPr>
                          <a:xfrm>
                            <a:off x="2838323" y="820816"/>
                            <a:ext cx="151031" cy="151203"/>
                          </a:xfrm>
                          <a:custGeom>
                            <a:avLst/>
                            <a:gdLst/>
                            <a:ahLst/>
                            <a:cxnLst/>
                            <a:rect l="0" t="0" r="0" b="0"/>
                            <a:pathLst>
                              <a:path w="151031" h="151203">
                                <a:moveTo>
                                  <a:pt x="75471" y="0"/>
                                </a:moveTo>
                                <a:cubicBezTo>
                                  <a:pt x="117203" y="0"/>
                                  <a:pt x="151031" y="33867"/>
                                  <a:pt x="151031" y="75557"/>
                                </a:cubicBezTo>
                                <a:cubicBezTo>
                                  <a:pt x="151031" y="117335"/>
                                  <a:pt x="117203" y="151203"/>
                                  <a:pt x="75471" y="151203"/>
                                </a:cubicBezTo>
                                <a:cubicBezTo>
                                  <a:pt x="33829" y="151203"/>
                                  <a:pt x="0" y="117335"/>
                                  <a:pt x="0" y="75557"/>
                                </a:cubicBezTo>
                                <a:cubicBezTo>
                                  <a:pt x="0" y="33867"/>
                                  <a:pt x="33829" y="0"/>
                                  <a:pt x="75471"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3918" name="Shape 3918"/>
                        <wps:cNvSpPr/>
                        <wps:spPr>
                          <a:xfrm>
                            <a:off x="2838323" y="820816"/>
                            <a:ext cx="151031" cy="151203"/>
                          </a:xfrm>
                          <a:custGeom>
                            <a:avLst/>
                            <a:gdLst/>
                            <a:ahLst/>
                            <a:cxnLst/>
                            <a:rect l="0" t="0" r="0" b="0"/>
                            <a:pathLst>
                              <a:path w="151031" h="151203">
                                <a:moveTo>
                                  <a:pt x="151031" y="75557"/>
                                </a:moveTo>
                                <a:cubicBezTo>
                                  <a:pt x="151031" y="33867"/>
                                  <a:pt x="117203" y="0"/>
                                  <a:pt x="75471" y="0"/>
                                </a:cubicBezTo>
                                <a:cubicBezTo>
                                  <a:pt x="33829" y="0"/>
                                  <a:pt x="0" y="33867"/>
                                  <a:pt x="0" y="75557"/>
                                </a:cubicBezTo>
                                <a:cubicBezTo>
                                  <a:pt x="0" y="117335"/>
                                  <a:pt x="33829" y="151203"/>
                                  <a:pt x="75471" y="151203"/>
                                </a:cubicBezTo>
                                <a:cubicBezTo>
                                  <a:pt x="117203" y="151203"/>
                                  <a:pt x="151031" y="117335"/>
                                  <a:pt x="151031" y="75557"/>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19" name="Rectangle 3919"/>
                        <wps:cNvSpPr/>
                        <wps:spPr>
                          <a:xfrm>
                            <a:off x="2884227" y="831837"/>
                            <a:ext cx="78813"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7</w:t>
                              </w:r>
                            </w:p>
                          </w:txbxContent>
                        </wps:txbx>
                        <wps:bodyPr horzOverflow="overflow" vert="horz" lIns="0" tIns="0" rIns="0" bIns="0" rtlCol="0">
                          <a:noAutofit/>
                        </wps:bodyPr>
                      </wps:wsp>
                      <wps:wsp>
                        <wps:cNvPr id="3920" name="Rectangle 3920"/>
                        <wps:cNvSpPr/>
                        <wps:spPr>
                          <a:xfrm>
                            <a:off x="3014660" y="786714"/>
                            <a:ext cx="1588452" cy="1333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Завершение обработки </w:t>
                              </w:r>
                            </w:p>
                          </w:txbxContent>
                        </wps:txbx>
                        <wps:bodyPr horzOverflow="overflow" vert="horz" lIns="0" tIns="0" rIns="0" bIns="0" rtlCol="0">
                          <a:noAutofit/>
                        </wps:bodyPr>
                      </wps:wsp>
                      <wps:wsp>
                        <wps:cNvPr id="3921" name="Rectangle 3921"/>
                        <wps:cNvSpPr/>
                        <wps:spPr>
                          <a:xfrm>
                            <a:off x="4208970" y="767836"/>
                            <a:ext cx="275603"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IRP </w:t>
                              </w:r>
                            </w:p>
                          </w:txbxContent>
                        </wps:txbx>
                        <wps:bodyPr horzOverflow="overflow" vert="horz" lIns="0" tIns="0" rIns="0" bIns="0" rtlCol="0">
                          <a:noAutofit/>
                        </wps:bodyPr>
                      </wps:wsp>
                      <wps:wsp>
                        <wps:cNvPr id="3922" name="Rectangle 3922"/>
                        <wps:cNvSpPr/>
                        <wps:spPr>
                          <a:xfrm>
                            <a:off x="4416206" y="786714"/>
                            <a:ext cx="110252" cy="1333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с </w:t>
                              </w:r>
                            </w:p>
                          </w:txbxContent>
                        </wps:txbx>
                        <wps:bodyPr horzOverflow="overflow" vert="horz" lIns="0" tIns="0" rIns="0" bIns="0" rtlCol="0">
                          <a:noAutofit/>
                        </wps:bodyPr>
                      </wps:wsp>
                      <wps:wsp>
                        <wps:cNvPr id="3923" name="Rectangle 3923"/>
                        <wps:cNvSpPr/>
                        <wps:spPr>
                          <a:xfrm>
                            <a:off x="3014660" y="914715"/>
                            <a:ext cx="2337731"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сообщением об успехе или ошибке</w:t>
                              </w:r>
                            </w:p>
                          </w:txbxContent>
                        </wps:txbx>
                        <wps:bodyPr horzOverflow="overflow" vert="horz" lIns="0" tIns="0" rIns="0" bIns="0" rtlCol="0">
                          <a:noAutofit/>
                        </wps:bodyPr>
                      </wps:wsp>
                      <wps:wsp>
                        <wps:cNvPr id="69415" name="Shape 69415"/>
                        <wps:cNvSpPr/>
                        <wps:spPr>
                          <a:xfrm>
                            <a:off x="2076951" y="1727880"/>
                            <a:ext cx="629217" cy="201577"/>
                          </a:xfrm>
                          <a:custGeom>
                            <a:avLst/>
                            <a:gdLst/>
                            <a:ahLst/>
                            <a:cxnLst/>
                            <a:rect l="0" t="0" r="0" b="0"/>
                            <a:pathLst>
                              <a:path w="629217" h="201577">
                                <a:moveTo>
                                  <a:pt x="0" y="0"/>
                                </a:moveTo>
                                <a:lnTo>
                                  <a:pt x="629217" y="0"/>
                                </a:lnTo>
                                <a:lnTo>
                                  <a:pt x="629217" y="201577"/>
                                </a:lnTo>
                                <a:lnTo>
                                  <a:pt x="0" y="201577"/>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3925" name="Shape 3925"/>
                        <wps:cNvSpPr/>
                        <wps:spPr>
                          <a:xfrm>
                            <a:off x="2076951" y="1727880"/>
                            <a:ext cx="629217" cy="201577"/>
                          </a:xfrm>
                          <a:custGeom>
                            <a:avLst/>
                            <a:gdLst/>
                            <a:ahLst/>
                            <a:cxnLst/>
                            <a:rect l="0" t="0" r="0" b="0"/>
                            <a:pathLst>
                              <a:path w="629217" h="201577">
                                <a:moveTo>
                                  <a:pt x="0" y="201577"/>
                                </a:moveTo>
                                <a:lnTo>
                                  <a:pt x="629217" y="201577"/>
                                </a:lnTo>
                                <a:lnTo>
                                  <a:pt x="629217" y="0"/>
                                </a:lnTo>
                                <a:lnTo>
                                  <a:pt x="0" y="0"/>
                                </a:lnTo>
                                <a:close/>
                              </a:path>
                            </a:pathLst>
                          </a:custGeom>
                          <a:ln w="2131" cap="rnd">
                            <a:round/>
                          </a:ln>
                        </wps:spPr>
                        <wps:style>
                          <a:lnRef idx="1">
                            <a:srgbClr val="000000"/>
                          </a:lnRef>
                          <a:fillRef idx="0">
                            <a:srgbClr val="000000">
                              <a:alpha val="0"/>
                            </a:srgbClr>
                          </a:fillRef>
                          <a:effectRef idx="0">
                            <a:scrgbClr r="0" g="0" b="0"/>
                          </a:effectRef>
                          <a:fontRef idx="none"/>
                        </wps:style>
                        <wps:bodyPr/>
                      </wps:wsp>
                      <wps:wsp>
                        <wps:cNvPr id="3926" name="Rectangle 3926"/>
                        <wps:cNvSpPr/>
                        <wps:spPr>
                          <a:xfrm>
                            <a:off x="2170891" y="1782998"/>
                            <a:ext cx="587151" cy="1333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Сервисы</w:t>
                              </w:r>
                            </w:p>
                          </w:txbxContent>
                        </wps:txbx>
                        <wps:bodyPr horzOverflow="overflow" vert="horz" lIns="0" tIns="0" rIns="0" bIns="0" rtlCol="0">
                          <a:noAutofit/>
                        </wps:bodyPr>
                      </wps:wsp>
                      <wps:wsp>
                        <wps:cNvPr id="69416" name="Shape 69416"/>
                        <wps:cNvSpPr/>
                        <wps:spPr>
                          <a:xfrm>
                            <a:off x="1730937" y="1929493"/>
                            <a:ext cx="1321369" cy="251969"/>
                          </a:xfrm>
                          <a:custGeom>
                            <a:avLst/>
                            <a:gdLst/>
                            <a:ahLst/>
                            <a:cxnLst/>
                            <a:rect l="0" t="0" r="0" b="0"/>
                            <a:pathLst>
                              <a:path w="1321369" h="251969">
                                <a:moveTo>
                                  <a:pt x="0" y="0"/>
                                </a:moveTo>
                                <a:lnTo>
                                  <a:pt x="1321369" y="0"/>
                                </a:lnTo>
                                <a:lnTo>
                                  <a:pt x="1321369" y="251969"/>
                                </a:lnTo>
                                <a:lnTo>
                                  <a:pt x="0" y="251969"/>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3928" name="Shape 3928"/>
                        <wps:cNvSpPr/>
                        <wps:spPr>
                          <a:xfrm>
                            <a:off x="1730937" y="1929493"/>
                            <a:ext cx="1321369" cy="251969"/>
                          </a:xfrm>
                          <a:custGeom>
                            <a:avLst/>
                            <a:gdLst/>
                            <a:ahLst/>
                            <a:cxnLst/>
                            <a:rect l="0" t="0" r="0" b="0"/>
                            <a:pathLst>
                              <a:path w="1321369" h="251969">
                                <a:moveTo>
                                  <a:pt x="0" y="251969"/>
                                </a:moveTo>
                                <a:lnTo>
                                  <a:pt x="1321369" y="251969"/>
                                </a:lnTo>
                                <a:lnTo>
                                  <a:pt x="1321369" y="0"/>
                                </a:lnTo>
                                <a:lnTo>
                                  <a:pt x="0" y="0"/>
                                </a:lnTo>
                                <a:close/>
                              </a:path>
                            </a:pathLst>
                          </a:custGeom>
                          <a:ln w="2131" cap="rnd">
                            <a:round/>
                          </a:ln>
                        </wps:spPr>
                        <wps:style>
                          <a:lnRef idx="1">
                            <a:srgbClr val="000000"/>
                          </a:lnRef>
                          <a:fillRef idx="0">
                            <a:srgbClr val="000000">
                              <a:alpha val="0"/>
                            </a:srgbClr>
                          </a:fillRef>
                          <a:effectRef idx="0">
                            <a:scrgbClr r="0" g="0" b="0"/>
                          </a:effectRef>
                          <a:fontRef idx="none"/>
                        </wps:style>
                        <wps:bodyPr/>
                      </wps:wsp>
                      <wps:wsp>
                        <wps:cNvPr id="3929" name="Rectangle 3929"/>
                        <wps:cNvSpPr/>
                        <wps:spPr>
                          <a:xfrm>
                            <a:off x="1764500" y="2009846"/>
                            <a:ext cx="1128134"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испетчер ввода</w:t>
                              </w:r>
                            </w:p>
                          </w:txbxContent>
                        </wps:txbx>
                        <wps:bodyPr horzOverflow="overflow" vert="horz" lIns="0" tIns="0" rIns="0" bIns="0" rtlCol="0">
                          <a:noAutofit/>
                        </wps:bodyPr>
                      </wps:wsp>
                      <wps:wsp>
                        <wps:cNvPr id="3930" name="Rectangle 3930"/>
                        <wps:cNvSpPr/>
                        <wps:spPr>
                          <a:xfrm>
                            <a:off x="2612708" y="1990968"/>
                            <a:ext cx="47191"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3931" name="Rectangle 3931"/>
                        <wps:cNvSpPr/>
                        <wps:spPr>
                          <a:xfrm>
                            <a:off x="2648224" y="2009846"/>
                            <a:ext cx="492711"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вывода</w:t>
                              </w:r>
                            </w:p>
                          </w:txbxContent>
                        </wps:txbx>
                        <wps:bodyPr horzOverflow="overflow" vert="horz" lIns="0" tIns="0" rIns="0" bIns="0" rtlCol="0">
                          <a:noAutofit/>
                        </wps:bodyPr>
                      </wps:wsp>
                      <wps:wsp>
                        <wps:cNvPr id="3932" name="Shape 3932"/>
                        <wps:cNvSpPr/>
                        <wps:spPr>
                          <a:xfrm>
                            <a:off x="2036640" y="545433"/>
                            <a:ext cx="180332" cy="1105708"/>
                          </a:xfrm>
                          <a:custGeom>
                            <a:avLst/>
                            <a:gdLst/>
                            <a:ahLst/>
                            <a:cxnLst/>
                            <a:rect l="0" t="0" r="0" b="0"/>
                            <a:pathLst>
                              <a:path w="180332" h="1105708">
                                <a:moveTo>
                                  <a:pt x="180332" y="39557"/>
                                </a:moveTo>
                                <a:cubicBezTo>
                                  <a:pt x="19090" y="0"/>
                                  <a:pt x="0" y="449163"/>
                                  <a:pt x="137802" y="1042863"/>
                                </a:cubicBezTo>
                                <a:cubicBezTo>
                                  <a:pt x="142596" y="1063841"/>
                                  <a:pt x="147657" y="1084730"/>
                                  <a:pt x="152807" y="1105708"/>
                                </a:cubicBez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33" name="Shape 3933"/>
                        <wps:cNvSpPr/>
                        <wps:spPr>
                          <a:xfrm>
                            <a:off x="2159792" y="1637097"/>
                            <a:ext cx="55760" cy="90846"/>
                          </a:xfrm>
                          <a:custGeom>
                            <a:avLst/>
                            <a:gdLst/>
                            <a:ahLst/>
                            <a:cxnLst/>
                            <a:rect l="0" t="0" r="0" b="0"/>
                            <a:pathLst>
                              <a:path w="55760" h="90846">
                                <a:moveTo>
                                  <a:pt x="55760" y="0"/>
                                </a:moveTo>
                                <a:lnTo>
                                  <a:pt x="49278" y="90846"/>
                                </a:lnTo>
                                <a:lnTo>
                                  <a:pt x="0" y="14223"/>
                                </a:lnTo>
                                <a:lnTo>
                                  <a:pt x="5576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934" name="Shape 3934"/>
                        <wps:cNvSpPr/>
                        <wps:spPr>
                          <a:xfrm>
                            <a:off x="2586604" y="660191"/>
                            <a:ext cx="168079" cy="1093174"/>
                          </a:xfrm>
                          <a:custGeom>
                            <a:avLst/>
                            <a:gdLst/>
                            <a:ahLst/>
                            <a:cxnLst/>
                            <a:rect l="0" t="0" r="0" b="0"/>
                            <a:pathLst>
                              <a:path w="168079" h="1093174">
                                <a:moveTo>
                                  <a:pt x="0" y="1067752"/>
                                </a:moveTo>
                                <a:cubicBezTo>
                                  <a:pt x="154849" y="1093174"/>
                                  <a:pt x="168079" y="620188"/>
                                  <a:pt x="29478" y="11289"/>
                                </a:cubicBezTo>
                                <a:cubicBezTo>
                                  <a:pt x="28679" y="7556"/>
                                  <a:pt x="27791" y="3822"/>
                                  <a:pt x="26903" y="0"/>
                                </a:cubicBez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35" name="Shape 3935"/>
                        <wps:cNvSpPr/>
                        <wps:spPr>
                          <a:xfrm>
                            <a:off x="2587226" y="583212"/>
                            <a:ext cx="55938" cy="90757"/>
                          </a:xfrm>
                          <a:custGeom>
                            <a:avLst/>
                            <a:gdLst/>
                            <a:ahLst/>
                            <a:cxnLst/>
                            <a:rect l="0" t="0" r="0" b="0"/>
                            <a:pathLst>
                              <a:path w="55938" h="90757">
                                <a:moveTo>
                                  <a:pt x="7902" y="0"/>
                                </a:moveTo>
                                <a:lnTo>
                                  <a:pt x="55938" y="77334"/>
                                </a:lnTo>
                                <a:lnTo>
                                  <a:pt x="0" y="90757"/>
                                </a:lnTo>
                                <a:lnTo>
                                  <a:pt x="790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9417" name="Shape 69417"/>
                        <wps:cNvSpPr/>
                        <wps:spPr>
                          <a:xfrm>
                            <a:off x="2032911" y="2987769"/>
                            <a:ext cx="714163" cy="289765"/>
                          </a:xfrm>
                          <a:custGeom>
                            <a:avLst/>
                            <a:gdLst/>
                            <a:ahLst/>
                            <a:cxnLst/>
                            <a:rect l="0" t="0" r="0" b="0"/>
                            <a:pathLst>
                              <a:path w="714163" h="289765">
                                <a:moveTo>
                                  <a:pt x="0" y="0"/>
                                </a:moveTo>
                                <a:lnTo>
                                  <a:pt x="714163" y="0"/>
                                </a:lnTo>
                                <a:lnTo>
                                  <a:pt x="714163" y="289765"/>
                                </a:lnTo>
                                <a:lnTo>
                                  <a:pt x="0" y="289765"/>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3937" name="Shape 3937"/>
                        <wps:cNvSpPr/>
                        <wps:spPr>
                          <a:xfrm>
                            <a:off x="2032911" y="2987769"/>
                            <a:ext cx="714163" cy="289765"/>
                          </a:xfrm>
                          <a:custGeom>
                            <a:avLst/>
                            <a:gdLst/>
                            <a:ahLst/>
                            <a:cxnLst/>
                            <a:rect l="0" t="0" r="0" b="0"/>
                            <a:pathLst>
                              <a:path w="714163" h="289765">
                                <a:moveTo>
                                  <a:pt x="0" y="289765"/>
                                </a:moveTo>
                                <a:lnTo>
                                  <a:pt x="714163" y="289765"/>
                                </a:lnTo>
                                <a:lnTo>
                                  <a:pt x="714163" y="0"/>
                                </a:lnTo>
                                <a:lnTo>
                                  <a:pt x="0" y="0"/>
                                </a:lnTo>
                                <a:close/>
                              </a:path>
                            </a:pathLst>
                          </a:custGeom>
                          <a:ln w="2131" cap="rnd">
                            <a:round/>
                          </a:ln>
                        </wps:spPr>
                        <wps:style>
                          <a:lnRef idx="1">
                            <a:srgbClr val="000000"/>
                          </a:lnRef>
                          <a:fillRef idx="0">
                            <a:srgbClr val="000000">
                              <a:alpha val="0"/>
                            </a:srgbClr>
                          </a:fillRef>
                          <a:effectRef idx="0">
                            <a:scrgbClr r="0" g="0" b="0"/>
                          </a:effectRef>
                          <a:fontRef idx="none"/>
                        </wps:style>
                        <wps:bodyPr/>
                      </wps:wsp>
                      <wps:wsp>
                        <wps:cNvPr id="3938" name="Rectangle 3938"/>
                        <wps:cNvSpPr/>
                        <wps:spPr>
                          <a:xfrm>
                            <a:off x="2162544" y="3023019"/>
                            <a:ext cx="605064" cy="1333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Драйвер </w:t>
                              </w:r>
                            </w:p>
                          </w:txbxContent>
                        </wps:txbx>
                        <wps:bodyPr horzOverflow="overflow" vert="horz" lIns="0" tIns="0" rIns="0" bIns="0" rtlCol="0">
                          <a:noAutofit/>
                        </wps:bodyPr>
                      </wps:wsp>
                      <wps:wsp>
                        <wps:cNvPr id="3939" name="Rectangle 3939"/>
                        <wps:cNvSpPr/>
                        <wps:spPr>
                          <a:xfrm>
                            <a:off x="2114332" y="3150994"/>
                            <a:ext cx="733238"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устройства</w:t>
                              </w:r>
                            </w:p>
                          </w:txbxContent>
                        </wps:txbx>
                        <wps:bodyPr horzOverflow="overflow" vert="horz" lIns="0" tIns="0" rIns="0" bIns="0" rtlCol="0">
                          <a:noAutofit/>
                        </wps:bodyPr>
                      </wps:wsp>
                      <wps:wsp>
                        <wps:cNvPr id="3940" name="Shape 3940"/>
                        <wps:cNvSpPr/>
                        <wps:spPr>
                          <a:xfrm>
                            <a:off x="2586604" y="2260663"/>
                            <a:ext cx="124839" cy="727124"/>
                          </a:xfrm>
                          <a:custGeom>
                            <a:avLst/>
                            <a:gdLst/>
                            <a:ahLst/>
                            <a:cxnLst/>
                            <a:rect l="0" t="0" r="0" b="0"/>
                            <a:pathLst>
                              <a:path w="124839" h="727124">
                                <a:moveTo>
                                  <a:pt x="0" y="727124"/>
                                </a:moveTo>
                                <a:cubicBezTo>
                                  <a:pt x="62686" y="699301"/>
                                  <a:pt x="116492" y="385518"/>
                                  <a:pt x="124839" y="0"/>
                                </a:cubicBez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41" name="Shape 3941"/>
                        <wps:cNvSpPr/>
                        <wps:spPr>
                          <a:xfrm>
                            <a:off x="2682586" y="2181462"/>
                            <a:ext cx="57536" cy="86757"/>
                          </a:xfrm>
                          <a:custGeom>
                            <a:avLst/>
                            <a:gdLst/>
                            <a:ahLst/>
                            <a:cxnLst/>
                            <a:rect l="0" t="0" r="0" b="0"/>
                            <a:pathLst>
                              <a:path w="57536" h="86757">
                                <a:moveTo>
                                  <a:pt x="29922" y="0"/>
                                </a:moveTo>
                                <a:lnTo>
                                  <a:pt x="57536" y="86757"/>
                                </a:lnTo>
                                <a:lnTo>
                                  <a:pt x="0" y="86046"/>
                                </a:lnTo>
                                <a:lnTo>
                                  <a:pt x="2992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942" name="Shape 3942"/>
                        <wps:cNvSpPr/>
                        <wps:spPr>
                          <a:xfrm>
                            <a:off x="2083255" y="2181462"/>
                            <a:ext cx="77247" cy="743835"/>
                          </a:xfrm>
                          <a:custGeom>
                            <a:avLst/>
                            <a:gdLst/>
                            <a:ahLst/>
                            <a:cxnLst/>
                            <a:rect l="0" t="0" r="0" b="0"/>
                            <a:pathLst>
                              <a:path w="77247" h="743835">
                                <a:moveTo>
                                  <a:pt x="0" y="0"/>
                                </a:moveTo>
                                <a:cubicBezTo>
                                  <a:pt x="0" y="325072"/>
                                  <a:pt x="30455" y="618322"/>
                                  <a:pt x="77247" y="743835"/>
                                </a:cubicBez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43" name="Shape 3943"/>
                        <wps:cNvSpPr/>
                        <wps:spPr>
                          <a:xfrm>
                            <a:off x="2133421" y="2901918"/>
                            <a:ext cx="75649" cy="85868"/>
                          </a:xfrm>
                          <a:custGeom>
                            <a:avLst/>
                            <a:gdLst/>
                            <a:ahLst/>
                            <a:cxnLst/>
                            <a:rect l="0" t="0" r="0" b="0"/>
                            <a:pathLst>
                              <a:path w="75649" h="85868">
                                <a:moveTo>
                                  <a:pt x="45372" y="0"/>
                                </a:moveTo>
                                <a:lnTo>
                                  <a:pt x="75649" y="85868"/>
                                </a:lnTo>
                                <a:lnTo>
                                  <a:pt x="0" y="35378"/>
                                </a:lnTo>
                                <a:lnTo>
                                  <a:pt x="4537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944" name="Shape 3944"/>
                        <wps:cNvSpPr/>
                        <wps:spPr>
                          <a:xfrm>
                            <a:off x="2787980" y="2307419"/>
                            <a:ext cx="302062" cy="176359"/>
                          </a:xfrm>
                          <a:custGeom>
                            <a:avLst/>
                            <a:gdLst/>
                            <a:ahLst/>
                            <a:cxnLst/>
                            <a:rect l="0" t="0" r="0" b="0"/>
                            <a:pathLst>
                              <a:path w="302062" h="176359">
                                <a:moveTo>
                                  <a:pt x="88079" y="0"/>
                                </a:moveTo>
                                <a:lnTo>
                                  <a:pt x="213894" y="0"/>
                                </a:lnTo>
                                <a:cubicBezTo>
                                  <a:pt x="262551" y="0"/>
                                  <a:pt x="302062" y="39467"/>
                                  <a:pt x="302062" y="88179"/>
                                </a:cubicBezTo>
                                <a:cubicBezTo>
                                  <a:pt x="302062" y="136891"/>
                                  <a:pt x="262551" y="176359"/>
                                  <a:pt x="213894" y="176359"/>
                                </a:cubicBezTo>
                                <a:lnTo>
                                  <a:pt x="88079" y="176359"/>
                                </a:lnTo>
                                <a:cubicBezTo>
                                  <a:pt x="39422" y="176359"/>
                                  <a:pt x="0" y="136891"/>
                                  <a:pt x="0" y="88179"/>
                                </a:cubicBezTo>
                                <a:cubicBezTo>
                                  <a:pt x="0" y="39467"/>
                                  <a:pt x="39422" y="0"/>
                                  <a:pt x="88079"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3945" name="Shape 3945"/>
                        <wps:cNvSpPr/>
                        <wps:spPr>
                          <a:xfrm>
                            <a:off x="2787980" y="2307419"/>
                            <a:ext cx="302062" cy="176359"/>
                          </a:xfrm>
                          <a:custGeom>
                            <a:avLst/>
                            <a:gdLst/>
                            <a:ahLst/>
                            <a:cxnLst/>
                            <a:rect l="0" t="0" r="0" b="0"/>
                            <a:pathLst>
                              <a:path w="302062" h="176359">
                                <a:moveTo>
                                  <a:pt x="88079" y="176359"/>
                                </a:moveTo>
                                <a:lnTo>
                                  <a:pt x="213894" y="176359"/>
                                </a:lnTo>
                                <a:cubicBezTo>
                                  <a:pt x="262551" y="176359"/>
                                  <a:pt x="302062" y="136891"/>
                                  <a:pt x="302062" y="88179"/>
                                </a:cubicBezTo>
                                <a:cubicBezTo>
                                  <a:pt x="302062" y="88179"/>
                                  <a:pt x="302062" y="88179"/>
                                  <a:pt x="302062" y="88179"/>
                                </a:cubicBezTo>
                                <a:cubicBezTo>
                                  <a:pt x="302062" y="39467"/>
                                  <a:pt x="262551" y="0"/>
                                  <a:pt x="213894" y="0"/>
                                </a:cubicBezTo>
                                <a:lnTo>
                                  <a:pt x="213894" y="0"/>
                                </a:lnTo>
                                <a:lnTo>
                                  <a:pt x="88079" y="0"/>
                                </a:lnTo>
                                <a:cubicBezTo>
                                  <a:pt x="39422" y="0"/>
                                  <a:pt x="0" y="39467"/>
                                  <a:pt x="0" y="88179"/>
                                </a:cubicBezTo>
                                <a:cubicBezTo>
                                  <a:pt x="0" y="136891"/>
                                  <a:pt x="39422" y="176359"/>
                                  <a:pt x="88079" y="176359"/>
                                </a:cubicBezTo>
                                <a:close/>
                              </a:path>
                            </a:pathLst>
                          </a:custGeom>
                          <a:ln w="2131" cap="rnd">
                            <a:round/>
                          </a:ln>
                        </wps:spPr>
                        <wps:style>
                          <a:lnRef idx="1">
                            <a:srgbClr val="000000"/>
                          </a:lnRef>
                          <a:fillRef idx="0">
                            <a:srgbClr val="000000">
                              <a:alpha val="0"/>
                            </a:srgbClr>
                          </a:fillRef>
                          <a:effectRef idx="0">
                            <a:scrgbClr r="0" g="0" b="0"/>
                          </a:effectRef>
                          <a:fontRef idx="none"/>
                        </wps:style>
                        <wps:bodyPr/>
                      </wps:wsp>
                      <wps:wsp>
                        <wps:cNvPr id="3946" name="Rectangle 3946"/>
                        <wps:cNvSpPr/>
                        <wps:spPr>
                          <a:xfrm>
                            <a:off x="2850221" y="2331063"/>
                            <a:ext cx="236229"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IRP</w:t>
                              </w:r>
                            </w:p>
                          </w:txbxContent>
                        </wps:txbx>
                        <wps:bodyPr horzOverflow="overflow" vert="horz" lIns="0" tIns="0" rIns="0" bIns="0" rtlCol="0">
                          <a:noAutofit/>
                        </wps:bodyPr>
                      </wps:wsp>
                      <wps:wsp>
                        <wps:cNvPr id="3947" name="Shape 3947"/>
                        <wps:cNvSpPr/>
                        <wps:spPr>
                          <a:xfrm>
                            <a:off x="2813196" y="2584580"/>
                            <a:ext cx="150942" cy="151203"/>
                          </a:xfrm>
                          <a:custGeom>
                            <a:avLst/>
                            <a:gdLst/>
                            <a:ahLst/>
                            <a:cxnLst/>
                            <a:rect l="0" t="0" r="0" b="0"/>
                            <a:pathLst>
                              <a:path w="150942" h="151203">
                                <a:moveTo>
                                  <a:pt x="75471" y="0"/>
                                </a:moveTo>
                                <a:cubicBezTo>
                                  <a:pt x="117202" y="0"/>
                                  <a:pt x="150942" y="33867"/>
                                  <a:pt x="150942" y="75646"/>
                                </a:cubicBezTo>
                                <a:cubicBezTo>
                                  <a:pt x="150942" y="117335"/>
                                  <a:pt x="117202" y="151203"/>
                                  <a:pt x="75471" y="151203"/>
                                </a:cubicBezTo>
                                <a:cubicBezTo>
                                  <a:pt x="33740" y="151203"/>
                                  <a:pt x="0" y="117335"/>
                                  <a:pt x="0" y="75646"/>
                                </a:cubicBezTo>
                                <a:cubicBezTo>
                                  <a:pt x="0" y="33867"/>
                                  <a:pt x="33740" y="0"/>
                                  <a:pt x="75471"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3948" name="Shape 3948"/>
                        <wps:cNvSpPr/>
                        <wps:spPr>
                          <a:xfrm>
                            <a:off x="2813196" y="2584580"/>
                            <a:ext cx="150942" cy="151203"/>
                          </a:xfrm>
                          <a:custGeom>
                            <a:avLst/>
                            <a:gdLst/>
                            <a:ahLst/>
                            <a:cxnLst/>
                            <a:rect l="0" t="0" r="0" b="0"/>
                            <a:pathLst>
                              <a:path w="150942" h="151203">
                                <a:moveTo>
                                  <a:pt x="150942" y="75646"/>
                                </a:moveTo>
                                <a:cubicBezTo>
                                  <a:pt x="150942" y="33867"/>
                                  <a:pt x="117202" y="0"/>
                                  <a:pt x="75471" y="0"/>
                                </a:cubicBezTo>
                                <a:cubicBezTo>
                                  <a:pt x="33740" y="0"/>
                                  <a:pt x="0" y="33867"/>
                                  <a:pt x="0" y="75646"/>
                                </a:cubicBezTo>
                                <a:cubicBezTo>
                                  <a:pt x="0" y="117335"/>
                                  <a:pt x="33740" y="151203"/>
                                  <a:pt x="75471" y="151203"/>
                                </a:cubicBezTo>
                                <a:cubicBezTo>
                                  <a:pt x="117202" y="151203"/>
                                  <a:pt x="150942" y="117335"/>
                                  <a:pt x="150942" y="75646"/>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49" name="Rectangle 3949"/>
                        <wps:cNvSpPr/>
                        <wps:spPr>
                          <a:xfrm>
                            <a:off x="2859011" y="2595689"/>
                            <a:ext cx="78813"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6</w:t>
                              </w:r>
                            </w:p>
                          </w:txbxContent>
                        </wps:txbx>
                        <wps:bodyPr horzOverflow="overflow" vert="horz" lIns="0" tIns="0" rIns="0" bIns="0" rtlCol="0">
                          <a:noAutofit/>
                        </wps:bodyPr>
                      </wps:wsp>
                      <wps:wsp>
                        <wps:cNvPr id="3950" name="Rectangle 3950"/>
                        <wps:cNvSpPr/>
                        <wps:spPr>
                          <a:xfrm>
                            <a:off x="3024871" y="2531010"/>
                            <a:ext cx="1596750" cy="1333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Обработка прерывания </w:t>
                              </w:r>
                            </w:p>
                          </w:txbxContent>
                        </wps:txbx>
                        <wps:bodyPr horzOverflow="overflow" vert="horz" lIns="0" tIns="0" rIns="0" bIns="0" rtlCol="0">
                          <a:noAutofit/>
                        </wps:bodyPr>
                      </wps:wsp>
                      <wps:wsp>
                        <wps:cNvPr id="3951" name="Rectangle 3951"/>
                        <wps:cNvSpPr/>
                        <wps:spPr>
                          <a:xfrm>
                            <a:off x="3024871" y="2659012"/>
                            <a:ext cx="1673989"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с сообщением об успехе </w:t>
                              </w:r>
                            </w:p>
                          </w:txbxContent>
                        </wps:txbx>
                        <wps:bodyPr horzOverflow="overflow" vert="horz" lIns="0" tIns="0" rIns="0" bIns="0" rtlCol="0">
                          <a:noAutofit/>
                        </wps:bodyPr>
                      </wps:wsp>
                      <wps:wsp>
                        <wps:cNvPr id="3952" name="Rectangle 3952"/>
                        <wps:cNvSpPr/>
                        <wps:spPr>
                          <a:xfrm>
                            <a:off x="3024871" y="2787015"/>
                            <a:ext cx="773994"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или ошибке</w:t>
                              </w:r>
                            </w:p>
                          </w:txbxContent>
                        </wps:txbx>
                        <wps:bodyPr horzOverflow="overflow" vert="horz" lIns="0" tIns="0" rIns="0" bIns="0" rtlCol="0">
                          <a:noAutofit/>
                        </wps:bodyPr>
                      </wps:wsp>
                      <wps:wsp>
                        <wps:cNvPr id="3953" name="Shape 3953"/>
                        <wps:cNvSpPr/>
                        <wps:spPr>
                          <a:xfrm>
                            <a:off x="1781192" y="2735782"/>
                            <a:ext cx="302063" cy="176358"/>
                          </a:xfrm>
                          <a:custGeom>
                            <a:avLst/>
                            <a:gdLst/>
                            <a:ahLst/>
                            <a:cxnLst/>
                            <a:rect l="0" t="0" r="0" b="0"/>
                            <a:pathLst>
                              <a:path w="302063" h="176358">
                                <a:moveTo>
                                  <a:pt x="88168" y="0"/>
                                </a:moveTo>
                                <a:lnTo>
                                  <a:pt x="213984" y="0"/>
                                </a:lnTo>
                                <a:cubicBezTo>
                                  <a:pt x="262640" y="0"/>
                                  <a:pt x="302063" y="39467"/>
                                  <a:pt x="302063" y="88179"/>
                                </a:cubicBezTo>
                                <a:cubicBezTo>
                                  <a:pt x="302063" y="136891"/>
                                  <a:pt x="262640" y="176358"/>
                                  <a:pt x="213984" y="176358"/>
                                </a:cubicBezTo>
                                <a:lnTo>
                                  <a:pt x="88168" y="176358"/>
                                </a:lnTo>
                                <a:cubicBezTo>
                                  <a:pt x="39511" y="176358"/>
                                  <a:pt x="0" y="136891"/>
                                  <a:pt x="0" y="88179"/>
                                </a:cubicBezTo>
                                <a:cubicBezTo>
                                  <a:pt x="0" y="39467"/>
                                  <a:pt x="39511" y="0"/>
                                  <a:pt x="88168"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3954" name="Shape 3954"/>
                        <wps:cNvSpPr/>
                        <wps:spPr>
                          <a:xfrm>
                            <a:off x="1781192" y="2735782"/>
                            <a:ext cx="302063" cy="176358"/>
                          </a:xfrm>
                          <a:custGeom>
                            <a:avLst/>
                            <a:gdLst/>
                            <a:ahLst/>
                            <a:cxnLst/>
                            <a:rect l="0" t="0" r="0" b="0"/>
                            <a:pathLst>
                              <a:path w="302063" h="176358">
                                <a:moveTo>
                                  <a:pt x="88168" y="176358"/>
                                </a:moveTo>
                                <a:lnTo>
                                  <a:pt x="213984" y="176358"/>
                                </a:lnTo>
                                <a:cubicBezTo>
                                  <a:pt x="262640" y="176358"/>
                                  <a:pt x="302063" y="136891"/>
                                  <a:pt x="302063" y="88179"/>
                                </a:cubicBezTo>
                                <a:cubicBezTo>
                                  <a:pt x="302063" y="88179"/>
                                  <a:pt x="302063" y="88179"/>
                                  <a:pt x="302063" y="88179"/>
                                </a:cubicBezTo>
                                <a:cubicBezTo>
                                  <a:pt x="302063" y="39467"/>
                                  <a:pt x="262640" y="0"/>
                                  <a:pt x="213984" y="0"/>
                                </a:cubicBezTo>
                                <a:lnTo>
                                  <a:pt x="88168" y="0"/>
                                </a:lnTo>
                                <a:cubicBezTo>
                                  <a:pt x="39511" y="0"/>
                                  <a:pt x="0" y="39467"/>
                                  <a:pt x="0" y="88179"/>
                                </a:cubicBezTo>
                                <a:cubicBezTo>
                                  <a:pt x="0" y="136891"/>
                                  <a:pt x="39511" y="176358"/>
                                  <a:pt x="88168" y="176358"/>
                                </a:cubicBezTo>
                                <a:close/>
                              </a:path>
                            </a:pathLst>
                          </a:custGeom>
                          <a:ln w="2131" cap="rnd">
                            <a:round/>
                          </a:ln>
                        </wps:spPr>
                        <wps:style>
                          <a:lnRef idx="1">
                            <a:srgbClr val="000000"/>
                          </a:lnRef>
                          <a:fillRef idx="0">
                            <a:srgbClr val="000000">
                              <a:alpha val="0"/>
                            </a:srgbClr>
                          </a:fillRef>
                          <a:effectRef idx="0">
                            <a:scrgbClr r="0" g="0" b="0"/>
                          </a:effectRef>
                          <a:fontRef idx="none"/>
                        </wps:style>
                        <wps:bodyPr/>
                      </wps:wsp>
                      <wps:wsp>
                        <wps:cNvPr id="3955" name="Rectangle 3955"/>
                        <wps:cNvSpPr/>
                        <wps:spPr>
                          <a:xfrm>
                            <a:off x="1843434" y="2759426"/>
                            <a:ext cx="236229"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IRP</w:t>
                              </w:r>
                            </w:p>
                          </w:txbxContent>
                        </wps:txbx>
                        <wps:bodyPr horzOverflow="overflow" vert="horz" lIns="0" tIns="0" rIns="0" bIns="0" rtlCol="0">
                          <a:noAutofit/>
                        </wps:bodyPr>
                      </wps:wsp>
                      <wps:wsp>
                        <wps:cNvPr id="3958" name="Rectangle 3958"/>
                        <wps:cNvSpPr/>
                        <wps:spPr>
                          <a:xfrm>
                            <a:off x="40132" y="2217727"/>
                            <a:ext cx="78813"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3</w:t>
                              </w:r>
                            </w:p>
                          </w:txbxContent>
                        </wps:txbx>
                        <wps:bodyPr horzOverflow="overflow" vert="horz" lIns="0" tIns="0" rIns="0" bIns="0" rtlCol="0">
                          <a:noAutofit/>
                        </wps:bodyPr>
                      </wps:wsp>
                      <wps:wsp>
                        <wps:cNvPr id="3959" name="Rectangle 3959"/>
                        <wps:cNvSpPr/>
                        <wps:spPr>
                          <a:xfrm>
                            <a:off x="161907" y="2197760"/>
                            <a:ext cx="683248"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Создание </w:t>
                              </w:r>
                            </w:p>
                          </w:txbxContent>
                        </wps:txbx>
                        <wps:bodyPr horzOverflow="overflow" vert="horz" lIns="0" tIns="0" rIns="0" bIns="0" rtlCol="0">
                          <a:noAutofit/>
                        </wps:bodyPr>
                      </wps:wsp>
                      <wps:wsp>
                        <wps:cNvPr id="3960" name="Rectangle 3960"/>
                        <wps:cNvSpPr/>
                        <wps:spPr>
                          <a:xfrm>
                            <a:off x="675609" y="2178882"/>
                            <a:ext cx="275603"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IRP </w:t>
                              </w:r>
                            </w:p>
                          </w:txbxContent>
                        </wps:txbx>
                        <wps:bodyPr horzOverflow="overflow" vert="horz" lIns="0" tIns="0" rIns="0" bIns="0" rtlCol="0">
                          <a:noAutofit/>
                        </wps:bodyPr>
                      </wps:wsp>
                      <wps:wsp>
                        <wps:cNvPr id="3961" name="Rectangle 3961"/>
                        <wps:cNvSpPr/>
                        <wps:spPr>
                          <a:xfrm>
                            <a:off x="882818" y="2197760"/>
                            <a:ext cx="1033930"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и его передача </w:t>
                              </w:r>
                            </w:p>
                          </w:txbxContent>
                        </wps:txbx>
                        <wps:bodyPr horzOverflow="overflow" vert="horz" lIns="0" tIns="0" rIns="0" bIns="0" rtlCol="0">
                          <a:noAutofit/>
                        </wps:bodyPr>
                      </wps:wsp>
                      <wps:wsp>
                        <wps:cNvPr id="3962" name="Rectangle 3962"/>
                        <wps:cNvSpPr/>
                        <wps:spPr>
                          <a:xfrm>
                            <a:off x="161907" y="2325762"/>
                            <a:ext cx="1395849"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райверу устройства</w:t>
                              </w:r>
                            </w:p>
                          </w:txbxContent>
                        </wps:txbx>
                        <wps:bodyPr horzOverflow="overflow" vert="horz" lIns="0" tIns="0" rIns="0" bIns="0" rtlCol="0">
                          <a:noAutofit/>
                        </wps:bodyPr>
                      </wps:wsp>
                      <wps:wsp>
                        <wps:cNvPr id="3963" name="Shape 3963"/>
                        <wps:cNvSpPr/>
                        <wps:spPr>
                          <a:xfrm>
                            <a:off x="447286" y="3113744"/>
                            <a:ext cx="151013" cy="151194"/>
                          </a:xfrm>
                          <a:custGeom>
                            <a:avLst/>
                            <a:gdLst/>
                            <a:ahLst/>
                            <a:cxnLst/>
                            <a:rect l="0" t="0" r="0" b="0"/>
                            <a:pathLst>
                              <a:path w="151013" h="151194">
                                <a:moveTo>
                                  <a:pt x="75507" y="0"/>
                                </a:moveTo>
                                <a:cubicBezTo>
                                  <a:pt x="117211" y="0"/>
                                  <a:pt x="151013" y="33867"/>
                                  <a:pt x="151013" y="75601"/>
                                </a:cubicBezTo>
                                <a:cubicBezTo>
                                  <a:pt x="151013" y="117344"/>
                                  <a:pt x="117211" y="151194"/>
                                  <a:pt x="75507" y="151194"/>
                                </a:cubicBezTo>
                                <a:cubicBezTo>
                                  <a:pt x="33811" y="151194"/>
                                  <a:pt x="0" y="117344"/>
                                  <a:pt x="0" y="75601"/>
                                </a:cubicBezTo>
                                <a:cubicBezTo>
                                  <a:pt x="0" y="33867"/>
                                  <a:pt x="33811" y="0"/>
                                  <a:pt x="75507"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3964" name="Shape 3964"/>
                        <wps:cNvSpPr/>
                        <wps:spPr>
                          <a:xfrm>
                            <a:off x="447286" y="3113744"/>
                            <a:ext cx="151013" cy="151194"/>
                          </a:xfrm>
                          <a:custGeom>
                            <a:avLst/>
                            <a:gdLst/>
                            <a:ahLst/>
                            <a:cxnLst/>
                            <a:rect l="0" t="0" r="0" b="0"/>
                            <a:pathLst>
                              <a:path w="151013" h="151194">
                                <a:moveTo>
                                  <a:pt x="151013" y="75601"/>
                                </a:moveTo>
                                <a:cubicBezTo>
                                  <a:pt x="151013" y="33867"/>
                                  <a:pt x="117211" y="0"/>
                                  <a:pt x="75507" y="0"/>
                                </a:cubicBezTo>
                                <a:cubicBezTo>
                                  <a:pt x="33811" y="0"/>
                                  <a:pt x="0" y="33867"/>
                                  <a:pt x="0" y="75601"/>
                                </a:cubicBezTo>
                                <a:cubicBezTo>
                                  <a:pt x="0" y="117344"/>
                                  <a:pt x="33811" y="151194"/>
                                  <a:pt x="75507" y="151194"/>
                                </a:cubicBezTo>
                                <a:cubicBezTo>
                                  <a:pt x="117211" y="151194"/>
                                  <a:pt x="151013" y="117344"/>
                                  <a:pt x="151013" y="75601"/>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65" name="Rectangle 3965"/>
                        <wps:cNvSpPr/>
                        <wps:spPr>
                          <a:xfrm>
                            <a:off x="493164" y="3124809"/>
                            <a:ext cx="78813"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4</w:t>
                              </w:r>
                            </w:p>
                          </w:txbxContent>
                        </wps:txbx>
                        <wps:bodyPr horzOverflow="overflow" vert="horz" lIns="0" tIns="0" rIns="0" bIns="0" rtlCol="0">
                          <a:noAutofit/>
                        </wps:bodyPr>
                      </wps:wsp>
                      <wps:wsp>
                        <wps:cNvPr id="3966" name="Rectangle 3966"/>
                        <wps:cNvSpPr/>
                        <wps:spPr>
                          <a:xfrm>
                            <a:off x="621234" y="3104878"/>
                            <a:ext cx="1182528"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ередача данных</w:t>
                              </w:r>
                            </w:p>
                          </w:txbxContent>
                        </wps:txbx>
                        <wps:bodyPr horzOverflow="overflow" vert="horz" lIns="0" tIns="0" rIns="0" bIns="0" rtlCol="0">
                          <a:noAutofit/>
                        </wps:bodyPr>
                      </wps:wsp>
                      <wps:wsp>
                        <wps:cNvPr id="3967" name="Rectangle 3967"/>
                        <wps:cNvSpPr/>
                        <wps:spPr>
                          <a:xfrm>
                            <a:off x="1510384" y="3086000"/>
                            <a:ext cx="39372"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3968" name="Rectangle 3968"/>
                        <wps:cNvSpPr/>
                        <wps:spPr>
                          <a:xfrm>
                            <a:off x="1539951" y="3086000"/>
                            <a:ext cx="39372"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3969" name="Rectangle 3969"/>
                        <wps:cNvSpPr/>
                        <wps:spPr>
                          <a:xfrm>
                            <a:off x="621234" y="3232880"/>
                            <a:ext cx="838728" cy="1333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указанных в </w:t>
                              </w:r>
                            </w:p>
                          </w:txbxContent>
                        </wps:txbx>
                        <wps:bodyPr horzOverflow="overflow" vert="horz" lIns="0" tIns="0" rIns="0" bIns="0" rtlCol="0">
                          <a:noAutofit/>
                        </wps:bodyPr>
                      </wps:wsp>
                      <wps:wsp>
                        <wps:cNvPr id="3970" name="Rectangle 3970"/>
                        <wps:cNvSpPr/>
                        <wps:spPr>
                          <a:xfrm>
                            <a:off x="1251828" y="3214002"/>
                            <a:ext cx="236229" cy="1581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IRP</w:t>
                              </w:r>
                            </w:p>
                          </w:txbxContent>
                        </wps:txbx>
                        <wps:bodyPr horzOverflow="overflow" vert="horz" lIns="0" tIns="0" rIns="0" bIns="0" rtlCol="0">
                          <a:noAutofit/>
                        </wps:bodyPr>
                      </wps:wsp>
                      <wps:wsp>
                        <wps:cNvPr id="3971" name="Rectangle 3971"/>
                        <wps:cNvSpPr/>
                        <wps:spPr>
                          <a:xfrm>
                            <a:off x="1429496" y="3214002"/>
                            <a:ext cx="39372" cy="1581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3972" name="Shape 3972"/>
                        <wps:cNvSpPr/>
                        <wps:spPr>
                          <a:xfrm>
                            <a:off x="2081124" y="3236715"/>
                            <a:ext cx="308900" cy="454941"/>
                          </a:xfrm>
                          <a:custGeom>
                            <a:avLst/>
                            <a:gdLst/>
                            <a:ahLst/>
                            <a:cxnLst/>
                            <a:rect l="0" t="0" r="0" b="0"/>
                            <a:pathLst>
                              <a:path w="308900" h="454941">
                                <a:moveTo>
                                  <a:pt x="308900" y="40818"/>
                                </a:moveTo>
                                <a:cubicBezTo>
                                  <a:pt x="201997" y="0"/>
                                  <a:pt x="70144" y="176812"/>
                                  <a:pt x="0" y="454941"/>
                                </a:cubicBez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73" name="Shape 3973"/>
                        <wps:cNvSpPr/>
                        <wps:spPr>
                          <a:xfrm>
                            <a:off x="2054576" y="3678341"/>
                            <a:ext cx="56204" cy="90606"/>
                          </a:xfrm>
                          <a:custGeom>
                            <a:avLst/>
                            <a:gdLst/>
                            <a:ahLst/>
                            <a:cxnLst/>
                            <a:rect l="0" t="0" r="0" b="0"/>
                            <a:pathLst>
                              <a:path w="56204" h="90606">
                                <a:moveTo>
                                  <a:pt x="0" y="0"/>
                                </a:moveTo>
                                <a:lnTo>
                                  <a:pt x="56204" y="12587"/>
                                </a:lnTo>
                                <a:lnTo>
                                  <a:pt x="9234" y="9060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974" name="Shape 3974"/>
                        <wps:cNvSpPr/>
                        <wps:spPr>
                          <a:xfrm>
                            <a:off x="2838323" y="3491706"/>
                            <a:ext cx="176159" cy="151185"/>
                          </a:xfrm>
                          <a:custGeom>
                            <a:avLst/>
                            <a:gdLst/>
                            <a:ahLst/>
                            <a:cxnLst/>
                            <a:rect l="0" t="0" r="0" b="0"/>
                            <a:pathLst>
                              <a:path w="176159" h="151185">
                                <a:moveTo>
                                  <a:pt x="88080" y="0"/>
                                </a:moveTo>
                                <a:cubicBezTo>
                                  <a:pt x="136736" y="0"/>
                                  <a:pt x="176159" y="33849"/>
                                  <a:pt x="176159" y="75592"/>
                                </a:cubicBezTo>
                                <a:cubicBezTo>
                                  <a:pt x="176159" y="117344"/>
                                  <a:pt x="136736" y="151185"/>
                                  <a:pt x="88080" y="151185"/>
                                </a:cubicBezTo>
                                <a:cubicBezTo>
                                  <a:pt x="39423" y="151185"/>
                                  <a:pt x="0" y="117344"/>
                                  <a:pt x="0" y="75592"/>
                                </a:cubicBezTo>
                                <a:cubicBezTo>
                                  <a:pt x="0" y="33849"/>
                                  <a:pt x="39423" y="0"/>
                                  <a:pt x="88080"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3975" name="Shape 3975"/>
                        <wps:cNvSpPr/>
                        <wps:spPr>
                          <a:xfrm>
                            <a:off x="2838323" y="3491706"/>
                            <a:ext cx="176159" cy="151185"/>
                          </a:xfrm>
                          <a:custGeom>
                            <a:avLst/>
                            <a:gdLst/>
                            <a:ahLst/>
                            <a:cxnLst/>
                            <a:rect l="0" t="0" r="0" b="0"/>
                            <a:pathLst>
                              <a:path w="176159" h="151185">
                                <a:moveTo>
                                  <a:pt x="176159" y="75592"/>
                                </a:moveTo>
                                <a:cubicBezTo>
                                  <a:pt x="176159" y="33849"/>
                                  <a:pt x="136736" y="0"/>
                                  <a:pt x="88080" y="0"/>
                                </a:cubicBezTo>
                                <a:cubicBezTo>
                                  <a:pt x="39423" y="0"/>
                                  <a:pt x="0" y="33849"/>
                                  <a:pt x="0" y="75592"/>
                                </a:cubicBezTo>
                                <a:cubicBezTo>
                                  <a:pt x="0" y="117344"/>
                                  <a:pt x="39423" y="151185"/>
                                  <a:pt x="88080" y="151185"/>
                                </a:cubicBezTo>
                                <a:cubicBezTo>
                                  <a:pt x="136736" y="151185"/>
                                  <a:pt x="176159" y="117344"/>
                                  <a:pt x="176159" y="75592"/>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76" name="Rectangle 3976"/>
                        <wps:cNvSpPr/>
                        <wps:spPr>
                          <a:xfrm>
                            <a:off x="2896747" y="3502772"/>
                            <a:ext cx="78813"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5</w:t>
                              </w:r>
                            </w:p>
                          </w:txbxContent>
                        </wps:txbx>
                        <wps:bodyPr horzOverflow="overflow" vert="horz" lIns="0" tIns="0" rIns="0" bIns="0" rtlCol="0">
                          <a:noAutofit/>
                        </wps:bodyPr>
                      </wps:wsp>
                      <wps:wsp>
                        <wps:cNvPr id="3977" name="Rectangle 3977"/>
                        <wps:cNvSpPr/>
                        <wps:spPr>
                          <a:xfrm>
                            <a:off x="3075214" y="3469542"/>
                            <a:ext cx="1256068"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Выполнения ввода</w:t>
                              </w:r>
                            </w:p>
                          </w:txbxContent>
                        </wps:txbx>
                        <wps:bodyPr horzOverflow="overflow" vert="horz" lIns="0" tIns="0" rIns="0" bIns="0" rtlCol="0">
                          <a:noAutofit/>
                        </wps:bodyPr>
                      </wps:wsp>
                      <wps:wsp>
                        <wps:cNvPr id="3978" name="Rectangle 3978"/>
                        <wps:cNvSpPr/>
                        <wps:spPr>
                          <a:xfrm>
                            <a:off x="4019582" y="3450664"/>
                            <a:ext cx="47191" cy="1581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3979" name="Rectangle 3979"/>
                        <wps:cNvSpPr/>
                        <wps:spPr>
                          <a:xfrm>
                            <a:off x="4055098" y="3469542"/>
                            <a:ext cx="532127"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вывода </w:t>
                              </w:r>
                            </w:p>
                          </w:txbxContent>
                        </wps:txbx>
                        <wps:bodyPr horzOverflow="overflow" vert="horz" lIns="0" tIns="0" rIns="0" bIns="0" rtlCol="0">
                          <a:noAutofit/>
                        </wps:bodyPr>
                      </wps:wsp>
                      <wps:wsp>
                        <wps:cNvPr id="3980" name="Rectangle 3980"/>
                        <wps:cNvSpPr/>
                        <wps:spPr>
                          <a:xfrm>
                            <a:off x="3075214" y="3597544"/>
                            <a:ext cx="1643506" cy="1333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и генерация прерывания</w:t>
                              </w:r>
                            </w:p>
                          </w:txbxContent>
                        </wps:txbx>
                        <wps:bodyPr horzOverflow="overflow" vert="horz" lIns="0" tIns="0" rIns="0" bIns="0" rtlCol="0">
                          <a:noAutofit/>
                        </wps:bodyPr>
                      </wps:wsp>
                      <wps:wsp>
                        <wps:cNvPr id="3981" name="Shape 3981"/>
                        <wps:cNvSpPr/>
                        <wps:spPr>
                          <a:xfrm>
                            <a:off x="2471977" y="3564596"/>
                            <a:ext cx="303217" cy="347401"/>
                          </a:xfrm>
                          <a:custGeom>
                            <a:avLst/>
                            <a:gdLst/>
                            <a:ahLst/>
                            <a:cxnLst/>
                            <a:rect l="0" t="0" r="0" b="0"/>
                            <a:pathLst>
                              <a:path w="303217" h="347401">
                                <a:moveTo>
                                  <a:pt x="0" y="347401"/>
                                </a:moveTo>
                                <a:lnTo>
                                  <a:pt x="291763" y="127140"/>
                                </a:lnTo>
                                <a:lnTo>
                                  <a:pt x="78668" y="169487"/>
                                </a:lnTo>
                                <a:lnTo>
                                  <a:pt x="303217" y="0"/>
                                </a:ln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82" name="Shape 3982"/>
                        <wps:cNvSpPr/>
                        <wps:spPr>
                          <a:xfrm>
                            <a:off x="2752108" y="3516907"/>
                            <a:ext cx="86215" cy="75014"/>
                          </a:xfrm>
                          <a:custGeom>
                            <a:avLst/>
                            <a:gdLst/>
                            <a:ahLst/>
                            <a:cxnLst/>
                            <a:rect l="0" t="0" r="0" b="0"/>
                            <a:pathLst>
                              <a:path w="86215" h="75014">
                                <a:moveTo>
                                  <a:pt x="86215" y="0"/>
                                </a:moveTo>
                                <a:lnTo>
                                  <a:pt x="34628" y="75014"/>
                                </a:lnTo>
                                <a:lnTo>
                                  <a:pt x="0" y="29032"/>
                                </a:lnTo>
                                <a:lnTo>
                                  <a:pt x="86215" y="0"/>
                                </a:lnTo>
                                <a:close/>
                              </a:path>
                            </a:pathLst>
                          </a:custGeom>
                          <a:ln w="0" cap="rnd">
                            <a:round/>
                          </a:ln>
                        </wps:spPr>
                        <wps:style>
                          <a:lnRef idx="0">
                            <a:srgbClr val="000000">
                              <a:alpha val="0"/>
                            </a:srgbClr>
                          </a:lnRef>
                          <a:fillRef idx="1">
                            <a:srgbClr val="000000"/>
                          </a:fillRef>
                          <a:effectRef idx="0">
                            <a:scrgbClr r="0" g="0" b="0"/>
                          </a:effectRef>
                          <a:fontRef idx="none"/>
                        </wps:style>
                        <wps:bodyPr/>
                      </wps:wsp>
                      <pic:pic xmlns:pic="http://schemas.openxmlformats.org/drawingml/2006/picture">
                        <pic:nvPicPr>
                          <pic:cNvPr id="67455" name="Picture 67455"/>
                          <pic:cNvPicPr/>
                        </pic:nvPicPr>
                        <pic:blipFill>
                          <a:blip r:embed="rId18"/>
                          <a:stretch>
                            <a:fillRect/>
                          </a:stretch>
                        </pic:blipFill>
                        <pic:spPr>
                          <a:xfrm>
                            <a:off x="1943070" y="3764823"/>
                            <a:ext cx="487680" cy="207264"/>
                          </a:xfrm>
                          <a:prstGeom prst="rect">
                            <a:avLst/>
                          </a:prstGeom>
                        </pic:spPr>
                      </pic:pic>
                      <pic:pic xmlns:pic="http://schemas.openxmlformats.org/drawingml/2006/picture">
                        <pic:nvPicPr>
                          <pic:cNvPr id="67456" name="Picture 67456"/>
                          <pic:cNvPicPr/>
                        </pic:nvPicPr>
                        <pic:blipFill>
                          <a:blip r:embed="rId19"/>
                          <a:stretch>
                            <a:fillRect/>
                          </a:stretch>
                        </pic:blipFill>
                        <pic:spPr>
                          <a:xfrm>
                            <a:off x="1958310" y="3964976"/>
                            <a:ext cx="377952" cy="57912"/>
                          </a:xfrm>
                          <a:prstGeom prst="rect">
                            <a:avLst/>
                          </a:prstGeom>
                        </pic:spPr>
                      </pic:pic>
                      <pic:pic xmlns:pic="http://schemas.openxmlformats.org/drawingml/2006/picture">
                        <pic:nvPicPr>
                          <pic:cNvPr id="67457" name="Picture 67457"/>
                          <pic:cNvPicPr/>
                        </pic:nvPicPr>
                        <pic:blipFill>
                          <a:blip r:embed="rId19"/>
                          <a:stretch>
                            <a:fillRect/>
                          </a:stretch>
                        </pic:blipFill>
                        <pic:spPr>
                          <a:xfrm>
                            <a:off x="1958310" y="3964976"/>
                            <a:ext cx="377952" cy="57912"/>
                          </a:xfrm>
                          <a:prstGeom prst="rect">
                            <a:avLst/>
                          </a:prstGeom>
                        </pic:spPr>
                      </pic:pic>
                      <pic:pic xmlns:pic="http://schemas.openxmlformats.org/drawingml/2006/picture">
                        <pic:nvPicPr>
                          <pic:cNvPr id="67458" name="Picture 67458"/>
                          <pic:cNvPicPr/>
                        </pic:nvPicPr>
                        <pic:blipFill>
                          <a:blip r:embed="rId20"/>
                          <a:stretch>
                            <a:fillRect/>
                          </a:stretch>
                        </pic:blipFill>
                        <pic:spPr>
                          <a:xfrm>
                            <a:off x="2298670" y="3764823"/>
                            <a:ext cx="164592" cy="256032"/>
                          </a:xfrm>
                          <a:prstGeom prst="rect">
                            <a:avLst/>
                          </a:prstGeom>
                        </pic:spPr>
                      </pic:pic>
                      <wps:wsp>
                        <wps:cNvPr id="3991" name="Shape 3991"/>
                        <wps:cNvSpPr/>
                        <wps:spPr>
                          <a:xfrm>
                            <a:off x="2299014" y="3768876"/>
                            <a:ext cx="164350" cy="251976"/>
                          </a:xfrm>
                          <a:custGeom>
                            <a:avLst/>
                            <a:gdLst/>
                            <a:ahLst/>
                            <a:cxnLst/>
                            <a:rect l="0" t="0" r="0" b="0"/>
                            <a:pathLst>
                              <a:path w="164350" h="251976">
                                <a:moveTo>
                                  <a:pt x="130699" y="0"/>
                                </a:moveTo>
                                <a:cubicBezTo>
                                  <a:pt x="97935" y="71939"/>
                                  <a:pt x="56470" y="139629"/>
                                  <a:pt x="7370" y="201580"/>
                                </a:cubicBezTo>
                                <a:cubicBezTo>
                                  <a:pt x="0" y="220325"/>
                                  <a:pt x="9234" y="241767"/>
                                  <a:pt x="27969" y="249475"/>
                                </a:cubicBezTo>
                                <a:cubicBezTo>
                                  <a:pt x="31076" y="250742"/>
                                  <a:pt x="34273" y="251584"/>
                                  <a:pt x="37647" y="251976"/>
                                </a:cubicBezTo>
                                <a:cubicBezTo>
                                  <a:pt x="93673" y="195734"/>
                                  <a:pt x="136026" y="127247"/>
                                  <a:pt x="161331" y="51921"/>
                                </a:cubicBezTo>
                                <a:cubicBezTo>
                                  <a:pt x="164350" y="29574"/>
                                  <a:pt x="151653" y="8071"/>
                                  <a:pt x="130699" y="0"/>
                                </a:cubicBezTo>
                                <a:close/>
                              </a:path>
                            </a:pathLst>
                          </a:custGeom>
                          <a:ln w="6393" cap="rnd">
                            <a:round/>
                          </a:ln>
                        </wps:spPr>
                        <wps:style>
                          <a:lnRef idx="1">
                            <a:srgbClr val="FFFFFF"/>
                          </a:lnRef>
                          <a:fillRef idx="0">
                            <a:srgbClr val="000000">
                              <a:alpha val="0"/>
                            </a:srgbClr>
                          </a:fillRef>
                          <a:effectRef idx="0">
                            <a:scrgbClr r="0" g="0" b="0"/>
                          </a:effectRef>
                          <a:fontRef idx="none"/>
                        </wps:style>
                        <wps:bodyPr/>
                      </wps:wsp>
                      <wps:wsp>
                        <wps:cNvPr id="3992" name="Shape 3992"/>
                        <wps:cNvSpPr/>
                        <wps:spPr>
                          <a:xfrm>
                            <a:off x="1957440" y="3768876"/>
                            <a:ext cx="505303" cy="251976"/>
                          </a:xfrm>
                          <a:custGeom>
                            <a:avLst/>
                            <a:gdLst/>
                            <a:ahLst/>
                            <a:cxnLst/>
                            <a:rect l="0" t="0" r="0" b="0"/>
                            <a:pathLst>
                              <a:path w="505303" h="251976">
                                <a:moveTo>
                                  <a:pt x="106370" y="71"/>
                                </a:moveTo>
                                <a:cubicBezTo>
                                  <a:pt x="92963" y="3075"/>
                                  <a:pt x="80355" y="8898"/>
                                  <a:pt x="69345" y="17147"/>
                                </a:cubicBezTo>
                                <a:cubicBezTo>
                                  <a:pt x="26726" y="57014"/>
                                  <a:pt x="1775" y="112349"/>
                                  <a:pt x="0" y="170830"/>
                                </a:cubicBezTo>
                                <a:cubicBezTo>
                                  <a:pt x="1243" y="205818"/>
                                  <a:pt x="22020" y="237206"/>
                                  <a:pt x="53629" y="251976"/>
                                </a:cubicBezTo>
                                <a:lnTo>
                                  <a:pt x="53629" y="251976"/>
                                </a:lnTo>
                                <a:lnTo>
                                  <a:pt x="379221" y="251976"/>
                                </a:lnTo>
                                <a:cubicBezTo>
                                  <a:pt x="435336" y="195675"/>
                                  <a:pt x="477689" y="127086"/>
                                  <a:pt x="502993" y="51663"/>
                                </a:cubicBezTo>
                                <a:cubicBezTo>
                                  <a:pt x="505303" y="29192"/>
                                  <a:pt x="492250" y="7938"/>
                                  <a:pt x="471118" y="0"/>
                                </a:cubicBezTo>
                                <a:lnTo>
                                  <a:pt x="471118" y="0"/>
                                </a:lnTo>
                                <a:lnTo>
                                  <a:pt x="106370" y="71"/>
                                </a:lnTo>
                                <a:close/>
                              </a:path>
                            </a:pathLst>
                          </a:custGeom>
                          <a:ln w="13318"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59" name="Picture 67459"/>
                          <pic:cNvPicPr/>
                        </pic:nvPicPr>
                        <pic:blipFill>
                          <a:blip r:embed="rId21"/>
                          <a:stretch>
                            <a:fillRect/>
                          </a:stretch>
                        </pic:blipFill>
                        <pic:spPr>
                          <a:xfrm>
                            <a:off x="1993870" y="3818672"/>
                            <a:ext cx="82296" cy="73152"/>
                          </a:xfrm>
                          <a:prstGeom prst="rect">
                            <a:avLst/>
                          </a:prstGeom>
                        </pic:spPr>
                      </pic:pic>
                      <wps:wsp>
                        <wps:cNvPr id="3995" name="Shape 3995"/>
                        <wps:cNvSpPr/>
                        <wps:spPr>
                          <a:xfrm>
                            <a:off x="1992068" y="3820263"/>
                            <a:ext cx="89145" cy="73361"/>
                          </a:xfrm>
                          <a:custGeom>
                            <a:avLst/>
                            <a:gdLst/>
                            <a:ahLst/>
                            <a:cxnLst/>
                            <a:rect l="0" t="0" r="0" b="0"/>
                            <a:pathLst>
                              <a:path w="89145" h="73361">
                                <a:moveTo>
                                  <a:pt x="58956" y="61672"/>
                                </a:moveTo>
                                <a:cubicBezTo>
                                  <a:pt x="79200" y="49983"/>
                                  <a:pt x="89145" y="29325"/>
                                  <a:pt x="81154" y="15520"/>
                                </a:cubicBezTo>
                                <a:cubicBezTo>
                                  <a:pt x="73163" y="1715"/>
                                  <a:pt x="50344" y="0"/>
                                  <a:pt x="30100" y="11689"/>
                                </a:cubicBezTo>
                                <a:cubicBezTo>
                                  <a:pt x="9945" y="23387"/>
                                  <a:pt x="0" y="44045"/>
                                  <a:pt x="7902" y="57850"/>
                                </a:cubicBezTo>
                                <a:cubicBezTo>
                                  <a:pt x="15893" y="71655"/>
                                  <a:pt x="38712" y="73361"/>
                                  <a:pt x="58956" y="61672"/>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60" name="Picture 67460"/>
                          <pic:cNvPicPr/>
                        </pic:nvPicPr>
                        <pic:blipFill>
                          <a:blip r:embed="rId22"/>
                          <a:stretch>
                            <a:fillRect/>
                          </a:stretch>
                        </pic:blipFill>
                        <pic:spPr>
                          <a:xfrm>
                            <a:off x="2016222" y="3908079"/>
                            <a:ext cx="39624" cy="33528"/>
                          </a:xfrm>
                          <a:prstGeom prst="rect">
                            <a:avLst/>
                          </a:prstGeom>
                        </pic:spPr>
                      </pic:pic>
                      <wps:wsp>
                        <wps:cNvPr id="3998" name="Shape 3998"/>
                        <wps:cNvSpPr/>
                        <wps:spPr>
                          <a:xfrm>
                            <a:off x="2019149" y="3910113"/>
                            <a:ext cx="37203" cy="30516"/>
                          </a:xfrm>
                          <a:custGeom>
                            <a:avLst/>
                            <a:gdLst/>
                            <a:ahLst/>
                            <a:cxnLst/>
                            <a:rect l="0" t="0" r="0" b="0"/>
                            <a:pathLst>
                              <a:path w="37203" h="30516">
                                <a:moveTo>
                                  <a:pt x="24595" y="25636"/>
                                </a:moveTo>
                                <a:cubicBezTo>
                                  <a:pt x="33030" y="20747"/>
                                  <a:pt x="37203" y="12151"/>
                                  <a:pt x="33918" y="6418"/>
                                </a:cubicBezTo>
                                <a:cubicBezTo>
                                  <a:pt x="30544" y="684"/>
                                  <a:pt x="21043" y="0"/>
                                  <a:pt x="12608" y="4880"/>
                                </a:cubicBezTo>
                                <a:cubicBezTo>
                                  <a:pt x="4173" y="9769"/>
                                  <a:pt x="0" y="18374"/>
                                  <a:pt x="3285" y="24098"/>
                                </a:cubicBezTo>
                                <a:cubicBezTo>
                                  <a:pt x="6571" y="29832"/>
                                  <a:pt x="16160" y="30516"/>
                                  <a:pt x="24595" y="25636"/>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99" name="Shape 3999"/>
                        <wps:cNvSpPr/>
                        <wps:spPr>
                          <a:xfrm>
                            <a:off x="2064787" y="3800378"/>
                            <a:ext cx="308722" cy="139842"/>
                          </a:xfrm>
                          <a:custGeom>
                            <a:avLst/>
                            <a:gdLst/>
                            <a:ahLst/>
                            <a:cxnLst/>
                            <a:rect l="0" t="0" r="0" b="0"/>
                            <a:pathLst>
                              <a:path w="308722" h="139842">
                                <a:moveTo>
                                  <a:pt x="0" y="139842"/>
                                </a:moveTo>
                                <a:lnTo>
                                  <a:pt x="85949" y="0"/>
                                </a:lnTo>
                                <a:lnTo>
                                  <a:pt x="308722" y="0"/>
                                </a:lnTo>
                              </a:path>
                            </a:pathLst>
                          </a:custGeom>
                          <a:ln w="6393"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67461" name="Picture 67461"/>
                          <pic:cNvPicPr/>
                        </pic:nvPicPr>
                        <pic:blipFill>
                          <a:blip r:embed="rId23"/>
                          <a:stretch>
                            <a:fillRect/>
                          </a:stretch>
                        </pic:blipFill>
                        <pic:spPr>
                          <a:xfrm>
                            <a:off x="2070070" y="3799367"/>
                            <a:ext cx="301752" cy="143256"/>
                          </a:xfrm>
                          <a:prstGeom prst="rect">
                            <a:avLst/>
                          </a:prstGeom>
                        </pic:spPr>
                      </pic:pic>
                      <pic:pic xmlns:pic="http://schemas.openxmlformats.org/drawingml/2006/picture">
                        <pic:nvPicPr>
                          <pic:cNvPr id="67462" name="Picture 67462"/>
                          <pic:cNvPicPr/>
                        </pic:nvPicPr>
                        <pic:blipFill>
                          <a:blip r:embed="rId23"/>
                          <a:stretch>
                            <a:fillRect/>
                          </a:stretch>
                        </pic:blipFill>
                        <pic:spPr>
                          <a:xfrm>
                            <a:off x="2070070" y="3799367"/>
                            <a:ext cx="301752" cy="143256"/>
                          </a:xfrm>
                          <a:prstGeom prst="rect">
                            <a:avLst/>
                          </a:prstGeom>
                        </pic:spPr>
                      </pic:pic>
                      <wps:wsp>
                        <wps:cNvPr id="4004" name="Shape 4004"/>
                        <wps:cNvSpPr/>
                        <wps:spPr>
                          <a:xfrm>
                            <a:off x="2064787" y="3800378"/>
                            <a:ext cx="308722" cy="139842"/>
                          </a:xfrm>
                          <a:custGeom>
                            <a:avLst/>
                            <a:gdLst/>
                            <a:ahLst/>
                            <a:cxnLst/>
                            <a:rect l="0" t="0" r="0" b="0"/>
                            <a:pathLst>
                              <a:path w="308722" h="139842">
                                <a:moveTo>
                                  <a:pt x="90655" y="6293"/>
                                </a:moveTo>
                                <a:lnTo>
                                  <a:pt x="8080" y="139842"/>
                                </a:lnTo>
                                <a:lnTo>
                                  <a:pt x="0" y="139842"/>
                                </a:lnTo>
                                <a:lnTo>
                                  <a:pt x="222152" y="139842"/>
                                </a:lnTo>
                                <a:lnTo>
                                  <a:pt x="308722" y="0"/>
                                </a:lnTo>
                                <a:lnTo>
                                  <a:pt x="304726" y="6293"/>
                                </a:lnTo>
                                <a:lnTo>
                                  <a:pt x="90655" y="6293"/>
                                </a:lnTo>
                                <a:close/>
                              </a:path>
                            </a:pathLst>
                          </a:custGeom>
                          <a:ln w="6393"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63" name="Picture 67463"/>
                          <pic:cNvPicPr/>
                        </pic:nvPicPr>
                        <pic:blipFill>
                          <a:blip r:embed="rId24"/>
                          <a:stretch>
                            <a:fillRect/>
                          </a:stretch>
                        </pic:blipFill>
                        <pic:spPr>
                          <a:xfrm>
                            <a:off x="2088358" y="3793272"/>
                            <a:ext cx="36576" cy="33528"/>
                          </a:xfrm>
                          <a:prstGeom prst="rect">
                            <a:avLst/>
                          </a:prstGeom>
                        </pic:spPr>
                      </pic:pic>
                      <wps:wsp>
                        <wps:cNvPr id="4007" name="Shape 4007"/>
                        <wps:cNvSpPr/>
                        <wps:spPr>
                          <a:xfrm>
                            <a:off x="2089737" y="3796769"/>
                            <a:ext cx="37292" cy="30872"/>
                          </a:xfrm>
                          <a:custGeom>
                            <a:avLst/>
                            <a:gdLst/>
                            <a:ahLst/>
                            <a:cxnLst/>
                            <a:rect l="0" t="0" r="0" b="0"/>
                            <a:pathLst>
                              <a:path w="37292" h="30872">
                                <a:moveTo>
                                  <a:pt x="24772" y="25983"/>
                                </a:moveTo>
                                <a:cubicBezTo>
                                  <a:pt x="33207" y="21103"/>
                                  <a:pt x="37292" y="12418"/>
                                  <a:pt x="34006" y="6587"/>
                                </a:cubicBezTo>
                                <a:cubicBezTo>
                                  <a:pt x="30632" y="765"/>
                                  <a:pt x="21043" y="0"/>
                                  <a:pt x="12608" y="4889"/>
                                </a:cubicBezTo>
                                <a:cubicBezTo>
                                  <a:pt x="4084" y="9778"/>
                                  <a:pt x="0" y="18462"/>
                                  <a:pt x="3374" y="24285"/>
                                </a:cubicBezTo>
                                <a:cubicBezTo>
                                  <a:pt x="6748" y="30107"/>
                                  <a:pt x="16249" y="30872"/>
                                  <a:pt x="24772" y="25983"/>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64" name="Picture 67464"/>
                          <pic:cNvPicPr/>
                        </pic:nvPicPr>
                        <pic:blipFill>
                          <a:blip r:embed="rId25"/>
                          <a:stretch>
                            <a:fillRect/>
                          </a:stretch>
                        </pic:blipFill>
                        <pic:spPr>
                          <a:xfrm>
                            <a:off x="2298670" y="3914176"/>
                            <a:ext cx="27432" cy="24384"/>
                          </a:xfrm>
                          <a:prstGeom prst="rect">
                            <a:avLst/>
                          </a:prstGeom>
                        </pic:spPr>
                      </pic:pic>
                      <wps:wsp>
                        <wps:cNvPr id="4010" name="Shape 4010"/>
                        <wps:cNvSpPr/>
                        <wps:spPr>
                          <a:xfrm>
                            <a:off x="2301589" y="3917554"/>
                            <a:ext cx="24417" cy="19858"/>
                          </a:xfrm>
                          <a:custGeom>
                            <a:avLst/>
                            <a:gdLst/>
                            <a:ahLst/>
                            <a:cxnLst/>
                            <a:rect l="0" t="0" r="0" b="0"/>
                            <a:pathLst>
                              <a:path w="24417" h="19858">
                                <a:moveTo>
                                  <a:pt x="16071" y="16649"/>
                                </a:moveTo>
                                <a:cubicBezTo>
                                  <a:pt x="21665" y="13431"/>
                                  <a:pt x="24417" y="7822"/>
                                  <a:pt x="22286" y="4107"/>
                                </a:cubicBezTo>
                                <a:cubicBezTo>
                                  <a:pt x="20155" y="400"/>
                                  <a:pt x="13940" y="0"/>
                                  <a:pt x="8346" y="3209"/>
                                </a:cubicBezTo>
                                <a:cubicBezTo>
                                  <a:pt x="2841" y="6427"/>
                                  <a:pt x="0" y="12036"/>
                                  <a:pt x="2131" y="15751"/>
                                </a:cubicBezTo>
                                <a:cubicBezTo>
                                  <a:pt x="4262" y="19458"/>
                                  <a:pt x="10566" y="19858"/>
                                  <a:pt x="16071" y="16649"/>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4011" name="Rectangle 4011"/>
                        <wps:cNvSpPr/>
                        <wps:spPr>
                          <a:xfrm>
                            <a:off x="4885787" y="3952686"/>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anchor>
            </w:drawing>
          </mc:Choice>
          <mc:Fallback>
            <w:pict>
              <v:group id="Group 60469" o:spid="_x0000_s1827" style="position:absolute;left:0;text-align:left;margin-left:44.1pt;margin-top:-339.3pt;width:388.25pt;height:321.05pt;z-index:251658240;mso-position-horizontal-relative:text;mso-position-vertical-relative:text" coordsize="49308,4077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">
                <v:shape id="Shape 3888" o:spid="_x0000_s1828" style="position:absolute;left:18064;top:2160;width:11829;height:3780;visibility:visible;mso-wrap-style:square;v-text-anchor:top" coordsize="1182946,3779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" path="m591429,v326656,,591517,84535,591517,188981c1182946,293338,918085,377962,591429,377962,264771,377962,,293338,,188981,,84535,264771,,591429,xe" fillcolor="#f2f2f2" stroked="f" strokeweight="0">
                  <v:stroke miterlimit="83231f" joinstyle="miter"/>
                  <v:path arrowok="t" textboxrect="0,0,1182946,377962"/>
                </v:shape>
                <v:shape id="Shape 3889" o:spid="_x0000_s1829" style="position:absolute;left:18064;top:2160;width:11829;height:3780;visibility:visible;mso-wrap-style:square;v-text-anchor:top" coordsize="1182946,3779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" path="m1182946,188981c1182946,84535,918085,,591429,,264771,,,84535,,188981,,293338,264771,377962,591429,377962v326656,,591517,-84624,591517,-188981xe" filled="f" strokeweight=".17758mm">
                  <v:stroke endcap="round"/>
                  <v:path arrowok="t" textboxrect="0,0,1182946,377962"/>
                </v:shape>
                <v:rect id="Rectangle 3890" o:spid="_x0000_s1830" style="position:absolute;left:20955;top:2954;width:8435;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Подсистема </w:t>
                        </w:r>
                      </w:p>
                    </w:txbxContent>
                  </v:textbox>
                </v:rect>
                <v:rect id="Rectangle 3891" o:spid="_x0000_s1831" style="position:absolute;left:19173;top:4234;width:10181;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окружения или </w:t>
                        </w:r>
                      </w:p>
                    </w:txbxContent>
                  </v:textbox>
                </v:rect>
                <v:rect id="Rectangle 3892" o:spid="_x0000_s1832" style="position:absolute;left:26828;top:4045;width:2600;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DLL</w:t>
                        </w:r>
                      </w:p>
                    </w:txbxContent>
                  </v:textbox>
                </v:rect>
                <v:shape id="Shape 3893" o:spid="_x0000_s1833" style="position:absolute;left:1371;top:13121;width:42786;height:0;visibility:visible;mso-wrap-style:square;v-text-anchor:top" coordsize="427864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" path="m,l4278645,e" filled="f" strokeweight=".53275mm">
                  <v:stroke endcap="round"/>
                  <v:path arrowok="t" textboxrect="0,0,4278645,0"/>
                </v:shape>
                <v:rect id="Rectangle 3894" o:spid="_x0000_s1834" style="position:absolute;left:31895;top:11775;width:16949;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Пользовательский режим</w:t>
                        </w:r>
                      </w:p>
                    </w:txbxContent>
                  </v:textbox>
                </v:rect>
                <v:rect id="Rectangle 3895" o:spid="_x0000_s1835" style="position:absolute;left:31935;top:13553;width:8011;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Режим ядра</w:t>
                        </w:r>
                      </w:p>
                    </w:txbxContent>
                  </v:textbox>
                </v:rect>
                <v:rect id="Rectangle 3898" o:spid="_x0000_s1836" style="position:absolute;top:374;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1</w:t>
                        </w:r>
                      </w:p>
                    </w:txbxContent>
                  </v:textbox>
                </v:rect>
                <v:rect id="Rectangle 3899" o:spid="_x0000_s1837" style="position:absolute;left:1202;top:188;width:16498;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Передача запроса ввода</w:t>
                        </w:r>
                      </w:p>
                    </w:txbxContent>
                  </v:textbox>
                </v:rect>
                <v:rect id="Rectangle 3900" o:spid="_x0000_s1838" style="position:absolute;left:13607;width:472;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3901" o:spid="_x0000_s1839" style="position:absolute;left:1202;top:1468;width:9467;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вывода через </w:t>
                        </w:r>
                      </w:p>
                    </w:txbxContent>
                  </v:textbox>
                </v:rect>
                <v:rect id="Rectangle 3902" o:spid="_x0000_s1840" style="position:absolute;left:8320;top:1280;width:2993;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DLL </w:t>
                        </w:r>
                      </w:p>
                    </w:txbxContent>
                  </v:textbox>
                </v:rect>
                <v:rect id="Rectangle 3903" o:spid="_x0000_s1841" style="position:absolute;left:10571;top:1468;width:8021;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подсистемы</w:t>
                        </w:r>
                      </w:p>
                    </w:txbxContent>
                  </v:textbox>
                </v:rect>
                <v:rect id="Rectangle 3904" o:spid="_x0000_s1842" style="position:absolute;left:1578;top:7443;width:7007;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NtWriteFile</w:t>
                        </w:r>
                        <w:proofErr w:type="spellEnd"/>
                      </w:p>
                    </w:txbxContent>
                  </v:textbox>
                </v:rect>
                <v:rect id="Rectangle 3905" o:spid="_x0000_s1843" style="position:absolute;left:6847;top:7443;width:471;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i/>
                            <w:sz w:val="17"/>
                          </w:rPr>
                          <w:t>(</w:t>
                        </w:r>
                      </w:p>
                    </w:txbxContent>
                  </v:textbox>
                </v:rect>
                <v:rect id="Rectangle 3906" o:spid="_x0000_s1844" style="position:absolute;left:7201;top:7443;width:1812;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file</w:t>
                        </w:r>
                        <w:proofErr w:type="spellEnd"/>
                      </w:p>
                    </w:txbxContent>
                  </v:textbox>
                </v:rect>
                <v:rect id="Rectangle 3907" o:spid="_x0000_s1845" style="position:absolute;left:8563;top:7443;width:788;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i/>
                            <w:sz w:val="17"/>
                          </w:rPr>
                          <w:t>_</w:t>
                        </w:r>
                      </w:p>
                    </w:txbxContent>
                  </v:textbox>
                </v:rect>
                <v:rect id="Rectangle 3908" o:spid="_x0000_s1846" style="position:absolute;left:9156;top:7443;width:4256;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handle</w:t>
                        </w:r>
                        <w:proofErr w:type="spellEnd"/>
                      </w:p>
                    </w:txbxContent>
                  </v:textbox>
                </v:rect>
                <v:rect id="Rectangle 3909" o:spid="_x0000_s1847" style="position:absolute;left:12355;top:7443;width:788;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i/>
                            <w:sz w:val="17"/>
                          </w:rPr>
                          <w:t xml:space="preserve">, </w:t>
                        </w:r>
                      </w:p>
                    </w:txbxContent>
                  </v:textbox>
                </v:rect>
                <v:rect id="Rectangle 3910" o:spid="_x0000_s1848" style="position:absolute;left:12948;top:7443;width:2756;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char</w:t>
                        </w:r>
                        <w:proofErr w:type="spellEnd"/>
                      </w:p>
                    </w:txbxContent>
                  </v:textbox>
                </v:rect>
                <v:rect id="Rectangle 3911" o:spid="_x0000_s1849" style="position:absolute;left:15021;top:7443;width:788;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i/>
                            <w:sz w:val="17"/>
                          </w:rPr>
                          <w:t>_</w:t>
                        </w:r>
                      </w:p>
                    </w:txbxContent>
                  </v:textbox>
                </v:rect>
                <v:rect id="Rectangle 3912" o:spid="_x0000_s1850" style="position:absolute;left:15613;top:7443;width:3624;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butter</w:t>
                        </w:r>
                        <w:proofErr w:type="spellEnd"/>
                      </w:p>
                    </w:txbxContent>
                  </v:textbox>
                </v:rect>
                <v:rect id="Rectangle 3913" o:spid="_x0000_s1851" style="position:absolute;left:18338;top:7443;width:472;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i/>
                            <w:sz w:val="17"/>
                          </w:rPr>
                          <w:t>)</w:t>
                        </w:r>
                      </w:p>
                    </w:txbxContent>
                  </v:textbox>
                </v:rect>
                <v:rect id="Rectangle 3916" o:spid="_x0000_s1852" style="position:absolute;top:7429;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2</w:t>
                        </w:r>
                      </w:p>
                    </w:txbxContent>
                  </v:textbox>
                </v:rect>
                <v:shape id="Shape 3917" o:spid="_x0000_s1853" style="position:absolute;left:28383;top:8208;width:1510;height:1512;visibility:visible;mso-wrap-style:square;v-text-anchor:top" coordsize="151031,1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" path="m75471,v41732,,75560,33867,75560,75557c151031,117335,117203,151203,75471,151203,33829,151203,,117335,,75557,,33867,33829,,75471,xe" fillcolor="#d9d9d9" stroked="f" strokeweight="0">
                  <v:stroke endcap="round"/>
                  <v:path arrowok="t" textboxrect="0,0,151031,151203"/>
                </v:shape>
                <v:shape id="Shape 3918" o:spid="_x0000_s1854" style="position:absolute;left:28383;top:8208;width:1510;height:1512;visibility:visible;mso-wrap-style:square;v-text-anchor:top" coordsize="151031,1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" path="m151031,75557c151031,33867,117203,,75471,,33829,,,33867,,75557v,41778,33829,75646,75471,75646c117203,151203,151031,117335,151031,75557xe" filled="f" strokeweight=".17758mm">
                  <v:stroke endcap="round"/>
                  <v:path arrowok="t" textboxrect="0,0,151031,151203"/>
                </v:shape>
                <v:rect id="Rectangle 3919" o:spid="_x0000_s1855" style="position:absolute;left:28842;top:8318;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7</w:t>
                        </w:r>
                      </w:p>
                    </w:txbxContent>
                  </v:textbox>
                </v:rect>
                <v:rect id="Rectangle 3920" o:spid="_x0000_s1856" style="position:absolute;left:30146;top:7867;width:15885;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Завершение обработки </w:t>
                        </w:r>
                      </w:p>
                    </w:txbxContent>
                  </v:textbox>
                </v:rect>
                <v:rect id="Rectangle 3921" o:spid="_x0000_s1857" style="position:absolute;left:42089;top:7678;width:2756;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IRP </w:t>
                        </w:r>
                      </w:p>
                    </w:txbxContent>
                  </v:textbox>
                </v:rect>
                <v:rect id="Rectangle 3922" o:spid="_x0000_s1858" style="position:absolute;left:44162;top:7867;width:1102;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с </w:t>
                        </w:r>
                      </w:p>
                    </w:txbxContent>
                  </v:textbox>
                </v:rect>
                <v:rect id="Rectangle 3923" o:spid="_x0000_s1859" style="position:absolute;left:30146;top:9147;width:23377;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сообщением об успехе или ошибке</w:t>
                        </w:r>
                      </w:p>
                    </w:txbxContent>
                  </v:textbox>
                </v:rect>
                <v:shape id="Shape 69415" o:spid="_x0000_s1860" style="position:absolute;left:20769;top:17278;width:6292;height:2016;visibility:visible;mso-wrap-style:square;v-text-anchor:top" coordsize="629217,2015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" path="m,l629217,r,201577l,201577,,e" fillcolor="#f2f2f2" stroked="f" strokeweight="0">
                  <v:stroke endcap="round"/>
                  <v:path arrowok="t" textboxrect="0,0,629217,201577"/>
                </v:shape>
                <v:shape id="Shape 3925" o:spid="_x0000_s1861" style="position:absolute;left:20769;top:17278;width:6292;height:2016;visibility:visible;mso-wrap-style:square;v-text-anchor:top" coordsize="629217,2015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" path="m,201577r629217,l629217,,,,,201577xe" filled="f" strokeweight=".05919mm">
                  <v:stroke endcap="round"/>
                  <v:path arrowok="t" textboxrect="0,0,629217,201577"/>
                </v:shape>
                <v:rect id="Rectangle 3926" o:spid="_x0000_s1862" style="position:absolute;left:21708;top:17829;width:5872;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Сервисы</w:t>
                        </w:r>
                      </w:p>
                    </w:txbxContent>
                  </v:textbox>
                </v:rect>
                <v:shape id="Shape 69416" o:spid="_x0000_s1863" style="position:absolute;left:17309;top:19294;width:13214;height:2520;visibility:visible;mso-wrap-style:square;v-text-anchor:top" coordsize="1321369,2519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" path="m,l1321369,r,251969l,251969,,e" fillcolor="#f2f2f2" stroked="f" strokeweight="0">
                  <v:stroke endcap="round"/>
                  <v:path arrowok="t" textboxrect="0,0,1321369,251969"/>
                </v:shape>
                <v:shape id="Shape 3928" o:spid="_x0000_s1864" style="position:absolute;left:17309;top:19294;width:13214;height:2520;visibility:visible;mso-wrap-style:square;v-text-anchor:top" coordsize="1321369,2519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" path="m,251969r1321369,l1321369,,,,,251969xe" filled="f" strokeweight=".05919mm">
                  <v:stroke endcap="round"/>
                  <v:path arrowok="t" textboxrect="0,0,1321369,251969"/>
                </v:shape>
                <v:rect id="Rectangle 3929" o:spid="_x0000_s1865" style="position:absolute;left:17645;top:20098;width:11281;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Диспетчер ввода</w:t>
                        </w:r>
                      </w:p>
                    </w:txbxContent>
                  </v:textbox>
                </v:rect>
                <v:rect id="Rectangle 3930" o:spid="_x0000_s1866" style="position:absolute;left:26127;top:19909;width:471;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3931" o:spid="_x0000_s1867" style="position:absolute;left:26482;top:20098;width:4927;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вывода</w:t>
                        </w:r>
                      </w:p>
                    </w:txbxContent>
                  </v:textbox>
                </v:rect>
                <v:shape id="Shape 3932" o:spid="_x0000_s1868" style="position:absolute;left:20366;top:5454;width:1803;height:11057;visibility:visible;mso-wrap-style:square;v-text-anchor:top" coordsize="180332,11057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" path="m180332,39557c19090,,,449163,137802,1042863v4794,20978,9855,41867,15005,62845e" filled="f" strokeweight=".17758mm">
                  <v:stroke endcap="round"/>
                  <v:path arrowok="t" textboxrect="0,0,180332,1105708"/>
                </v:shape>
                <v:shape id="Shape 3933" o:spid="_x0000_s1869" style="position:absolute;left:21597;top:16370;width:558;height:909;visibility:visible;mso-wrap-style:square;v-text-anchor:top" coordsize="55760,908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" path="m55760,l49278,90846,,14223,55760,xe" fillcolor="black" stroked="f" strokeweight="0">
                  <v:stroke endcap="round"/>
                  <v:path arrowok="t" textboxrect="0,0,55760,90846"/>
                </v:shape>
                <v:shape id="Shape 3934" o:spid="_x0000_s1870" style="position:absolute;left:25866;top:6601;width:1680;height:10932;visibility:visible;mso-wrap-style:square;v-text-anchor:top" coordsize="168079,10931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" path="m,1067752c154849,1093174,168079,620188,29478,11289,28679,7556,27791,3822,26903,e" filled="f" strokeweight=".17758mm">
                  <v:stroke endcap="round"/>
                  <v:path arrowok="t" textboxrect="0,0,168079,1093174"/>
                </v:shape>
                <v:shape id="Shape 3935" o:spid="_x0000_s1871" style="position:absolute;left:25872;top:5832;width:559;height:907;visibility:visible;mso-wrap-style:square;v-text-anchor:top" coordsize="55938,907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" path="m7902,l55938,77334,,90757,7902,xe" fillcolor="black" stroked="f" strokeweight="0">
                  <v:stroke endcap="round"/>
                  <v:path arrowok="t" textboxrect="0,0,55938,90757"/>
                </v:shape>
                <v:shape id="Shape 69417" o:spid="_x0000_s1872" style="position:absolute;left:20329;top:29877;width:7141;height:2898;visibility:visible;mso-wrap-style:square;v-text-anchor:top" coordsize="714163,2897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" path="m,l714163,r,289765l,289765,,e" fillcolor="#f2f2f2" stroked="f" strokeweight="0">
                  <v:stroke endcap="round"/>
                  <v:path arrowok="t" textboxrect="0,0,714163,289765"/>
                </v:shape>
                <v:shape id="Shape 3937" o:spid="_x0000_s1873" style="position:absolute;left:20329;top:29877;width:7141;height:2898;visibility:visible;mso-wrap-style:square;v-text-anchor:top" coordsize="714163,2897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" path="m,289765r714163,l714163,,,,,289765xe" filled="f" strokeweight=".05919mm">
                  <v:stroke endcap="round"/>
                  <v:path arrowok="t" textboxrect="0,0,714163,289765"/>
                </v:shape>
                <v:rect id="Rectangle 3938" o:spid="_x0000_s1874" style="position:absolute;left:21625;top:30230;width:6051;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Драйвер </w:t>
                        </w:r>
                      </w:p>
                    </w:txbxContent>
                  </v:textbox>
                </v:rect>
                <v:rect id="Rectangle 3939" o:spid="_x0000_s1875" style="position:absolute;left:21143;top:31509;width:7332;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устройства</w:t>
                        </w:r>
                      </w:p>
                    </w:txbxContent>
                  </v:textbox>
                </v:rect>
                <v:shape id="Shape 3940" o:spid="_x0000_s1876" style="position:absolute;left:25866;top:22606;width:1248;height:7271;visibility:visible;mso-wrap-style:square;v-text-anchor:top" coordsize="124839,7271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" path="m,727124c62686,699301,116492,385518,124839,e" filled="f" strokeweight=".17758mm">
                  <v:stroke endcap="round"/>
                  <v:path arrowok="t" textboxrect="0,0,124839,727124"/>
                </v:shape>
                <v:shape id="Shape 3941" o:spid="_x0000_s1877" style="position:absolute;left:26825;top:21814;width:576;height:868;visibility:visible;mso-wrap-style:square;v-text-anchor:top" coordsize="57536,867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" path="m29922,l57536,86757,,86046,29922,xe" fillcolor="black" stroked="f" strokeweight="0">
                  <v:stroke endcap="round"/>
                  <v:path arrowok="t" textboxrect="0,0,57536,86757"/>
                </v:shape>
                <v:shape id="Shape 3942" o:spid="_x0000_s1878" style="position:absolute;left:20832;top:21814;width:773;height:7438;visibility:visible;mso-wrap-style:square;v-text-anchor:top" coordsize="77247,7438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" path="m,c,325072,30455,618322,77247,743835e" filled="f" strokeweight=".17758mm">
                  <v:stroke endcap="round"/>
                  <v:path arrowok="t" textboxrect="0,0,77247,743835"/>
                </v:shape>
                <v:shape id="Shape 3943" o:spid="_x0000_s1879" style="position:absolute;left:21334;top:29019;width:756;height:858;visibility:visible;mso-wrap-style:square;v-text-anchor:top" coordsize="75649,858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" path="m45372,l75649,85868,,35378,45372,xe" fillcolor="black" stroked="f" strokeweight="0">
                  <v:stroke endcap="round"/>
                  <v:path arrowok="t" textboxrect="0,0,75649,85868"/>
                </v:shape>
                <v:shape id="Shape 3944" o:spid="_x0000_s1880" style="position:absolute;left:27879;top:23074;width:3021;height:1763;visibility:visible;mso-wrap-style:square;v-text-anchor:top" coordsize="302062,1763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" path="m88079,l213894,v48657,,88168,39467,88168,88179c302062,136891,262551,176359,213894,176359r-125815,c39422,176359,,136891,,88179,,39467,39422,,88079,xe" fillcolor="#f2f2f2" stroked="f" strokeweight="0">
                  <v:stroke endcap="round"/>
                  <v:path arrowok="t" textboxrect="0,0,302062,176359"/>
                </v:shape>
                <v:shape id="Shape 3945" o:spid="_x0000_s1881" style="position:absolute;left:27879;top:23074;width:3021;height:1763;visibility:visible;mso-wrap-style:square;v-text-anchor:top" coordsize="302062,1763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" path="m88079,176359r125815,c262551,176359,302062,136891,302062,88179v,,,,,c302062,39467,262551,,213894,r,l88079,c39422,,,39467,,88179v,48712,39422,88180,88079,88180xe" filled="f" strokeweight=".05919mm">
                  <v:stroke endcap="round"/>
                  <v:path arrowok="t" textboxrect="0,0,302062,176359"/>
                </v:shape>
                <v:rect id="Rectangle 3946" o:spid="_x0000_s1882" style="position:absolute;left:28502;top:23310;width:2362;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IRP</w:t>
                        </w:r>
                      </w:p>
                    </w:txbxContent>
                  </v:textbox>
                </v:rect>
                <v:shape id="Shape 3947" o:spid="_x0000_s1883" style="position:absolute;left:28131;top:25845;width:1510;height:1512;visibility:visible;mso-wrap-style:square;v-text-anchor:top" coordsize="150942,1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" path="m75471,v41731,,75471,33867,75471,75646c150942,117335,117202,151203,75471,151203,33740,151203,,117335,,75646,,33867,33740,,75471,xe" fillcolor="#d9d9d9" stroked="f" strokeweight="0">
                  <v:stroke endcap="round"/>
                  <v:path arrowok="t" textboxrect="0,0,150942,151203"/>
                </v:shape>
                <v:shape id="Shape 3948" o:spid="_x0000_s1884" style="position:absolute;left:28131;top:25845;width:1510;height:1512;visibility:visible;mso-wrap-style:square;v-text-anchor:top" coordsize="150942,1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" path="m150942,75646c150942,33867,117202,,75471,,33740,,,33867,,75646v,41689,33740,75557,75471,75557c117202,151203,150942,117335,150942,75646xe" filled="f" strokeweight=".17758mm">
                  <v:stroke endcap="round"/>
                  <v:path arrowok="t" textboxrect="0,0,150942,151203"/>
                </v:shape>
                <v:rect id="Rectangle 3949" o:spid="_x0000_s1885" style="position:absolute;left:28590;top:25956;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6</w:t>
                        </w:r>
                      </w:p>
                    </w:txbxContent>
                  </v:textbox>
                </v:rect>
                <v:rect id="Rectangle 3950" o:spid="_x0000_s1886" style="position:absolute;left:30248;top:25310;width:15968;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Обработка прерывания </w:t>
                        </w:r>
                      </w:p>
                    </w:txbxContent>
                  </v:textbox>
                </v:rect>
                <v:rect id="Rectangle 3951" o:spid="_x0000_s1887" style="position:absolute;left:30248;top:26590;width:16740;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с сообщением об успехе </w:t>
                        </w:r>
                      </w:p>
                    </w:txbxContent>
                  </v:textbox>
                </v:rect>
                <v:rect id="Rectangle 3952" o:spid="_x0000_s1888" style="position:absolute;left:30248;top:27870;width:7740;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или ошибке</w:t>
                        </w:r>
                      </w:p>
                    </w:txbxContent>
                  </v:textbox>
                </v:rect>
                <v:shape id="Shape 3953" o:spid="_x0000_s1889" style="position:absolute;left:17811;top:27357;width:3021;height:1764;visibility:visible;mso-wrap-style:square;v-text-anchor:top" coordsize="302063,1763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" path="m88168,l213984,v48656,,88079,39467,88079,88179c302063,136891,262640,176358,213984,176358r-125816,c39511,176358,,136891,,88179,,39467,39511,,88168,xe" fillcolor="#f2f2f2" stroked="f" strokeweight="0">
                  <v:stroke endcap="round"/>
                  <v:path arrowok="t" textboxrect="0,0,302063,176358"/>
                </v:shape>
                <v:shape id="Shape 3954" o:spid="_x0000_s1890" style="position:absolute;left:17811;top:27357;width:3021;height:1764;visibility:visible;mso-wrap-style:square;v-text-anchor:top" coordsize="302063,1763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" path="m88168,176358r125816,c262640,176358,302063,136891,302063,88179v,,,,,c302063,39467,262640,,213984,l88168,c39511,,,39467,,88179v,48712,39511,88179,88168,88179xe" filled="f" strokeweight=".05919mm">
                  <v:stroke endcap="round"/>
                  <v:path arrowok="t" textboxrect="0,0,302063,176358"/>
                </v:shape>
                <v:rect id="Rectangle 3955" o:spid="_x0000_s1891" style="position:absolute;left:18434;top:27594;width:2362;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IRP</w:t>
                        </w:r>
                      </w:p>
                    </w:txbxContent>
                  </v:textbox>
                </v:rect>
                <v:rect id="Rectangle 3958" o:spid="_x0000_s1892" style="position:absolute;left:401;top:22177;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3</w:t>
                        </w:r>
                      </w:p>
                    </w:txbxContent>
                  </v:textbox>
                </v:rect>
                <v:rect id="Rectangle 3959" o:spid="_x0000_s1893" style="position:absolute;left:1619;top:21977;width:6832;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Создание </w:t>
                        </w:r>
                      </w:p>
                    </w:txbxContent>
                  </v:textbox>
                </v:rect>
                <v:rect id="Rectangle 3960" o:spid="_x0000_s1894" style="position:absolute;left:6756;top:21788;width:2756;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IRP </w:t>
                        </w:r>
                      </w:p>
                    </w:txbxContent>
                  </v:textbox>
                </v:rect>
                <v:rect id="Rectangle 3961" o:spid="_x0000_s1895" style="position:absolute;left:8828;top:21977;width:10339;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и его передача </w:t>
                        </w:r>
                      </w:p>
                    </w:txbxContent>
                  </v:textbox>
                </v:rect>
                <v:rect id="Rectangle 3962" o:spid="_x0000_s1896" style="position:absolute;left:1619;top:23257;width:13958;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драйверу устройства</w:t>
                        </w:r>
                      </w:p>
                    </w:txbxContent>
                  </v:textbox>
                </v:rect>
                <v:shape id="Shape 3963" o:spid="_x0000_s1897" style="position:absolute;left:4472;top:31137;width:1510;height:1512;visibility:visible;mso-wrap-style:square;v-text-anchor:top" coordsize="151013,1511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" path="m75507,v41704,,75506,33867,75506,75601c151013,117344,117211,151194,75507,151194,33811,151194,,117344,,75601,,33867,33811,,75507,xe" fillcolor="#d9d9d9" stroked="f" strokeweight="0">
                  <v:stroke endcap="round"/>
                  <v:path arrowok="t" textboxrect="0,0,151013,151194"/>
                </v:shape>
                <v:shape id="Shape 3964" o:spid="_x0000_s1898" style="position:absolute;left:4472;top:31137;width:1510;height:1512;visibility:visible;mso-wrap-style:square;v-text-anchor:top" coordsize="151013,1511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" path="m151013,75601c151013,33867,117211,,75507,,33811,,,33867,,75601v,41743,33811,75593,75507,75593c117211,151194,151013,117344,151013,75601xe" filled="f" strokeweight=".17758mm">
                  <v:stroke endcap="round"/>
                  <v:path arrowok="t" textboxrect="0,0,151013,151194"/>
                </v:shape>
                <v:rect id="Rectangle 3965" o:spid="_x0000_s1899" style="position:absolute;left:4931;top:31248;width:788;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4</w:t>
                        </w:r>
                      </w:p>
                    </w:txbxContent>
                  </v:textbox>
                </v:rect>
                <v:rect id="Rectangle 3966" o:spid="_x0000_s1900" style="position:absolute;left:6212;top:31048;width:11825;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Передача данных</w:t>
                        </w:r>
                      </w:p>
                    </w:txbxContent>
                  </v:textbox>
                </v:rect>
                <v:rect id="Rectangle 3967" o:spid="_x0000_s1901" style="position:absolute;left:15103;top:30860;width:394;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3968" o:spid="_x0000_s1902" style="position:absolute;left:15399;top:30860;width:394;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3969" o:spid="_x0000_s1903" style="position:absolute;left:6212;top:32328;width:8387;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указанных в </w:t>
                        </w:r>
                      </w:p>
                    </w:txbxContent>
                  </v:textbox>
                </v:rect>
                <v:rect id="Rectangle 3970" o:spid="_x0000_s1904" style="position:absolute;left:12518;top:32140;width:2362;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IRP</w:t>
                        </w:r>
                      </w:p>
                    </w:txbxContent>
                  </v:textbox>
                </v:rect>
                <v:rect id="Rectangle 3971" o:spid="_x0000_s1905" style="position:absolute;left:14294;top:32140;width:394;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shape id="Shape 3972" o:spid="_x0000_s1906" style="position:absolute;left:20811;top:32367;width:3089;height:4549;visibility:visible;mso-wrap-style:square;v-text-anchor:top" coordsize="308900,4549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" path="m308900,40818c201997,,70144,176812,,454941e" filled="f" strokeweight=".17758mm">
                  <v:stroke endcap="round"/>
                  <v:path arrowok="t" textboxrect="0,0,308900,454941"/>
                </v:shape>
                <v:shape id="Shape 3973" o:spid="_x0000_s1907" style="position:absolute;left:20545;top:36783;width:562;height:906;visibility:visible;mso-wrap-style:square;v-text-anchor:top" coordsize="56204,9060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" path="m,l56204,12587,9234,90606,,xe" fillcolor="black" stroked="f" strokeweight="0">
                  <v:stroke endcap="round"/>
                  <v:path arrowok="t" textboxrect="0,0,56204,90606"/>
                </v:shape>
                <v:shape id="Shape 3974" o:spid="_x0000_s1908" style="position:absolute;left:28383;top:34917;width:1761;height:1511;visibility:visible;mso-wrap-style:square;v-text-anchor:top" coordsize="176159,15118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" path="m88080,v48656,,88079,33849,88079,75592c176159,117344,136736,151185,88080,151185,39423,151185,,117344,,75592,,33849,39423,,88080,xe" fillcolor="#d9d9d9" stroked="f" strokeweight="0">
                  <v:stroke endcap="round"/>
                  <v:path arrowok="t" textboxrect="0,0,176159,151185"/>
                </v:shape>
                <v:shape id="Shape 3975" o:spid="_x0000_s1909" style="position:absolute;left:28383;top:34917;width:1761;height:1511;visibility:visible;mso-wrap-style:square;v-text-anchor:top" coordsize="176159,15118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" path="m176159,75592c176159,33849,136736,,88080,,39423,,,33849,,75592v,41752,39423,75593,88080,75593c136736,151185,176159,117344,176159,75592xe" filled="f" strokeweight=".17758mm">
                  <v:stroke endcap="round"/>
                  <v:path arrowok="t" textboxrect="0,0,176159,151185"/>
                </v:shape>
                <v:rect id="Rectangle 3976" o:spid="_x0000_s1910" style="position:absolute;left:28967;top:35027;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5</w:t>
                        </w:r>
                      </w:p>
                    </w:txbxContent>
                  </v:textbox>
                </v:rect>
                <v:rect id="Rectangle 3977" o:spid="_x0000_s1911" style="position:absolute;left:30752;top:34695;width:12560;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Выполнения ввода</w:t>
                        </w:r>
                      </w:p>
                    </w:txbxContent>
                  </v:textbox>
                </v:rect>
                <v:rect id="Rectangle 3978" o:spid="_x0000_s1912" style="position:absolute;left:40195;top:34506;width:472;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3979" o:spid="_x0000_s1913" style="position:absolute;left:40550;top:34695;width:5322;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вывода </w:t>
                        </w:r>
                      </w:p>
                    </w:txbxContent>
                  </v:textbox>
                </v:rect>
                <v:rect id="Rectangle 3980" o:spid="_x0000_s1914" style="position:absolute;left:30752;top:35975;width:16435;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и генерация прерывания</w:t>
                        </w:r>
                      </w:p>
                    </w:txbxContent>
                  </v:textbox>
                </v:rect>
                <v:shape id="Shape 3981" o:spid="_x0000_s1915" style="position:absolute;left:24719;top:35645;width:3032;height:3474;visibility:visible;mso-wrap-style:square;v-text-anchor:top" coordsize="303217,3474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" path="m,347401l291763,127140,78668,169487,303217,e" filled="f" strokeweight=".17758mm">
                  <v:stroke endcap="round"/>
                  <v:path arrowok="t" textboxrect="0,0,303217,347401"/>
                </v:shape>
                <v:shape id="Shape 3982" o:spid="_x0000_s1916" style="position:absolute;left:27521;top:35169;width:862;height:750;visibility:visible;mso-wrap-style:square;v-text-anchor:top" coordsize="86215,750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" path="m86215,l34628,75014,,29032,86215,xe" fillcolor="black" stroked="f" strokeweight="0">
                  <v:stroke endcap="round"/>
                  <v:path arrowok="t" textboxrect="0,0,86215,75014"/>
                </v:shape>
                <v:shape id="Picture 67455" o:spid="_x0000_s1917" type="#_x0000_t75" style="position:absolute;left:19430;top:37648;width:4877;height:207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">
                  <v:imagedata r:id="rId26" o:title=""/>
                </v:shape>
                <v:shape id="Picture 67456" o:spid="_x0000_s1918" type="#_x0000_t75" style="position:absolute;left:19583;top:39649;width:3779;height:5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">
                  <v:imagedata r:id="rId27" o:title=""/>
                </v:shape>
                <v:shape id="Picture 67457" o:spid="_x0000_s1919" type="#_x0000_t75" style="position:absolute;left:19583;top:39649;width:3779;height:5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">
                  <v:imagedata r:id="rId27" o:title=""/>
                </v:shape>
                <v:shape id="Picture 67458" o:spid="_x0000_s1920" type="#_x0000_t75" style="position:absolute;left:22986;top:37648;width:1646;height:25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">
                  <v:imagedata r:id="rId28" o:title=""/>
                </v:shape>
                <v:shape id="Shape 3991" o:spid="_x0000_s1921" style="position:absolute;left:22990;top:37688;width:1643;height:2520;visibility:visible;mso-wrap-style:square;v-text-anchor:top" coordsize="164350,2519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" path="m130699,c97935,71939,56470,139629,7370,201580,,220325,9234,241767,27969,249475v3107,1267,6304,2109,9678,2501c93673,195734,136026,127247,161331,51921,164350,29574,151653,8071,130699,xe" filled="f" strokecolor="white" strokeweight=".17758mm">
                  <v:stroke endcap="round"/>
                  <v:path arrowok="t" textboxrect="0,0,164350,251976"/>
                </v:shape>
                <v:shape id="Shape 3992" o:spid="_x0000_s1922" style="position:absolute;left:19574;top:37688;width:5053;height:2520;visibility:visible;mso-wrap-style:square;v-text-anchor:top" coordsize="505303,2519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" path="m106370,71c92963,3075,80355,8898,69345,17147,26726,57014,1775,112349,,170830v1243,34988,22020,66376,53629,81146l53629,251976r325592,c435336,195675,477689,127086,502993,51663,505303,29192,492250,7938,471118,r,l106370,71xe" filled="f" strokeweight=".36994mm">
                  <v:stroke endcap="round"/>
                  <v:path arrowok="t" textboxrect="0,0,505303,251976"/>
                </v:shape>
                <v:shape id="Picture 67459" o:spid="_x0000_s1923" type="#_x0000_t75" style="position:absolute;left:19938;top:38186;width:823;height:7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">
                  <v:imagedata r:id="rId29" o:title=""/>
                </v:shape>
                <v:shape id="Shape 3995" o:spid="_x0000_s1924" style="position:absolute;left:19920;top:38202;width:892;height:734;visibility:visible;mso-wrap-style:square;v-text-anchor:top" coordsize="89145,733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" path="m58956,61672c79200,49983,89145,29325,81154,15520,73163,1715,50344,,30100,11689,9945,23387,,44045,7902,57850v7991,13805,30810,15511,51054,3822xe" filled="f" strokeweight=".17758mm">
                  <v:stroke endcap="round"/>
                  <v:path arrowok="t" textboxrect="0,0,89145,73361"/>
                </v:shape>
                <v:shape id="Picture 67460" o:spid="_x0000_s1925" type="#_x0000_t75" style="position:absolute;left:20162;top:39080;width:396;height:33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">
                  <v:imagedata r:id="rId30" o:title=""/>
                </v:shape>
                <v:shape id="Shape 3998" o:spid="_x0000_s1926" style="position:absolute;left:20191;top:39101;width:372;height:305;visibility:visible;mso-wrap-style:square;v-text-anchor:top" coordsize="37203,305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" path="m24595,25636c33030,20747,37203,12151,33918,6418,30544,684,21043,,12608,4880,4173,9769,,18374,3285,24098v3286,5734,12875,6418,21310,1538xe" filled="f" strokeweight=".17758mm">
                  <v:stroke endcap="round"/>
                  <v:path arrowok="t" textboxrect="0,0,37203,30516"/>
                </v:shape>
                <v:shape id="Shape 3999" o:spid="_x0000_s1927" style="position:absolute;left:20647;top:38003;width:3088;height:1399;visibility:visible;mso-wrap-style:square;v-text-anchor:top" coordsize="308722,1398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" path="m,139842l85949,,308722,e" filled="f" strokecolor="white" strokeweight=".17758mm">
                  <v:stroke endcap="round"/>
                  <v:path arrowok="t" textboxrect="0,0,308722,139842"/>
                </v:shape>
                <v:shape id="Picture 67461" o:spid="_x0000_s1928" type="#_x0000_t75" style="position:absolute;left:20700;top:37993;width:3018;height:143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">
                  <v:imagedata r:id="rId31" o:title=""/>
                </v:shape>
                <v:shape id="Picture 67462" o:spid="_x0000_s1929" type="#_x0000_t75" style="position:absolute;left:20700;top:37993;width:3018;height:143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">
                  <v:imagedata r:id="rId31" o:title=""/>
                </v:shape>
                <v:shape id="Shape 4004" o:spid="_x0000_s1930" style="position:absolute;left:20647;top:38003;width:3088;height:1399;visibility:visible;mso-wrap-style:square;v-text-anchor:top" coordsize="308722,1398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" path="m90655,6293l8080,139842r-8080,l222152,139842,308722,r-3996,6293l90655,6293xe" filled="f" strokeweight=".17758mm">
                  <v:stroke endcap="round"/>
                  <v:path arrowok="t" textboxrect="0,0,308722,139842"/>
                </v:shape>
                <v:shape id="Picture 67463" o:spid="_x0000_s1931" type="#_x0000_t75" style="position:absolute;left:20883;top:37932;width:366;height:33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">
                  <v:imagedata r:id="rId32" o:title=""/>
                </v:shape>
                <v:shape id="Shape 4007" o:spid="_x0000_s1932" style="position:absolute;left:20897;top:37967;width:373;height:309;visibility:visible;mso-wrap-style:square;v-text-anchor:top" coordsize="37292,3087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" path="m24772,25983c33207,21103,37292,12418,34006,6587,30632,765,21043,,12608,4889,4084,9778,,18462,3374,24285v3374,5822,12875,6587,21398,1698xe" filled="f" strokeweight=".17758mm">
                  <v:stroke endcap="round"/>
                  <v:path arrowok="t" textboxrect="0,0,37292,30872"/>
                </v:shape>
                <v:shape id="Picture 67464" o:spid="_x0000_s1933" type="#_x0000_t75" style="position:absolute;left:22986;top:39141;width:275;height:24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">
                  <v:imagedata r:id="rId33" o:title=""/>
                </v:shape>
                <v:shape id="Shape 4010" o:spid="_x0000_s1934" style="position:absolute;left:23015;top:39175;width:245;height:199;visibility:visible;mso-wrap-style:square;v-text-anchor:top" coordsize="24417,198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" path="m16071,16649c21665,13431,24417,7822,22286,4107,20155,400,13940,,8346,3209,2841,6427,,12036,2131,15751v2131,3707,8435,4107,13940,898xe" filled="f" strokeweight=".17758mm">
                  <v:stroke endcap="round"/>
                  <v:path arrowok="t" textboxrect="0,0,24417,19858"/>
                </v:shape>
                <v:rect id="Rectangle 4011" o:spid="_x0000_s1935" style="position:absolute;left:48857;top:39526;width:600;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" filled="f" stroked="f">
                  <v:textbox inset="0,0,0,0">
                    <w:txbxContent>
                      <w:p w:rsidR="0043064D" w:rsidRDefault="008B3C4B">
                        <w:pPr>
                          <w:spacing w:after="160" w:line="259" w:lineRule="auto"/>
                          <w:ind w:left="0" w:firstLine="0"/>
                          <w:jc w:val="left"/>
                        </w:pPr>
                        <w:r>
                          <w:t xml:space="preserve"> </w:t>
                        </w:r>
                      </w:p>
                    </w:txbxContent>
                  </v:textbox>
                </v:rect>
                <w10:wrap type="square"/>
              </v:group>
            </w:pict>
          </mc:Fallback>
        </mc:AlternateContent>
      </w:r>
      <w:r>
        <w:rPr>
          <w:rFonts w:ascii="Calibri" w:eastAsia="Calibri" w:hAnsi="Calibri" w:cs="Calibri"/>
          <w:noProof/>
          <w:sz w:val="22"/>
        </w:rPr>
        <mc:AlternateContent>
          <mc:Choice Requires="wpg">
            <w:drawing>
              <wp:anchor distT="0" distB="0" distL="114300" distR="114300" simplePos="0" relativeHeight="251659264" behindDoc="0" locked="0" layoutInCell="1" allowOverlap="1">
                <wp:simplePos x="0" y="0"/>
                <wp:positionH relativeFrom="column">
                  <wp:posOffset>514171</wp:posOffset>
                </wp:positionH>
                <wp:positionV relativeFrom="paragraph">
                  <wp:posOffset>-4282899</wp:posOffset>
                </wp:positionV>
                <wp:extent cx="151014" cy="151202"/>
                <wp:effectExtent l="0" t="0" r="0" b="0"/>
                <wp:wrapSquare wrapText="bothSides"/>
                <wp:docPr id="60470" name="Group 60470"/>
                <wp:cNvGraphicFramePr/>
                <a:graphic xmlns:a="http://schemas.openxmlformats.org/drawingml/2006/main">
                  <a:graphicData uri="http://schemas.microsoft.com/office/word/2010/wordprocessingGroup">
                    <wpg:wgp>
                      <wpg:cNvGrpSpPr/>
                      <wpg:grpSpPr>
                        <a:xfrm>
                          <a:off x="0" y="0"/>
                          <a:ext cx="151014" cy="151202"/>
                          <a:chOff x="0" y="0"/>
                          <a:chExt cx="151014" cy="151202"/>
                        </a:xfrm>
                      </wpg:grpSpPr>
                      <wps:wsp>
                        <wps:cNvPr id="3896" name="Shape 3896"/>
                        <wps:cNvSpPr/>
                        <wps:spPr>
                          <a:xfrm>
                            <a:off x="0" y="0"/>
                            <a:ext cx="151014" cy="151202"/>
                          </a:xfrm>
                          <a:custGeom>
                            <a:avLst/>
                            <a:gdLst/>
                            <a:ahLst/>
                            <a:cxnLst/>
                            <a:rect l="0" t="0" r="0" b="0"/>
                            <a:pathLst>
                              <a:path w="151014" h="151202">
                                <a:moveTo>
                                  <a:pt x="75507" y="0"/>
                                </a:moveTo>
                                <a:cubicBezTo>
                                  <a:pt x="117211" y="0"/>
                                  <a:pt x="151014" y="33867"/>
                                  <a:pt x="151014" y="75557"/>
                                </a:cubicBezTo>
                                <a:cubicBezTo>
                                  <a:pt x="151014" y="117335"/>
                                  <a:pt x="117211" y="151202"/>
                                  <a:pt x="75507" y="151202"/>
                                </a:cubicBezTo>
                                <a:cubicBezTo>
                                  <a:pt x="33805" y="151202"/>
                                  <a:pt x="0" y="117335"/>
                                  <a:pt x="0" y="75557"/>
                                </a:cubicBezTo>
                                <a:cubicBezTo>
                                  <a:pt x="0" y="33867"/>
                                  <a:pt x="33805" y="0"/>
                                  <a:pt x="75507"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3897" name="Shape 3897"/>
                        <wps:cNvSpPr/>
                        <wps:spPr>
                          <a:xfrm>
                            <a:off x="0" y="0"/>
                            <a:ext cx="151014" cy="151202"/>
                          </a:xfrm>
                          <a:custGeom>
                            <a:avLst/>
                            <a:gdLst/>
                            <a:ahLst/>
                            <a:cxnLst/>
                            <a:rect l="0" t="0" r="0" b="0"/>
                            <a:pathLst>
                              <a:path w="151014" h="151202">
                                <a:moveTo>
                                  <a:pt x="151014" y="75557"/>
                                </a:moveTo>
                                <a:cubicBezTo>
                                  <a:pt x="151014" y="33867"/>
                                  <a:pt x="117211" y="0"/>
                                  <a:pt x="75507" y="0"/>
                                </a:cubicBezTo>
                                <a:cubicBezTo>
                                  <a:pt x="33805" y="0"/>
                                  <a:pt x="0" y="33867"/>
                                  <a:pt x="0" y="75557"/>
                                </a:cubicBezTo>
                                <a:cubicBezTo>
                                  <a:pt x="0" y="117335"/>
                                  <a:pt x="33805" y="151202"/>
                                  <a:pt x="75507" y="151202"/>
                                </a:cubicBezTo>
                                <a:cubicBezTo>
                                  <a:pt x="117211" y="151202"/>
                                  <a:pt x="151014" y="117335"/>
                                  <a:pt x="151014" y="75557"/>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60470" style="width:11.8908pt;height:11.9057pt;position:absolute;mso-position-horizontal-relative:text;mso-position-horizontal:absolute;margin-left:40.4859pt;mso-position-vertical-relative:text;margin-top:-337.236pt;" coordsize="1510,1512">
                <v:shape id="Shape 3896" style="position:absolute;width:1510;height:1512;left:0;top:0;" coordsize="151014,151202" path="m75507,0c117211,0,151014,33867,151014,75557c151014,117335,117211,151202,75507,151202c33805,151202,0,117335,0,75557c0,33867,33805,0,75507,0x">
                  <v:stroke weight="0pt" endcap="round" joinstyle="round" on="false" color="#000000" opacity="0"/>
                  <v:fill on="true" color="#d9d9d9"/>
                </v:shape>
                <v:shape id="Shape 3897" style="position:absolute;width:1510;height:1512;left:0;top:0;" coordsize="151014,151202" path="m151014,75557c151014,33867,117211,0,75507,0c33805,0,0,33867,0,75557c0,117335,33805,151202,75507,151202c117211,151202,151014,117335,151014,75557x">
                  <v:stroke weight="0.503375pt" endcap="round" joinstyle="round" on="true" color="#000000"/>
                  <v:fill on="false" color="#000000" opacity="0"/>
                </v:shape>
                <w10:wrap type="square"/>
              </v:group>
            </w:pict>
          </mc:Fallback>
        </mc:AlternateContent>
      </w:r>
      <w:r>
        <w:rPr>
          <w:rFonts w:ascii="Calibri" w:eastAsia="Calibri" w:hAnsi="Calibri" w:cs="Calibri"/>
          <w:noProof/>
          <w:sz w:val="22"/>
        </w:rPr>
        <mc:AlternateContent>
          <mc:Choice Requires="wpg">
            <w:drawing>
              <wp:anchor distT="0" distB="0" distL="114300" distR="114300" simplePos="0" relativeHeight="251660288" behindDoc="0" locked="0" layoutInCell="1" allowOverlap="1">
                <wp:simplePos x="0" y="0"/>
                <wp:positionH relativeFrom="column">
                  <wp:posOffset>514171</wp:posOffset>
                </wp:positionH>
                <wp:positionV relativeFrom="paragraph">
                  <wp:posOffset>-3577376</wp:posOffset>
                </wp:positionV>
                <wp:extent cx="151014" cy="151203"/>
                <wp:effectExtent l="0" t="0" r="0" b="0"/>
                <wp:wrapSquare wrapText="bothSides"/>
                <wp:docPr id="60471" name="Group 60471"/>
                <wp:cNvGraphicFramePr/>
                <a:graphic xmlns:a="http://schemas.openxmlformats.org/drawingml/2006/main">
                  <a:graphicData uri="http://schemas.microsoft.com/office/word/2010/wordprocessingGroup">
                    <wpg:wgp>
                      <wpg:cNvGrpSpPr/>
                      <wpg:grpSpPr>
                        <a:xfrm>
                          <a:off x="0" y="0"/>
                          <a:ext cx="151014" cy="151203"/>
                          <a:chOff x="0" y="0"/>
                          <a:chExt cx="151014" cy="151203"/>
                        </a:xfrm>
                      </wpg:grpSpPr>
                      <wps:wsp>
                        <wps:cNvPr id="3914" name="Shape 3914"/>
                        <wps:cNvSpPr/>
                        <wps:spPr>
                          <a:xfrm>
                            <a:off x="0" y="0"/>
                            <a:ext cx="151014" cy="151203"/>
                          </a:xfrm>
                          <a:custGeom>
                            <a:avLst/>
                            <a:gdLst/>
                            <a:ahLst/>
                            <a:cxnLst/>
                            <a:rect l="0" t="0" r="0" b="0"/>
                            <a:pathLst>
                              <a:path w="151014" h="151203">
                                <a:moveTo>
                                  <a:pt x="75507" y="0"/>
                                </a:moveTo>
                                <a:cubicBezTo>
                                  <a:pt x="117211" y="0"/>
                                  <a:pt x="151014" y="33867"/>
                                  <a:pt x="151014" y="75557"/>
                                </a:cubicBezTo>
                                <a:cubicBezTo>
                                  <a:pt x="151014" y="117335"/>
                                  <a:pt x="117211" y="151203"/>
                                  <a:pt x="75507" y="151203"/>
                                </a:cubicBezTo>
                                <a:cubicBezTo>
                                  <a:pt x="33805" y="151203"/>
                                  <a:pt x="0" y="117335"/>
                                  <a:pt x="0" y="75557"/>
                                </a:cubicBezTo>
                                <a:cubicBezTo>
                                  <a:pt x="0" y="33867"/>
                                  <a:pt x="33805" y="0"/>
                                  <a:pt x="75507"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3915" name="Shape 3915"/>
                        <wps:cNvSpPr/>
                        <wps:spPr>
                          <a:xfrm>
                            <a:off x="0" y="0"/>
                            <a:ext cx="151014" cy="151203"/>
                          </a:xfrm>
                          <a:custGeom>
                            <a:avLst/>
                            <a:gdLst/>
                            <a:ahLst/>
                            <a:cxnLst/>
                            <a:rect l="0" t="0" r="0" b="0"/>
                            <a:pathLst>
                              <a:path w="151014" h="151203">
                                <a:moveTo>
                                  <a:pt x="151014" y="75557"/>
                                </a:moveTo>
                                <a:cubicBezTo>
                                  <a:pt x="151014" y="33867"/>
                                  <a:pt x="117211" y="0"/>
                                  <a:pt x="75507" y="0"/>
                                </a:cubicBezTo>
                                <a:cubicBezTo>
                                  <a:pt x="33805" y="0"/>
                                  <a:pt x="0" y="33867"/>
                                  <a:pt x="0" y="75557"/>
                                </a:cubicBezTo>
                                <a:cubicBezTo>
                                  <a:pt x="0" y="117335"/>
                                  <a:pt x="33805" y="151203"/>
                                  <a:pt x="75507" y="151203"/>
                                </a:cubicBezTo>
                                <a:cubicBezTo>
                                  <a:pt x="117211" y="151203"/>
                                  <a:pt x="151014" y="117335"/>
                                  <a:pt x="151014" y="75557"/>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60471" style="width:11.8908pt;height:11.9057pt;position:absolute;mso-position-horizontal-relative:text;mso-position-horizontal:absolute;margin-left:40.4859pt;mso-position-vertical-relative:text;margin-top:-281.683pt;" coordsize="1510,1512">
                <v:shape id="Shape 3914" style="position:absolute;width:1510;height:1512;left:0;top:0;" coordsize="151014,151203" path="m75507,0c117211,0,151014,33867,151014,75557c151014,117335,117211,151203,75507,151203c33805,151203,0,117335,0,75557c0,33867,33805,0,75507,0x">
                  <v:stroke weight="0pt" endcap="round" joinstyle="round" on="false" color="#000000" opacity="0"/>
                  <v:fill on="true" color="#d9d9d9"/>
                </v:shape>
                <v:shape id="Shape 3915" style="position:absolute;width:1510;height:1512;left:0;top:0;" coordsize="151014,151203" path="m151014,75557c151014,33867,117211,0,75507,0c33805,0,0,33867,0,75557c0,117335,33805,151203,75507,151203c117211,151203,151014,117335,151014,75557x">
                  <v:stroke weight="0.503375pt" endcap="round" joinstyle="round" on="true" color="#000000"/>
                  <v:fill on="false" color="#000000" opacity="0"/>
                </v:shape>
                <w10:wrap type="square"/>
              </v:group>
            </w:pict>
          </mc:Fallback>
        </mc:AlternateContent>
      </w:r>
      <w:r>
        <w:rPr>
          <w:rFonts w:ascii="Calibri" w:eastAsia="Calibri" w:hAnsi="Calibri" w:cs="Calibri"/>
          <w:noProof/>
          <w:sz w:val="22"/>
        </w:rPr>
        <mc:AlternateContent>
          <mc:Choice Requires="wpg">
            <w:drawing>
              <wp:anchor distT="0" distB="0" distL="114300" distR="114300" simplePos="0" relativeHeight="251661312" behindDoc="0" locked="0" layoutInCell="1" allowOverlap="1">
                <wp:simplePos x="0" y="0"/>
                <wp:positionH relativeFrom="column">
                  <wp:posOffset>554301</wp:posOffset>
                </wp:positionH>
                <wp:positionV relativeFrom="paragraph">
                  <wp:posOffset>-2102684</wp:posOffset>
                </wp:positionV>
                <wp:extent cx="151016" cy="151203"/>
                <wp:effectExtent l="0" t="0" r="0" b="0"/>
                <wp:wrapSquare wrapText="bothSides"/>
                <wp:docPr id="60472" name="Group 60472"/>
                <wp:cNvGraphicFramePr/>
                <a:graphic xmlns:a="http://schemas.openxmlformats.org/drawingml/2006/main">
                  <a:graphicData uri="http://schemas.microsoft.com/office/word/2010/wordprocessingGroup">
                    <wpg:wgp>
                      <wpg:cNvGrpSpPr/>
                      <wpg:grpSpPr>
                        <a:xfrm>
                          <a:off x="0" y="0"/>
                          <a:ext cx="151016" cy="151203"/>
                          <a:chOff x="0" y="0"/>
                          <a:chExt cx="151016" cy="151203"/>
                        </a:xfrm>
                      </wpg:grpSpPr>
                      <wps:wsp>
                        <wps:cNvPr id="3956" name="Shape 3956"/>
                        <wps:cNvSpPr/>
                        <wps:spPr>
                          <a:xfrm>
                            <a:off x="0" y="0"/>
                            <a:ext cx="151016" cy="151203"/>
                          </a:xfrm>
                          <a:custGeom>
                            <a:avLst/>
                            <a:gdLst/>
                            <a:ahLst/>
                            <a:cxnLst/>
                            <a:rect l="0" t="0" r="0" b="0"/>
                            <a:pathLst>
                              <a:path w="151016" h="151203">
                                <a:moveTo>
                                  <a:pt x="75510" y="0"/>
                                </a:moveTo>
                                <a:cubicBezTo>
                                  <a:pt x="117205" y="0"/>
                                  <a:pt x="151016" y="33867"/>
                                  <a:pt x="151016" y="75646"/>
                                </a:cubicBezTo>
                                <a:cubicBezTo>
                                  <a:pt x="151016" y="117335"/>
                                  <a:pt x="117205" y="151203"/>
                                  <a:pt x="75510" y="151203"/>
                                </a:cubicBezTo>
                                <a:cubicBezTo>
                                  <a:pt x="33805" y="151203"/>
                                  <a:pt x="0" y="117335"/>
                                  <a:pt x="0" y="75646"/>
                                </a:cubicBezTo>
                                <a:cubicBezTo>
                                  <a:pt x="0" y="33867"/>
                                  <a:pt x="33805" y="0"/>
                                  <a:pt x="75510"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3957" name="Shape 3957"/>
                        <wps:cNvSpPr/>
                        <wps:spPr>
                          <a:xfrm>
                            <a:off x="0" y="0"/>
                            <a:ext cx="151016" cy="151203"/>
                          </a:xfrm>
                          <a:custGeom>
                            <a:avLst/>
                            <a:gdLst/>
                            <a:ahLst/>
                            <a:cxnLst/>
                            <a:rect l="0" t="0" r="0" b="0"/>
                            <a:pathLst>
                              <a:path w="151016" h="151203">
                                <a:moveTo>
                                  <a:pt x="151016" y="75646"/>
                                </a:moveTo>
                                <a:cubicBezTo>
                                  <a:pt x="151016" y="33867"/>
                                  <a:pt x="117205" y="0"/>
                                  <a:pt x="75510" y="0"/>
                                </a:cubicBezTo>
                                <a:cubicBezTo>
                                  <a:pt x="33805" y="0"/>
                                  <a:pt x="0" y="33867"/>
                                  <a:pt x="0" y="75646"/>
                                </a:cubicBezTo>
                                <a:cubicBezTo>
                                  <a:pt x="0" y="117335"/>
                                  <a:pt x="33805" y="151203"/>
                                  <a:pt x="75510" y="151203"/>
                                </a:cubicBezTo>
                                <a:cubicBezTo>
                                  <a:pt x="117205" y="151203"/>
                                  <a:pt x="151016" y="117335"/>
                                  <a:pt x="151016" y="75646"/>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60472" style="width:11.891pt;height:11.9057pt;position:absolute;mso-position-horizontal-relative:text;mso-position-horizontal:absolute;margin-left:43.6458pt;mso-position-vertical-relative:text;margin-top:-165.566pt;" coordsize="1510,1512">
                <v:shape id="Shape 3956" style="position:absolute;width:1510;height:1512;left:0;top:0;" coordsize="151016,151203" path="m75510,0c117205,0,151016,33867,151016,75646c151016,117335,117205,151203,75510,151203c33805,151203,0,117335,0,75646c0,33867,33805,0,75510,0x">
                  <v:stroke weight="0pt" endcap="round" joinstyle="round" on="false" color="#000000" opacity="0"/>
                  <v:fill on="true" color="#d9d9d9"/>
                </v:shape>
                <v:shape id="Shape 3957" style="position:absolute;width:1510;height:1512;left:0;top:0;" coordsize="151016,151203" path="m151016,75646c151016,33867,117205,0,75510,0c33805,0,0,33867,0,75646c0,117335,33805,151203,75510,151203c117205,151203,151016,117335,151016,75646x">
                  <v:stroke weight="0.503375pt" endcap="round" joinstyle="round" on="true" color="#000000"/>
                  <v:fill on="false" color="#000000" opacity="0"/>
                </v:shape>
                <w10:wrap type="square"/>
              </v:group>
            </w:pict>
          </mc:Fallback>
        </mc:AlternateContent>
      </w:r>
      <w:r>
        <w:t xml:space="preserve">Рис. 10. Обработка синхронного запроса </w:t>
      </w:r>
    </w:p>
    <w:p w:rsidR="0043064D" w:rsidRDefault="008B3C4B">
      <w:pPr>
        <w:spacing w:after="287"/>
        <w:ind w:left="-5" w:right="1"/>
      </w:pPr>
      <w:r>
        <w:t xml:space="preserve">Рассмотрим обслуживание прерывания и завершение ввода-вывода. </w:t>
      </w:r>
    </w:p>
    <w:p w:rsidR="0043064D" w:rsidRDefault="008B3C4B">
      <w:pPr>
        <w:pStyle w:val="4"/>
        <w:ind w:left="-5"/>
      </w:pPr>
      <w:r>
        <w:t>Обслуживание прерывания</w:t>
      </w:r>
      <w:r>
        <w:rPr>
          <w:rFonts w:ascii="Times New Roman" w:eastAsia="Times New Roman" w:hAnsi="Times New Roman" w:cs="Times New Roman"/>
        </w:rPr>
        <w:t xml:space="preserve"> </w:t>
      </w:r>
    </w:p>
    <w:p w:rsidR="0043064D" w:rsidRDefault="008B3C4B">
      <w:pPr>
        <w:spacing w:after="65"/>
        <w:ind w:left="-5" w:right="1"/>
      </w:pPr>
      <w:r>
        <w:t xml:space="preserve">Завершая передачу данных, устройство генерирует прерывание, после чего в дело вступают ядро </w:t>
      </w:r>
      <w:proofErr w:type="spellStart"/>
      <w:r>
        <w:t>Windows</w:t>
      </w:r>
      <w:proofErr w:type="spellEnd"/>
      <w:r>
        <w:t>, диспетчер ввода-вывода и драйвер устройства. На Рис. 11 показана пе</w:t>
      </w:r>
      <w:r>
        <w:t xml:space="preserve">рвая фаза этого процесса. </w:t>
      </w:r>
    </w:p>
    <w:p w:rsidR="0043064D" w:rsidRDefault="008B3C4B">
      <w:pPr>
        <w:spacing w:after="0" w:line="259" w:lineRule="auto"/>
        <w:ind w:left="1596" w:firstLine="0"/>
        <w:jc w:val="left"/>
      </w:pPr>
      <w:r>
        <w:rPr>
          <w:rFonts w:ascii="Calibri" w:eastAsia="Calibri" w:hAnsi="Calibri" w:cs="Calibri"/>
          <w:noProof/>
          <w:sz w:val="22"/>
        </w:rPr>
        <mc:AlternateContent>
          <mc:Choice Requires="wpg">
            <w:drawing>
              <wp:inline distT="0" distB="0" distL="0" distR="0">
                <wp:extent cx="3975529" cy="3271048"/>
                <wp:effectExtent l="0" t="0" r="0" b="0"/>
                <wp:docPr id="60474" name="Group 60474"/>
                <wp:cNvGraphicFramePr/>
                <a:graphic xmlns:a="http://schemas.openxmlformats.org/drawingml/2006/main">
                  <a:graphicData uri="http://schemas.microsoft.com/office/word/2010/wordprocessingGroup">
                    <wpg:wgp>
                      <wpg:cNvGrpSpPr/>
                      <wpg:grpSpPr>
                        <a:xfrm>
                          <a:off x="0" y="0"/>
                          <a:ext cx="3975529" cy="3271048"/>
                          <a:chOff x="0" y="0"/>
                          <a:chExt cx="3975529" cy="3271048"/>
                        </a:xfrm>
                      </wpg:grpSpPr>
                      <wps:wsp>
                        <wps:cNvPr id="4046" name="Shape 4046"/>
                        <wps:cNvSpPr/>
                        <wps:spPr>
                          <a:xfrm>
                            <a:off x="333775" y="135334"/>
                            <a:ext cx="861387" cy="322981"/>
                          </a:xfrm>
                          <a:custGeom>
                            <a:avLst/>
                            <a:gdLst/>
                            <a:ahLst/>
                            <a:cxnLst/>
                            <a:rect l="0" t="0" r="0" b="0"/>
                            <a:pathLst>
                              <a:path w="861387" h="322981">
                                <a:moveTo>
                                  <a:pt x="0" y="322981"/>
                                </a:moveTo>
                                <a:lnTo>
                                  <a:pt x="861387" y="322981"/>
                                </a:lnTo>
                                <a:lnTo>
                                  <a:pt x="861387"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4047" name="Rectangle 4047"/>
                        <wps:cNvSpPr/>
                        <wps:spPr>
                          <a:xfrm>
                            <a:off x="509373" y="203117"/>
                            <a:ext cx="678524"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wps:txbx>
                        <wps:bodyPr horzOverflow="overflow" vert="horz" lIns="0" tIns="0" rIns="0" bIns="0" rtlCol="0">
                          <a:noAutofit/>
                        </wps:bodyPr>
                      </wps:wsp>
                      <wps:wsp>
                        <wps:cNvPr id="4048" name="Rectangle 4048"/>
                        <wps:cNvSpPr/>
                        <wps:spPr>
                          <a:xfrm>
                            <a:off x="395514" y="312499"/>
                            <a:ext cx="981436"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изации</w:t>
                              </w:r>
                            </w:p>
                          </w:txbxContent>
                        </wps:txbx>
                        <wps:bodyPr horzOverflow="overflow" vert="horz" lIns="0" tIns="0" rIns="0" bIns="0" rtlCol="0">
                          <a:noAutofit/>
                        </wps:bodyPr>
                      </wps:wsp>
                      <wps:wsp>
                        <wps:cNvPr id="69421" name="Shape 69421"/>
                        <wps:cNvSpPr/>
                        <wps:spPr>
                          <a:xfrm>
                            <a:off x="1195125" y="135334"/>
                            <a:ext cx="710616" cy="322981"/>
                          </a:xfrm>
                          <a:custGeom>
                            <a:avLst/>
                            <a:gdLst/>
                            <a:ahLst/>
                            <a:cxnLst/>
                            <a:rect l="0" t="0" r="0" b="0"/>
                            <a:pathLst>
                              <a:path w="710616" h="322981">
                                <a:moveTo>
                                  <a:pt x="0" y="0"/>
                                </a:moveTo>
                                <a:lnTo>
                                  <a:pt x="710616" y="0"/>
                                </a:lnTo>
                                <a:lnTo>
                                  <a:pt x="710616" y="322981"/>
                                </a:lnTo>
                                <a:lnTo>
                                  <a:pt x="0" y="322981"/>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050" name="Shape 4050"/>
                        <wps:cNvSpPr/>
                        <wps:spPr>
                          <a:xfrm>
                            <a:off x="1195125" y="135334"/>
                            <a:ext cx="710616" cy="322981"/>
                          </a:xfrm>
                          <a:custGeom>
                            <a:avLst/>
                            <a:gdLst/>
                            <a:ahLst/>
                            <a:cxnLst/>
                            <a:rect l="0" t="0" r="0" b="0"/>
                            <a:pathLst>
                              <a:path w="710616" h="322981">
                                <a:moveTo>
                                  <a:pt x="0" y="322981"/>
                                </a:moveTo>
                                <a:lnTo>
                                  <a:pt x="710616" y="322981"/>
                                </a:lnTo>
                                <a:lnTo>
                                  <a:pt x="710616"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4051" name="Rectangle 4051"/>
                        <wps:cNvSpPr/>
                        <wps:spPr>
                          <a:xfrm>
                            <a:off x="1210318" y="203117"/>
                            <a:ext cx="924451"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нициализация </w:t>
                              </w:r>
                            </w:p>
                          </w:txbxContent>
                        </wps:txbx>
                        <wps:bodyPr horzOverflow="overflow" vert="horz" lIns="0" tIns="0" rIns="0" bIns="0" rtlCol="0">
                          <a:noAutofit/>
                        </wps:bodyPr>
                      </wps:wsp>
                      <wps:wsp>
                        <wps:cNvPr id="4052" name="Rectangle 4052"/>
                        <wps:cNvSpPr/>
                        <wps:spPr>
                          <a:xfrm>
                            <a:off x="1251036" y="312499"/>
                            <a:ext cx="334412"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4053" name="Rectangle 4053"/>
                        <wps:cNvSpPr/>
                        <wps:spPr>
                          <a:xfrm>
                            <a:off x="1502487" y="296367"/>
                            <a:ext cx="40376" cy="13517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054" name="Rectangle 4054"/>
                        <wps:cNvSpPr/>
                        <wps:spPr>
                          <a:xfrm>
                            <a:off x="1532874" y="312499"/>
                            <a:ext cx="421554"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69422" name="Shape 69422"/>
                        <wps:cNvSpPr/>
                        <wps:spPr>
                          <a:xfrm>
                            <a:off x="1905718" y="135334"/>
                            <a:ext cx="366076" cy="322981"/>
                          </a:xfrm>
                          <a:custGeom>
                            <a:avLst/>
                            <a:gdLst/>
                            <a:ahLst/>
                            <a:cxnLst/>
                            <a:rect l="0" t="0" r="0" b="0"/>
                            <a:pathLst>
                              <a:path w="366076" h="322981">
                                <a:moveTo>
                                  <a:pt x="0" y="0"/>
                                </a:moveTo>
                                <a:lnTo>
                                  <a:pt x="366076" y="0"/>
                                </a:lnTo>
                                <a:lnTo>
                                  <a:pt x="366076" y="322981"/>
                                </a:lnTo>
                                <a:lnTo>
                                  <a:pt x="0" y="322981"/>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056" name="Shape 4056"/>
                        <wps:cNvSpPr/>
                        <wps:spPr>
                          <a:xfrm>
                            <a:off x="1905718" y="135334"/>
                            <a:ext cx="366076" cy="322981"/>
                          </a:xfrm>
                          <a:custGeom>
                            <a:avLst/>
                            <a:gdLst/>
                            <a:ahLst/>
                            <a:cxnLst/>
                            <a:rect l="0" t="0" r="0" b="0"/>
                            <a:pathLst>
                              <a:path w="366076" h="322981">
                                <a:moveTo>
                                  <a:pt x="0" y="322981"/>
                                </a:moveTo>
                                <a:lnTo>
                                  <a:pt x="366076" y="322981"/>
                                </a:lnTo>
                                <a:lnTo>
                                  <a:pt x="366076"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4057" name="Rectangle 4057"/>
                        <wps:cNvSpPr/>
                        <wps:spPr>
                          <a:xfrm>
                            <a:off x="2012831" y="241676"/>
                            <a:ext cx="202117"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SR</w:t>
                              </w:r>
                            </w:p>
                          </w:txbxContent>
                        </wps:txbx>
                        <wps:bodyPr horzOverflow="overflow" vert="horz" lIns="0" tIns="0" rIns="0" bIns="0" rtlCol="0">
                          <a:noAutofit/>
                        </wps:bodyPr>
                      </wps:wsp>
                      <wps:wsp>
                        <wps:cNvPr id="4059" name="Shape 4059"/>
                        <wps:cNvSpPr/>
                        <wps:spPr>
                          <a:xfrm>
                            <a:off x="2271802" y="135334"/>
                            <a:ext cx="508734" cy="322981"/>
                          </a:xfrm>
                          <a:custGeom>
                            <a:avLst/>
                            <a:gdLst/>
                            <a:ahLst/>
                            <a:cxnLst/>
                            <a:rect l="0" t="0" r="0" b="0"/>
                            <a:pathLst>
                              <a:path w="508734" h="322981">
                                <a:moveTo>
                                  <a:pt x="0" y="322981"/>
                                </a:moveTo>
                                <a:lnTo>
                                  <a:pt x="508734" y="322981"/>
                                </a:lnTo>
                                <a:lnTo>
                                  <a:pt x="50873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4060" name="Rectangle 4060"/>
                        <wps:cNvSpPr/>
                        <wps:spPr>
                          <a:xfrm>
                            <a:off x="2414772" y="186985"/>
                            <a:ext cx="255988"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061" name="Rectangle 4061"/>
                        <wps:cNvSpPr/>
                        <wps:spPr>
                          <a:xfrm>
                            <a:off x="2607272" y="186985"/>
                            <a:ext cx="40376"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062" name="Rectangle 4062"/>
                        <wps:cNvSpPr/>
                        <wps:spPr>
                          <a:xfrm>
                            <a:off x="2291858" y="312499"/>
                            <a:ext cx="623363"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оцедуры</w:t>
                              </w:r>
                            </w:p>
                          </w:txbxContent>
                        </wps:txbx>
                        <wps:bodyPr horzOverflow="overflow" vert="horz" lIns="0" tIns="0" rIns="0" bIns="0" rtlCol="0">
                          <a:noAutofit/>
                        </wps:bodyPr>
                      </wps:wsp>
                      <wps:wsp>
                        <wps:cNvPr id="4063" name="Shape 4063"/>
                        <wps:cNvSpPr/>
                        <wps:spPr>
                          <a:xfrm>
                            <a:off x="290702" y="490599"/>
                            <a:ext cx="150741" cy="150704"/>
                          </a:xfrm>
                          <a:custGeom>
                            <a:avLst/>
                            <a:gdLst/>
                            <a:ahLst/>
                            <a:cxnLst/>
                            <a:rect l="0" t="0" r="0" b="0"/>
                            <a:pathLst>
                              <a:path w="150741" h="150704">
                                <a:moveTo>
                                  <a:pt x="75374" y="0"/>
                                </a:moveTo>
                                <a:cubicBezTo>
                                  <a:pt x="116996" y="0"/>
                                  <a:pt x="150741" y="33726"/>
                                  <a:pt x="150741" y="75352"/>
                                </a:cubicBezTo>
                                <a:cubicBezTo>
                                  <a:pt x="150741" y="116978"/>
                                  <a:pt x="116996" y="150704"/>
                                  <a:pt x="75374" y="150704"/>
                                </a:cubicBezTo>
                                <a:cubicBezTo>
                                  <a:pt x="33744" y="150704"/>
                                  <a:pt x="0" y="116978"/>
                                  <a:pt x="0" y="75352"/>
                                </a:cubicBezTo>
                                <a:cubicBezTo>
                                  <a:pt x="0" y="33726"/>
                                  <a:pt x="33744" y="0"/>
                                  <a:pt x="75374"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064" name="Shape 4064"/>
                        <wps:cNvSpPr/>
                        <wps:spPr>
                          <a:xfrm>
                            <a:off x="290702" y="490599"/>
                            <a:ext cx="150741" cy="150704"/>
                          </a:xfrm>
                          <a:custGeom>
                            <a:avLst/>
                            <a:gdLst/>
                            <a:ahLst/>
                            <a:cxnLst/>
                            <a:rect l="0" t="0" r="0" b="0"/>
                            <a:pathLst>
                              <a:path w="150741" h="150704">
                                <a:moveTo>
                                  <a:pt x="150741" y="75352"/>
                                </a:moveTo>
                                <a:cubicBezTo>
                                  <a:pt x="150741" y="33726"/>
                                  <a:pt x="116996" y="0"/>
                                  <a:pt x="75374" y="0"/>
                                </a:cubicBezTo>
                                <a:cubicBezTo>
                                  <a:pt x="33744" y="0"/>
                                  <a:pt x="0" y="33726"/>
                                  <a:pt x="0" y="75352"/>
                                </a:cubicBezTo>
                                <a:cubicBezTo>
                                  <a:pt x="0" y="116978"/>
                                  <a:pt x="33744" y="150704"/>
                                  <a:pt x="75374" y="150704"/>
                                </a:cubicBezTo>
                                <a:cubicBezTo>
                                  <a:pt x="116996" y="150704"/>
                                  <a:pt x="150741" y="116978"/>
                                  <a:pt x="150741" y="75352"/>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4065" name="Rectangle 4065"/>
                        <wps:cNvSpPr/>
                        <wps:spPr>
                          <a:xfrm>
                            <a:off x="340726" y="510802"/>
                            <a:ext cx="67431" cy="13517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w:t>
                              </w:r>
                            </w:p>
                          </w:txbxContent>
                        </wps:txbx>
                        <wps:bodyPr horzOverflow="overflow" vert="horz" lIns="0" tIns="0" rIns="0" bIns="0" rtlCol="0">
                          <a:noAutofit/>
                        </wps:bodyPr>
                      </wps:wsp>
                      <wps:wsp>
                        <wps:cNvPr id="4066" name="Rectangle 4066"/>
                        <wps:cNvSpPr/>
                        <wps:spPr>
                          <a:xfrm>
                            <a:off x="471830" y="498953"/>
                            <a:ext cx="235801"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SR </w:t>
                              </w:r>
                            </w:p>
                          </w:txbxContent>
                        </wps:txbx>
                        <wps:bodyPr horzOverflow="overflow" vert="horz" lIns="0" tIns="0" rIns="0" bIns="0" rtlCol="0">
                          <a:noAutofit/>
                        </wps:bodyPr>
                      </wps:wsp>
                      <wps:wsp>
                        <wps:cNvPr id="4067" name="Rectangle 4067"/>
                        <wps:cNvSpPr/>
                        <wps:spPr>
                          <a:xfrm>
                            <a:off x="649151" y="515084"/>
                            <a:ext cx="1635810"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ерехватывает прерывание </w:t>
                              </w:r>
                            </w:p>
                          </w:txbxContent>
                        </wps:txbx>
                        <wps:bodyPr horzOverflow="overflow" vert="horz" lIns="0" tIns="0" rIns="0" bIns="0" rtlCol="0">
                          <a:noAutofit/>
                        </wps:bodyPr>
                      </wps:wsp>
                      <wps:wsp>
                        <wps:cNvPr id="4068" name="Rectangle 4068"/>
                        <wps:cNvSpPr/>
                        <wps:spPr>
                          <a:xfrm>
                            <a:off x="471830" y="624467"/>
                            <a:ext cx="1526840"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т устройства и помещает </w:t>
                              </w:r>
                            </w:p>
                          </w:txbxContent>
                        </wps:txbx>
                        <wps:bodyPr horzOverflow="overflow" vert="horz" lIns="0" tIns="0" rIns="0" bIns="0" rtlCol="0">
                          <a:noAutofit/>
                        </wps:bodyPr>
                      </wps:wsp>
                      <wps:wsp>
                        <wps:cNvPr id="4069" name="Rectangle 4069"/>
                        <wps:cNvSpPr/>
                        <wps:spPr>
                          <a:xfrm>
                            <a:off x="1619779" y="608335"/>
                            <a:ext cx="289671"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DPC </w:t>
                              </w:r>
                            </w:p>
                          </w:txbxContent>
                        </wps:txbx>
                        <wps:bodyPr horzOverflow="overflow" vert="horz" lIns="0" tIns="0" rIns="0" bIns="0" rtlCol="0">
                          <a:noAutofit/>
                        </wps:bodyPr>
                      </wps:wsp>
                      <wps:wsp>
                        <wps:cNvPr id="4070" name="Rectangle 4070"/>
                        <wps:cNvSpPr/>
                        <wps:spPr>
                          <a:xfrm>
                            <a:off x="471830" y="733849"/>
                            <a:ext cx="564903" cy="1139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 очередь</w:t>
                              </w:r>
                            </w:p>
                          </w:txbxContent>
                        </wps:txbx>
                        <wps:bodyPr horzOverflow="overflow" vert="horz" lIns="0" tIns="0" rIns="0" bIns="0" rtlCol="0">
                          <a:noAutofit/>
                        </wps:bodyPr>
                      </wps:wsp>
                      <wps:wsp>
                        <wps:cNvPr id="4071" name="Shape 4071"/>
                        <wps:cNvSpPr/>
                        <wps:spPr>
                          <a:xfrm>
                            <a:off x="1968315" y="458315"/>
                            <a:ext cx="120483" cy="404715"/>
                          </a:xfrm>
                          <a:custGeom>
                            <a:avLst/>
                            <a:gdLst/>
                            <a:ahLst/>
                            <a:cxnLst/>
                            <a:rect l="0" t="0" r="0" b="0"/>
                            <a:pathLst>
                              <a:path w="120483" h="404715">
                                <a:moveTo>
                                  <a:pt x="120483" y="0"/>
                                </a:moveTo>
                                <a:cubicBezTo>
                                  <a:pt x="120483" y="181088"/>
                                  <a:pt x="72320" y="342883"/>
                                  <a:pt x="0" y="404715"/>
                                </a:cubicBezTo>
                              </a:path>
                            </a:pathLst>
                          </a:custGeom>
                          <a:ln w="5469" cap="rnd">
                            <a:round/>
                          </a:ln>
                        </wps:spPr>
                        <wps:style>
                          <a:lnRef idx="1">
                            <a:srgbClr val="000000"/>
                          </a:lnRef>
                          <a:fillRef idx="0">
                            <a:srgbClr val="000000">
                              <a:alpha val="0"/>
                            </a:srgbClr>
                          </a:fillRef>
                          <a:effectRef idx="0">
                            <a:scrgbClr r="0" g="0" b="0"/>
                          </a:effectRef>
                          <a:fontRef idx="none"/>
                        </wps:style>
                        <wps:bodyPr/>
                      </wps:wsp>
                      <wps:wsp>
                        <wps:cNvPr id="4072" name="Shape 4072"/>
                        <wps:cNvSpPr/>
                        <wps:spPr>
                          <a:xfrm>
                            <a:off x="1905718" y="837963"/>
                            <a:ext cx="77638" cy="50970"/>
                          </a:xfrm>
                          <a:custGeom>
                            <a:avLst/>
                            <a:gdLst/>
                            <a:ahLst/>
                            <a:cxnLst/>
                            <a:rect l="0" t="0" r="0" b="0"/>
                            <a:pathLst>
                              <a:path w="77638" h="50970">
                                <a:moveTo>
                                  <a:pt x="58798" y="0"/>
                                </a:moveTo>
                                <a:lnTo>
                                  <a:pt x="77638" y="45424"/>
                                </a:lnTo>
                                <a:lnTo>
                                  <a:pt x="0" y="50970"/>
                                </a:lnTo>
                                <a:lnTo>
                                  <a:pt x="58798"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073" name="Shape 4073"/>
                        <wps:cNvSpPr/>
                        <wps:spPr>
                          <a:xfrm>
                            <a:off x="1571996" y="813580"/>
                            <a:ext cx="333722" cy="150705"/>
                          </a:xfrm>
                          <a:custGeom>
                            <a:avLst/>
                            <a:gdLst/>
                            <a:ahLst/>
                            <a:cxnLst/>
                            <a:rect l="0" t="0" r="0" b="0"/>
                            <a:pathLst>
                              <a:path w="333722" h="150705">
                                <a:moveTo>
                                  <a:pt x="75359" y="0"/>
                                </a:moveTo>
                                <a:lnTo>
                                  <a:pt x="258363" y="0"/>
                                </a:lnTo>
                                <a:cubicBezTo>
                                  <a:pt x="299993" y="0"/>
                                  <a:pt x="333722" y="33727"/>
                                  <a:pt x="333722" y="75353"/>
                                </a:cubicBezTo>
                                <a:cubicBezTo>
                                  <a:pt x="333722" y="116978"/>
                                  <a:pt x="299993" y="150705"/>
                                  <a:pt x="258363" y="150705"/>
                                </a:cubicBezTo>
                                <a:lnTo>
                                  <a:pt x="75359" y="150705"/>
                                </a:lnTo>
                                <a:cubicBezTo>
                                  <a:pt x="33730" y="150705"/>
                                  <a:pt x="0" y="116978"/>
                                  <a:pt x="0" y="75353"/>
                                </a:cubicBezTo>
                                <a:cubicBezTo>
                                  <a:pt x="0" y="33727"/>
                                  <a:pt x="33730" y="0"/>
                                  <a:pt x="75359"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074" name="Shape 4074"/>
                        <wps:cNvSpPr/>
                        <wps:spPr>
                          <a:xfrm>
                            <a:off x="1571996" y="813580"/>
                            <a:ext cx="333722" cy="150705"/>
                          </a:xfrm>
                          <a:custGeom>
                            <a:avLst/>
                            <a:gdLst/>
                            <a:ahLst/>
                            <a:cxnLst/>
                            <a:rect l="0" t="0" r="0" b="0"/>
                            <a:pathLst>
                              <a:path w="333722" h="150705">
                                <a:moveTo>
                                  <a:pt x="75359" y="150705"/>
                                </a:moveTo>
                                <a:lnTo>
                                  <a:pt x="258363" y="150705"/>
                                </a:lnTo>
                                <a:cubicBezTo>
                                  <a:pt x="299993" y="150705"/>
                                  <a:pt x="333722" y="116978"/>
                                  <a:pt x="333722" y="75353"/>
                                </a:cubicBezTo>
                                <a:cubicBezTo>
                                  <a:pt x="333722" y="75353"/>
                                  <a:pt x="333722" y="75353"/>
                                  <a:pt x="333722" y="75353"/>
                                </a:cubicBezTo>
                                <a:cubicBezTo>
                                  <a:pt x="333722" y="33727"/>
                                  <a:pt x="299993" y="0"/>
                                  <a:pt x="258363" y="0"/>
                                </a:cubicBezTo>
                                <a:lnTo>
                                  <a:pt x="75359" y="0"/>
                                </a:lnTo>
                                <a:cubicBezTo>
                                  <a:pt x="33730" y="0"/>
                                  <a:pt x="0" y="33727"/>
                                  <a:pt x="0" y="75353"/>
                                </a:cubicBezTo>
                                <a:cubicBezTo>
                                  <a:pt x="0" y="116978"/>
                                  <a:pt x="33730" y="150705"/>
                                  <a:pt x="75359" y="150705"/>
                                </a:cubicBez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4075" name="Rectangle 4075"/>
                        <wps:cNvSpPr/>
                        <wps:spPr>
                          <a:xfrm>
                            <a:off x="1642645" y="833783"/>
                            <a:ext cx="255988"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076" name="Shape 4076"/>
                        <wps:cNvSpPr/>
                        <wps:spPr>
                          <a:xfrm>
                            <a:off x="705215" y="1061209"/>
                            <a:ext cx="333798" cy="150705"/>
                          </a:xfrm>
                          <a:custGeom>
                            <a:avLst/>
                            <a:gdLst/>
                            <a:ahLst/>
                            <a:cxnLst/>
                            <a:rect l="0" t="0" r="0" b="0"/>
                            <a:pathLst>
                              <a:path w="333798" h="150705">
                                <a:moveTo>
                                  <a:pt x="75359" y="0"/>
                                </a:moveTo>
                                <a:lnTo>
                                  <a:pt x="258439" y="0"/>
                                </a:lnTo>
                                <a:cubicBezTo>
                                  <a:pt x="300069" y="0"/>
                                  <a:pt x="333798" y="33727"/>
                                  <a:pt x="333798" y="75353"/>
                                </a:cubicBezTo>
                                <a:cubicBezTo>
                                  <a:pt x="333798" y="116979"/>
                                  <a:pt x="300069" y="150705"/>
                                  <a:pt x="258439" y="150705"/>
                                </a:cubicBezTo>
                                <a:lnTo>
                                  <a:pt x="75359" y="150705"/>
                                </a:lnTo>
                                <a:cubicBezTo>
                                  <a:pt x="33729" y="150705"/>
                                  <a:pt x="0" y="116979"/>
                                  <a:pt x="0" y="75353"/>
                                </a:cubicBezTo>
                                <a:cubicBezTo>
                                  <a:pt x="0" y="33727"/>
                                  <a:pt x="33729" y="0"/>
                                  <a:pt x="75359"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077" name="Shape 4077"/>
                        <wps:cNvSpPr/>
                        <wps:spPr>
                          <a:xfrm>
                            <a:off x="705215" y="1061209"/>
                            <a:ext cx="333798" cy="150705"/>
                          </a:xfrm>
                          <a:custGeom>
                            <a:avLst/>
                            <a:gdLst/>
                            <a:ahLst/>
                            <a:cxnLst/>
                            <a:rect l="0" t="0" r="0" b="0"/>
                            <a:pathLst>
                              <a:path w="333798" h="150705">
                                <a:moveTo>
                                  <a:pt x="75359" y="150705"/>
                                </a:moveTo>
                                <a:lnTo>
                                  <a:pt x="258439" y="150705"/>
                                </a:lnTo>
                                <a:cubicBezTo>
                                  <a:pt x="300069" y="150705"/>
                                  <a:pt x="333798" y="116979"/>
                                  <a:pt x="333798" y="75353"/>
                                </a:cubicBezTo>
                                <a:cubicBezTo>
                                  <a:pt x="333798" y="75353"/>
                                  <a:pt x="333798" y="75353"/>
                                  <a:pt x="333798" y="75353"/>
                                </a:cubicBezTo>
                                <a:cubicBezTo>
                                  <a:pt x="333798" y="33727"/>
                                  <a:pt x="300069" y="0"/>
                                  <a:pt x="258439" y="0"/>
                                </a:cubicBezTo>
                                <a:lnTo>
                                  <a:pt x="258439" y="0"/>
                                </a:lnTo>
                                <a:lnTo>
                                  <a:pt x="75359" y="0"/>
                                </a:lnTo>
                                <a:cubicBezTo>
                                  <a:pt x="33729" y="0"/>
                                  <a:pt x="0" y="33727"/>
                                  <a:pt x="0" y="75353"/>
                                </a:cubicBezTo>
                                <a:cubicBezTo>
                                  <a:pt x="0" y="116979"/>
                                  <a:pt x="33729" y="150705"/>
                                  <a:pt x="75359" y="150705"/>
                                </a:cubicBez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4078" name="Rectangle 4078"/>
                        <wps:cNvSpPr/>
                        <wps:spPr>
                          <a:xfrm>
                            <a:off x="775864" y="1081413"/>
                            <a:ext cx="255988"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079" name="Shape 4079"/>
                        <wps:cNvSpPr/>
                        <wps:spPr>
                          <a:xfrm>
                            <a:off x="0" y="1061209"/>
                            <a:ext cx="333775" cy="150705"/>
                          </a:xfrm>
                          <a:custGeom>
                            <a:avLst/>
                            <a:gdLst/>
                            <a:ahLst/>
                            <a:cxnLst/>
                            <a:rect l="0" t="0" r="0" b="0"/>
                            <a:pathLst>
                              <a:path w="333775" h="150705">
                                <a:moveTo>
                                  <a:pt x="75367" y="0"/>
                                </a:moveTo>
                                <a:lnTo>
                                  <a:pt x="258401" y="0"/>
                                </a:lnTo>
                                <a:cubicBezTo>
                                  <a:pt x="300031" y="0"/>
                                  <a:pt x="333775" y="33727"/>
                                  <a:pt x="333775" y="75353"/>
                                </a:cubicBezTo>
                                <a:cubicBezTo>
                                  <a:pt x="333775" y="116979"/>
                                  <a:pt x="300031" y="150705"/>
                                  <a:pt x="258401" y="150705"/>
                                </a:cubicBezTo>
                                <a:lnTo>
                                  <a:pt x="75367" y="150705"/>
                                </a:lnTo>
                                <a:cubicBezTo>
                                  <a:pt x="33744" y="150705"/>
                                  <a:pt x="0" y="116979"/>
                                  <a:pt x="0" y="75353"/>
                                </a:cubicBezTo>
                                <a:cubicBezTo>
                                  <a:pt x="0" y="33727"/>
                                  <a:pt x="33744" y="0"/>
                                  <a:pt x="7536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080" name="Shape 4080"/>
                        <wps:cNvSpPr/>
                        <wps:spPr>
                          <a:xfrm>
                            <a:off x="0" y="1061209"/>
                            <a:ext cx="333775" cy="150705"/>
                          </a:xfrm>
                          <a:custGeom>
                            <a:avLst/>
                            <a:gdLst/>
                            <a:ahLst/>
                            <a:cxnLst/>
                            <a:rect l="0" t="0" r="0" b="0"/>
                            <a:pathLst>
                              <a:path w="333775" h="150705">
                                <a:moveTo>
                                  <a:pt x="75367" y="150705"/>
                                </a:moveTo>
                                <a:lnTo>
                                  <a:pt x="258401" y="150705"/>
                                </a:lnTo>
                                <a:cubicBezTo>
                                  <a:pt x="300031" y="150705"/>
                                  <a:pt x="333775" y="116979"/>
                                  <a:pt x="333775" y="75353"/>
                                </a:cubicBezTo>
                                <a:cubicBezTo>
                                  <a:pt x="333775" y="75353"/>
                                  <a:pt x="333775" y="75353"/>
                                  <a:pt x="333775" y="75353"/>
                                </a:cubicBezTo>
                                <a:cubicBezTo>
                                  <a:pt x="333775" y="33727"/>
                                  <a:pt x="300031" y="0"/>
                                  <a:pt x="258401" y="0"/>
                                </a:cubicBezTo>
                                <a:lnTo>
                                  <a:pt x="258401" y="0"/>
                                </a:lnTo>
                                <a:lnTo>
                                  <a:pt x="75367" y="0"/>
                                </a:lnTo>
                                <a:cubicBezTo>
                                  <a:pt x="33744" y="0"/>
                                  <a:pt x="0" y="33727"/>
                                  <a:pt x="0" y="75353"/>
                                </a:cubicBezTo>
                                <a:cubicBezTo>
                                  <a:pt x="0" y="116979"/>
                                  <a:pt x="33744" y="150705"/>
                                  <a:pt x="75367" y="150705"/>
                                </a:cubicBez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4081" name="Rectangle 4081"/>
                        <wps:cNvSpPr/>
                        <wps:spPr>
                          <a:xfrm>
                            <a:off x="70649" y="1081413"/>
                            <a:ext cx="255988"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082" name="Shape 4082"/>
                        <wps:cNvSpPr/>
                        <wps:spPr>
                          <a:xfrm>
                            <a:off x="401462" y="1136562"/>
                            <a:ext cx="303753" cy="0"/>
                          </a:xfrm>
                          <a:custGeom>
                            <a:avLst/>
                            <a:gdLst/>
                            <a:ahLst/>
                            <a:cxnLst/>
                            <a:rect l="0" t="0" r="0" b="0"/>
                            <a:pathLst>
                              <a:path w="303753">
                                <a:moveTo>
                                  <a:pt x="303753" y="0"/>
                                </a:moveTo>
                                <a:lnTo>
                                  <a:pt x="0" y="0"/>
                                </a:lnTo>
                              </a:path>
                            </a:pathLst>
                          </a:custGeom>
                          <a:ln w="5469" cap="rnd">
                            <a:custDash>
                              <a:ds d="301447" sp="215319"/>
                            </a:custDash>
                            <a:round/>
                          </a:ln>
                        </wps:spPr>
                        <wps:style>
                          <a:lnRef idx="1">
                            <a:srgbClr val="000000"/>
                          </a:lnRef>
                          <a:fillRef idx="0">
                            <a:srgbClr val="000000">
                              <a:alpha val="0"/>
                            </a:srgbClr>
                          </a:fillRef>
                          <a:effectRef idx="0">
                            <a:scrgbClr r="0" g="0" b="0"/>
                          </a:effectRef>
                          <a:fontRef idx="none"/>
                        </wps:style>
                        <wps:bodyPr/>
                      </wps:wsp>
                      <wps:wsp>
                        <wps:cNvPr id="4083" name="Shape 4083"/>
                        <wps:cNvSpPr/>
                        <wps:spPr>
                          <a:xfrm>
                            <a:off x="333775" y="1111951"/>
                            <a:ext cx="73840" cy="49222"/>
                          </a:xfrm>
                          <a:custGeom>
                            <a:avLst/>
                            <a:gdLst/>
                            <a:ahLst/>
                            <a:cxnLst/>
                            <a:rect l="0" t="0" r="0" b="0"/>
                            <a:pathLst>
                              <a:path w="73840" h="49222">
                                <a:moveTo>
                                  <a:pt x="73840" y="0"/>
                                </a:moveTo>
                                <a:lnTo>
                                  <a:pt x="73840" y="49222"/>
                                </a:lnTo>
                                <a:lnTo>
                                  <a:pt x="0" y="24611"/>
                                </a:lnTo>
                                <a:lnTo>
                                  <a:pt x="7384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084" name="Shape 4084"/>
                        <wps:cNvSpPr/>
                        <wps:spPr>
                          <a:xfrm>
                            <a:off x="1106700" y="964285"/>
                            <a:ext cx="632196" cy="171441"/>
                          </a:xfrm>
                          <a:custGeom>
                            <a:avLst/>
                            <a:gdLst/>
                            <a:ahLst/>
                            <a:cxnLst/>
                            <a:rect l="0" t="0" r="0" b="0"/>
                            <a:pathLst>
                              <a:path w="632196" h="171441">
                                <a:moveTo>
                                  <a:pt x="632196" y="0"/>
                                </a:moveTo>
                                <a:cubicBezTo>
                                  <a:pt x="632196" y="88721"/>
                                  <a:pt x="358639" y="162858"/>
                                  <a:pt x="0" y="171441"/>
                                </a:cubicBezTo>
                              </a:path>
                            </a:pathLst>
                          </a:custGeom>
                          <a:ln w="5469" cap="rnd">
                            <a:custDash>
                              <a:ds d="301447" sp="215319"/>
                            </a:custDash>
                            <a:round/>
                          </a:ln>
                        </wps:spPr>
                        <wps:style>
                          <a:lnRef idx="1">
                            <a:srgbClr val="000000"/>
                          </a:lnRef>
                          <a:fillRef idx="0">
                            <a:srgbClr val="000000">
                              <a:alpha val="0"/>
                            </a:srgbClr>
                          </a:fillRef>
                          <a:effectRef idx="0">
                            <a:scrgbClr r="0" g="0" b="0"/>
                          </a:effectRef>
                          <a:fontRef idx="none"/>
                        </wps:style>
                        <wps:bodyPr/>
                      </wps:wsp>
                      <wps:wsp>
                        <wps:cNvPr id="4085" name="Shape 4085"/>
                        <wps:cNvSpPr/>
                        <wps:spPr>
                          <a:xfrm>
                            <a:off x="1039013" y="1111039"/>
                            <a:ext cx="74144" cy="49222"/>
                          </a:xfrm>
                          <a:custGeom>
                            <a:avLst/>
                            <a:gdLst/>
                            <a:ahLst/>
                            <a:cxnLst/>
                            <a:rect l="0" t="0" r="0" b="0"/>
                            <a:pathLst>
                              <a:path w="74144" h="49222">
                                <a:moveTo>
                                  <a:pt x="73536" y="0"/>
                                </a:moveTo>
                                <a:lnTo>
                                  <a:pt x="74144" y="49222"/>
                                </a:lnTo>
                                <a:lnTo>
                                  <a:pt x="0" y="25522"/>
                                </a:lnTo>
                                <a:lnTo>
                                  <a:pt x="7353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086" name="Rectangle 4086"/>
                        <wps:cNvSpPr/>
                        <wps:spPr>
                          <a:xfrm>
                            <a:off x="233089" y="1302104"/>
                            <a:ext cx="527388"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чередь </w:t>
                              </w:r>
                            </w:p>
                          </w:txbxContent>
                        </wps:txbx>
                        <wps:bodyPr horzOverflow="overflow" vert="horz" lIns="0" tIns="0" rIns="0" bIns="0" rtlCol="0">
                          <a:noAutofit/>
                        </wps:bodyPr>
                      </wps:wsp>
                      <wps:wsp>
                        <wps:cNvPr id="4087" name="Rectangle 4087"/>
                        <wps:cNvSpPr/>
                        <wps:spPr>
                          <a:xfrm>
                            <a:off x="629605" y="1285973"/>
                            <a:ext cx="255988"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088" name="Shape 4088"/>
                        <wps:cNvSpPr/>
                        <wps:spPr>
                          <a:xfrm>
                            <a:off x="2056512" y="1276480"/>
                            <a:ext cx="150718" cy="150781"/>
                          </a:xfrm>
                          <a:custGeom>
                            <a:avLst/>
                            <a:gdLst/>
                            <a:ahLst/>
                            <a:cxnLst/>
                            <a:rect l="0" t="0" r="0" b="0"/>
                            <a:pathLst>
                              <a:path w="150718" h="150781">
                                <a:moveTo>
                                  <a:pt x="75359" y="0"/>
                                </a:moveTo>
                                <a:cubicBezTo>
                                  <a:pt x="116989" y="0"/>
                                  <a:pt x="150718" y="33803"/>
                                  <a:pt x="150718" y="75428"/>
                                </a:cubicBezTo>
                                <a:cubicBezTo>
                                  <a:pt x="150718" y="117055"/>
                                  <a:pt x="116989" y="150781"/>
                                  <a:pt x="75359" y="150781"/>
                                </a:cubicBezTo>
                                <a:cubicBezTo>
                                  <a:pt x="33730" y="150781"/>
                                  <a:pt x="0" y="117055"/>
                                  <a:pt x="0" y="75428"/>
                                </a:cubicBezTo>
                                <a:cubicBezTo>
                                  <a:pt x="0" y="33803"/>
                                  <a:pt x="33730" y="0"/>
                                  <a:pt x="75359"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089" name="Shape 4089"/>
                        <wps:cNvSpPr/>
                        <wps:spPr>
                          <a:xfrm>
                            <a:off x="2056512" y="1276480"/>
                            <a:ext cx="150718" cy="150781"/>
                          </a:xfrm>
                          <a:custGeom>
                            <a:avLst/>
                            <a:gdLst/>
                            <a:ahLst/>
                            <a:cxnLst/>
                            <a:rect l="0" t="0" r="0" b="0"/>
                            <a:pathLst>
                              <a:path w="150718" h="150781">
                                <a:moveTo>
                                  <a:pt x="150718" y="75428"/>
                                </a:moveTo>
                                <a:cubicBezTo>
                                  <a:pt x="150718" y="33803"/>
                                  <a:pt x="116989" y="0"/>
                                  <a:pt x="75359" y="0"/>
                                </a:cubicBezTo>
                                <a:cubicBezTo>
                                  <a:pt x="33730" y="0"/>
                                  <a:pt x="0" y="33803"/>
                                  <a:pt x="0" y="75428"/>
                                </a:cubicBezTo>
                                <a:cubicBezTo>
                                  <a:pt x="0" y="117055"/>
                                  <a:pt x="33730" y="150781"/>
                                  <a:pt x="75359" y="150781"/>
                                </a:cubicBezTo>
                                <a:cubicBezTo>
                                  <a:pt x="116989" y="150781"/>
                                  <a:pt x="150718" y="117055"/>
                                  <a:pt x="150718" y="75428"/>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4090" name="Rectangle 4090"/>
                        <wps:cNvSpPr/>
                        <wps:spPr>
                          <a:xfrm>
                            <a:off x="2106499" y="1296760"/>
                            <a:ext cx="67431"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4091" name="Rectangle 4091"/>
                        <wps:cNvSpPr/>
                        <wps:spPr>
                          <a:xfrm>
                            <a:off x="2259116" y="1190975"/>
                            <a:ext cx="1320186"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 прерываний</w:t>
                              </w:r>
                            </w:p>
                          </w:txbxContent>
                        </wps:txbx>
                        <wps:bodyPr horzOverflow="overflow" vert="horz" lIns="0" tIns="0" rIns="0" bIns="0" rtlCol="0">
                          <a:noAutofit/>
                        </wps:bodyPr>
                      </wps:wsp>
                      <wps:wsp>
                        <wps:cNvPr id="4092" name="Rectangle 4092"/>
                        <wps:cNvSpPr/>
                        <wps:spPr>
                          <a:xfrm>
                            <a:off x="3251698" y="1174844"/>
                            <a:ext cx="67372"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093" name="Rectangle 4093"/>
                        <wps:cNvSpPr/>
                        <wps:spPr>
                          <a:xfrm>
                            <a:off x="2259116" y="1300358"/>
                            <a:ext cx="1226009"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инадлежащий ядру</w:t>
                              </w:r>
                            </w:p>
                          </w:txbxContent>
                        </wps:txbx>
                        <wps:bodyPr horzOverflow="overflow" vert="horz" lIns="0" tIns="0" rIns="0" bIns="0" rtlCol="0">
                          <a:noAutofit/>
                        </wps:bodyPr>
                      </wps:wsp>
                      <wps:wsp>
                        <wps:cNvPr id="4094" name="Rectangle 4094"/>
                        <wps:cNvSpPr/>
                        <wps:spPr>
                          <a:xfrm>
                            <a:off x="3180973" y="1284226"/>
                            <a:ext cx="67372"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095" name="Rectangle 4095"/>
                        <wps:cNvSpPr/>
                        <wps:spPr>
                          <a:xfrm>
                            <a:off x="3231643" y="1300358"/>
                            <a:ext cx="495359"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едает </w:t>
                              </w:r>
                            </w:p>
                          </w:txbxContent>
                        </wps:txbx>
                        <wps:bodyPr horzOverflow="overflow" vert="horz" lIns="0" tIns="0" rIns="0" bIns="0" rtlCol="0">
                          <a:noAutofit/>
                        </wps:bodyPr>
                      </wps:wsp>
                      <wps:wsp>
                        <wps:cNvPr id="4096" name="Rectangle 4096"/>
                        <wps:cNvSpPr/>
                        <wps:spPr>
                          <a:xfrm>
                            <a:off x="2259116" y="1409740"/>
                            <a:ext cx="2180415"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управление процедуре обслуживания </w:t>
                              </w:r>
                            </w:p>
                          </w:txbxContent>
                        </wps:txbx>
                        <wps:bodyPr horzOverflow="overflow" vert="horz" lIns="0" tIns="0" rIns="0" bIns="0" rtlCol="0">
                          <a:noAutofit/>
                        </wps:bodyPr>
                      </wps:wsp>
                      <wps:wsp>
                        <wps:cNvPr id="4097" name="Rectangle 4097"/>
                        <wps:cNvSpPr/>
                        <wps:spPr>
                          <a:xfrm>
                            <a:off x="2259116" y="1519122"/>
                            <a:ext cx="687327"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ерывания</w:t>
                              </w:r>
                            </w:p>
                          </w:txbxContent>
                        </wps:txbx>
                        <wps:bodyPr horzOverflow="overflow" vert="horz" lIns="0" tIns="0" rIns="0" bIns="0" rtlCol="0">
                          <a:noAutofit/>
                        </wps:bodyPr>
                      </wps:wsp>
                      <wps:wsp>
                        <wps:cNvPr id="4098" name="Rectangle 4098"/>
                        <wps:cNvSpPr/>
                        <wps:spPr>
                          <a:xfrm>
                            <a:off x="2775918" y="1502990"/>
                            <a:ext cx="67372"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099" name="Rectangle 4099"/>
                        <wps:cNvSpPr/>
                        <wps:spPr>
                          <a:xfrm>
                            <a:off x="2826512" y="1519122"/>
                            <a:ext cx="1528193"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инадлежащей драйверу </w:t>
                              </w:r>
                            </w:p>
                          </w:txbxContent>
                        </wps:txbx>
                        <wps:bodyPr horzOverflow="overflow" vert="horz" lIns="0" tIns="0" rIns="0" bIns="0" rtlCol="0">
                          <a:noAutofit/>
                        </wps:bodyPr>
                      </wps:wsp>
                      <wps:wsp>
                        <wps:cNvPr id="4100" name="Rectangle 4100"/>
                        <wps:cNvSpPr/>
                        <wps:spPr>
                          <a:xfrm>
                            <a:off x="2259116" y="1628505"/>
                            <a:ext cx="762128"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устройства    </w:t>
                              </w:r>
                            </w:p>
                          </w:txbxContent>
                        </wps:txbx>
                        <wps:bodyPr horzOverflow="overflow" vert="horz" lIns="0" tIns="0" rIns="0" bIns="0" rtlCol="0">
                          <a:noAutofit/>
                        </wps:bodyPr>
                      </wps:wsp>
                      <wps:wsp>
                        <wps:cNvPr id="4101" name="Shape 4101"/>
                        <wps:cNvSpPr/>
                        <wps:spPr>
                          <a:xfrm>
                            <a:off x="2229945" y="474115"/>
                            <a:ext cx="257223" cy="737798"/>
                          </a:xfrm>
                          <a:custGeom>
                            <a:avLst/>
                            <a:gdLst/>
                            <a:ahLst/>
                            <a:cxnLst/>
                            <a:rect l="0" t="0" r="0" b="0"/>
                            <a:pathLst>
                              <a:path w="257223" h="737798">
                                <a:moveTo>
                                  <a:pt x="257223" y="737798"/>
                                </a:moveTo>
                                <a:cubicBezTo>
                                  <a:pt x="257223" y="380787"/>
                                  <a:pt x="149807" y="72770"/>
                                  <a:pt x="0" y="0"/>
                                </a:cubicBezTo>
                              </a:path>
                            </a:pathLst>
                          </a:custGeom>
                          <a:ln w="5469" cap="rnd">
                            <a:round/>
                          </a:ln>
                        </wps:spPr>
                        <wps:style>
                          <a:lnRef idx="1">
                            <a:srgbClr val="000000"/>
                          </a:lnRef>
                          <a:fillRef idx="0">
                            <a:srgbClr val="000000">
                              <a:alpha val="0"/>
                            </a:srgbClr>
                          </a:fillRef>
                          <a:effectRef idx="0">
                            <a:scrgbClr r="0" g="0" b="0"/>
                          </a:effectRef>
                          <a:fontRef idx="none"/>
                        </wps:style>
                        <wps:bodyPr/>
                      </wps:wsp>
                      <wps:wsp>
                        <wps:cNvPr id="4102" name="Shape 4102"/>
                        <wps:cNvSpPr/>
                        <wps:spPr>
                          <a:xfrm>
                            <a:off x="2164158" y="451631"/>
                            <a:ext cx="77562" cy="47855"/>
                          </a:xfrm>
                          <a:custGeom>
                            <a:avLst/>
                            <a:gdLst/>
                            <a:ahLst/>
                            <a:cxnLst/>
                            <a:rect l="0" t="0" r="0" b="0"/>
                            <a:pathLst>
                              <a:path w="77562" h="47855">
                                <a:moveTo>
                                  <a:pt x="77562" y="0"/>
                                </a:moveTo>
                                <a:lnTo>
                                  <a:pt x="66015" y="47855"/>
                                </a:lnTo>
                                <a:lnTo>
                                  <a:pt x="0" y="6685"/>
                                </a:lnTo>
                                <a:lnTo>
                                  <a:pt x="7756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04" name="Shape 4104"/>
                        <wps:cNvSpPr/>
                        <wps:spPr>
                          <a:xfrm>
                            <a:off x="1625781" y="1965565"/>
                            <a:ext cx="646014" cy="107658"/>
                          </a:xfrm>
                          <a:custGeom>
                            <a:avLst/>
                            <a:gdLst/>
                            <a:ahLst/>
                            <a:cxnLst/>
                            <a:rect l="0" t="0" r="0" b="0"/>
                            <a:pathLst>
                              <a:path w="646014" h="107658">
                                <a:moveTo>
                                  <a:pt x="0" y="107658"/>
                                </a:moveTo>
                                <a:lnTo>
                                  <a:pt x="646014" y="107658"/>
                                </a:lnTo>
                                <a:lnTo>
                                  <a:pt x="64601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69423" name="Shape 69423"/>
                        <wps:cNvSpPr/>
                        <wps:spPr>
                          <a:xfrm>
                            <a:off x="1625781" y="2073223"/>
                            <a:ext cx="646014" cy="322982"/>
                          </a:xfrm>
                          <a:custGeom>
                            <a:avLst/>
                            <a:gdLst/>
                            <a:ahLst/>
                            <a:cxnLst/>
                            <a:rect l="0" t="0" r="0" b="0"/>
                            <a:pathLst>
                              <a:path w="646014" h="322982">
                                <a:moveTo>
                                  <a:pt x="0" y="0"/>
                                </a:moveTo>
                                <a:lnTo>
                                  <a:pt x="646014" y="0"/>
                                </a:lnTo>
                                <a:lnTo>
                                  <a:pt x="646014" y="322982"/>
                                </a:lnTo>
                                <a:lnTo>
                                  <a:pt x="0" y="322982"/>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106" name="Shape 4106"/>
                        <wps:cNvSpPr/>
                        <wps:spPr>
                          <a:xfrm>
                            <a:off x="1625781" y="2073223"/>
                            <a:ext cx="646014" cy="322982"/>
                          </a:xfrm>
                          <a:custGeom>
                            <a:avLst/>
                            <a:gdLst/>
                            <a:ahLst/>
                            <a:cxnLst/>
                            <a:rect l="0" t="0" r="0" b="0"/>
                            <a:pathLst>
                              <a:path w="646014" h="322982">
                                <a:moveTo>
                                  <a:pt x="0" y="322982"/>
                                </a:moveTo>
                                <a:lnTo>
                                  <a:pt x="646014" y="322982"/>
                                </a:lnTo>
                                <a:lnTo>
                                  <a:pt x="64601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69424" name="Shape 69424"/>
                        <wps:cNvSpPr/>
                        <wps:spPr>
                          <a:xfrm>
                            <a:off x="1625781" y="2396182"/>
                            <a:ext cx="646014" cy="107659"/>
                          </a:xfrm>
                          <a:custGeom>
                            <a:avLst/>
                            <a:gdLst/>
                            <a:ahLst/>
                            <a:cxnLst/>
                            <a:rect l="0" t="0" r="0" b="0"/>
                            <a:pathLst>
                              <a:path w="646014" h="107659">
                                <a:moveTo>
                                  <a:pt x="0" y="0"/>
                                </a:moveTo>
                                <a:lnTo>
                                  <a:pt x="646014" y="0"/>
                                </a:lnTo>
                                <a:lnTo>
                                  <a:pt x="646014" y="107659"/>
                                </a:lnTo>
                                <a:lnTo>
                                  <a:pt x="0" y="107659"/>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108" name="Shape 4108"/>
                        <wps:cNvSpPr/>
                        <wps:spPr>
                          <a:xfrm>
                            <a:off x="1625781" y="2396182"/>
                            <a:ext cx="646014" cy="107659"/>
                          </a:xfrm>
                          <a:custGeom>
                            <a:avLst/>
                            <a:gdLst/>
                            <a:ahLst/>
                            <a:cxnLst/>
                            <a:rect l="0" t="0" r="0" b="0"/>
                            <a:pathLst>
                              <a:path w="646014" h="107659">
                                <a:moveTo>
                                  <a:pt x="0" y="107659"/>
                                </a:moveTo>
                                <a:lnTo>
                                  <a:pt x="646014" y="107659"/>
                                </a:lnTo>
                                <a:lnTo>
                                  <a:pt x="64601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69425" name="Shape 69425"/>
                        <wps:cNvSpPr/>
                        <wps:spPr>
                          <a:xfrm>
                            <a:off x="1625781" y="2503833"/>
                            <a:ext cx="646014" cy="322981"/>
                          </a:xfrm>
                          <a:custGeom>
                            <a:avLst/>
                            <a:gdLst/>
                            <a:ahLst/>
                            <a:cxnLst/>
                            <a:rect l="0" t="0" r="0" b="0"/>
                            <a:pathLst>
                              <a:path w="646014" h="322981">
                                <a:moveTo>
                                  <a:pt x="0" y="0"/>
                                </a:moveTo>
                                <a:lnTo>
                                  <a:pt x="646014" y="0"/>
                                </a:lnTo>
                                <a:lnTo>
                                  <a:pt x="646014" y="322981"/>
                                </a:lnTo>
                                <a:lnTo>
                                  <a:pt x="0" y="322981"/>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110" name="Shape 4110"/>
                        <wps:cNvSpPr/>
                        <wps:spPr>
                          <a:xfrm>
                            <a:off x="1625781" y="2503833"/>
                            <a:ext cx="646014" cy="322981"/>
                          </a:xfrm>
                          <a:custGeom>
                            <a:avLst/>
                            <a:gdLst/>
                            <a:ahLst/>
                            <a:cxnLst/>
                            <a:rect l="0" t="0" r="0" b="0"/>
                            <a:pathLst>
                              <a:path w="646014" h="322981">
                                <a:moveTo>
                                  <a:pt x="0" y="322981"/>
                                </a:moveTo>
                                <a:lnTo>
                                  <a:pt x="646014" y="322981"/>
                                </a:lnTo>
                                <a:lnTo>
                                  <a:pt x="64601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4112" name="Shape 4112"/>
                        <wps:cNvSpPr/>
                        <wps:spPr>
                          <a:xfrm>
                            <a:off x="1625781" y="3042138"/>
                            <a:ext cx="646014" cy="107658"/>
                          </a:xfrm>
                          <a:custGeom>
                            <a:avLst/>
                            <a:gdLst/>
                            <a:ahLst/>
                            <a:cxnLst/>
                            <a:rect l="0" t="0" r="0" b="0"/>
                            <a:pathLst>
                              <a:path w="646014" h="107658">
                                <a:moveTo>
                                  <a:pt x="0" y="107658"/>
                                </a:moveTo>
                                <a:lnTo>
                                  <a:pt x="646014" y="107658"/>
                                </a:lnTo>
                                <a:lnTo>
                                  <a:pt x="64601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69426" name="Shape 69426"/>
                        <wps:cNvSpPr/>
                        <wps:spPr>
                          <a:xfrm>
                            <a:off x="1625781" y="2934480"/>
                            <a:ext cx="646014" cy="107658"/>
                          </a:xfrm>
                          <a:custGeom>
                            <a:avLst/>
                            <a:gdLst/>
                            <a:ahLst/>
                            <a:cxnLst/>
                            <a:rect l="0" t="0" r="0" b="0"/>
                            <a:pathLst>
                              <a:path w="646014" h="107658">
                                <a:moveTo>
                                  <a:pt x="0" y="0"/>
                                </a:moveTo>
                                <a:lnTo>
                                  <a:pt x="646014" y="0"/>
                                </a:lnTo>
                                <a:lnTo>
                                  <a:pt x="646014" y="107658"/>
                                </a:lnTo>
                                <a:lnTo>
                                  <a:pt x="0" y="10765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114" name="Shape 4114"/>
                        <wps:cNvSpPr/>
                        <wps:spPr>
                          <a:xfrm>
                            <a:off x="1625781" y="2934480"/>
                            <a:ext cx="646014" cy="107658"/>
                          </a:xfrm>
                          <a:custGeom>
                            <a:avLst/>
                            <a:gdLst/>
                            <a:ahLst/>
                            <a:cxnLst/>
                            <a:rect l="0" t="0" r="0" b="0"/>
                            <a:pathLst>
                              <a:path w="646014" h="107658">
                                <a:moveTo>
                                  <a:pt x="0" y="107658"/>
                                </a:moveTo>
                                <a:lnTo>
                                  <a:pt x="646014" y="107658"/>
                                </a:lnTo>
                                <a:lnTo>
                                  <a:pt x="64601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69427" name="Shape 69427"/>
                        <wps:cNvSpPr/>
                        <wps:spPr>
                          <a:xfrm>
                            <a:off x="1625781" y="2826814"/>
                            <a:ext cx="646014" cy="107659"/>
                          </a:xfrm>
                          <a:custGeom>
                            <a:avLst/>
                            <a:gdLst/>
                            <a:ahLst/>
                            <a:cxnLst/>
                            <a:rect l="0" t="0" r="0" b="0"/>
                            <a:pathLst>
                              <a:path w="646014" h="107659">
                                <a:moveTo>
                                  <a:pt x="0" y="0"/>
                                </a:moveTo>
                                <a:lnTo>
                                  <a:pt x="646014" y="0"/>
                                </a:lnTo>
                                <a:lnTo>
                                  <a:pt x="646014" y="107659"/>
                                </a:lnTo>
                                <a:lnTo>
                                  <a:pt x="0" y="107659"/>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116" name="Shape 4116"/>
                        <wps:cNvSpPr/>
                        <wps:spPr>
                          <a:xfrm>
                            <a:off x="1625781" y="2826814"/>
                            <a:ext cx="646014" cy="107659"/>
                          </a:xfrm>
                          <a:custGeom>
                            <a:avLst/>
                            <a:gdLst/>
                            <a:ahLst/>
                            <a:cxnLst/>
                            <a:rect l="0" t="0" r="0" b="0"/>
                            <a:pathLst>
                              <a:path w="646014" h="107659">
                                <a:moveTo>
                                  <a:pt x="0" y="107659"/>
                                </a:moveTo>
                                <a:lnTo>
                                  <a:pt x="646014" y="107659"/>
                                </a:lnTo>
                                <a:lnTo>
                                  <a:pt x="64601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4117" name="Shape 4117"/>
                        <wps:cNvSpPr/>
                        <wps:spPr>
                          <a:xfrm>
                            <a:off x="1948792" y="2073223"/>
                            <a:ext cx="0" cy="322982"/>
                          </a:xfrm>
                          <a:custGeom>
                            <a:avLst/>
                            <a:gdLst/>
                            <a:ahLst/>
                            <a:cxnLst/>
                            <a:rect l="0" t="0" r="0" b="0"/>
                            <a:pathLst>
                              <a:path h="322982">
                                <a:moveTo>
                                  <a:pt x="0" y="0"/>
                                </a:moveTo>
                                <a:lnTo>
                                  <a:pt x="0" y="322982"/>
                                </a:lnTo>
                              </a:path>
                            </a:pathLst>
                          </a:custGeom>
                          <a:ln w="5469" cap="rnd">
                            <a:custDash>
                              <a:ds d="1" sp="387575"/>
                            </a:custDash>
                            <a:round/>
                          </a:ln>
                        </wps:spPr>
                        <wps:style>
                          <a:lnRef idx="1">
                            <a:srgbClr val="000000"/>
                          </a:lnRef>
                          <a:fillRef idx="0">
                            <a:srgbClr val="000000">
                              <a:alpha val="0"/>
                            </a:srgbClr>
                          </a:fillRef>
                          <a:effectRef idx="0">
                            <a:scrgbClr r="0" g="0" b="0"/>
                          </a:effectRef>
                          <a:fontRef idx="none"/>
                        </wps:style>
                        <wps:bodyPr/>
                      </wps:wsp>
                      <wps:wsp>
                        <wps:cNvPr id="4118" name="Shape 4118"/>
                        <wps:cNvSpPr/>
                        <wps:spPr>
                          <a:xfrm>
                            <a:off x="1948792" y="2503840"/>
                            <a:ext cx="0" cy="322973"/>
                          </a:xfrm>
                          <a:custGeom>
                            <a:avLst/>
                            <a:gdLst/>
                            <a:ahLst/>
                            <a:cxnLst/>
                            <a:rect l="0" t="0" r="0" b="0"/>
                            <a:pathLst>
                              <a:path h="322973">
                                <a:moveTo>
                                  <a:pt x="0" y="0"/>
                                </a:moveTo>
                                <a:lnTo>
                                  <a:pt x="0" y="322973"/>
                                </a:lnTo>
                              </a:path>
                            </a:pathLst>
                          </a:custGeom>
                          <a:ln w="5469" cap="rnd">
                            <a:custDash>
                              <a:ds d="1" sp="387575"/>
                            </a:custDash>
                            <a:round/>
                          </a:ln>
                        </wps:spPr>
                        <wps:style>
                          <a:lnRef idx="1">
                            <a:srgbClr val="000000"/>
                          </a:lnRef>
                          <a:fillRef idx="0">
                            <a:srgbClr val="000000">
                              <a:alpha val="0"/>
                            </a:srgbClr>
                          </a:fillRef>
                          <a:effectRef idx="0">
                            <a:scrgbClr r="0" g="0" b="0"/>
                          </a:effectRef>
                          <a:fontRef idx="none"/>
                        </wps:style>
                        <wps:bodyPr/>
                      </wps:wsp>
                      <wps:wsp>
                        <wps:cNvPr id="4119" name="Rectangle 4119"/>
                        <wps:cNvSpPr/>
                        <wps:spPr>
                          <a:xfrm>
                            <a:off x="1839931" y="3169411"/>
                            <a:ext cx="289613"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IRQL</w:t>
                              </w:r>
                            </w:p>
                          </w:txbxContent>
                        </wps:txbx>
                        <wps:bodyPr horzOverflow="overflow" vert="horz" lIns="0" tIns="0" rIns="0" bIns="0" rtlCol="0">
                          <a:noAutofit/>
                        </wps:bodyPr>
                      </wps:wsp>
                      <wps:wsp>
                        <wps:cNvPr id="4120" name="Rectangle 4120"/>
                        <wps:cNvSpPr/>
                        <wps:spPr>
                          <a:xfrm>
                            <a:off x="1256886" y="3062949"/>
                            <a:ext cx="458225" cy="13517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Passive</w:t>
                              </w:r>
                              <w:proofErr w:type="spellEnd"/>
                              <w:r>
                                <w:rPr>
                                  <w:rFonts w:ascii="Arial" w:eastAsia="Arial" w:hAnsi="Arial" w:cs="Arial"/>
                                  <w:sz w:val="14"/>
                                </w:rPr>
                                <w:t xml:space="preserve"> </w:t>
                              </w:r>
                            </w:p>
                          </w:txbxContent>
                        </wps:txbx>
                        <wps:bodyPr horzOverflow="overflow" vert="horz" lIns="0" tIns="0" rIns="0" bIns="0" rtlCol="0">
                          <a:noAutofit/>
                        </wps:bodyPr>
                      </wps:wsp>
                      <wps:wsp>
                        <wps:cNvPr id="4121" name="Rectangle 4121"/>
                        <wps:cNvSpPr/>
                        <wps:spPr>
                          <a:xfrm>
                            <a:off x="1402894" y="2955291"/>
                            <a:ext cx="249303"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s:wsp>
                        <wps:cNvPr id="4122" name="Rectangle 4122"/>
                        <wps:cNvSpPr/>
                        <wps:spPr>
                          <a:xfrm>
                            <a:off x="1020249" y="2847626"/>
                            <a:ext cx="255988"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123" name="Rectangle 4123"/>
                        <wps:cNvSpPr/>
                        <wps:spPr>
                          <a:xfrm>
                            <a:off x="1212749" y="2847626"/>
                            <a:ext cx="33686"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124" name="Rectangle 4124"/>
                        <wps:cNvSpPr/>
                        <wps:spPr>
                          <a:xfrm>
                            <a:off x="1238046" y="2847626"/>
                            <a:ext cx="471719" cy="13517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ispatch</w:t>
                              </w:r>
                              <w:proofErr w:type="spellEnd"/>
                            </w:p>
                          </w:txbxContent>
                        </wps:txbx>
                        <wps:bodyPr horzOverflow="overflow" vert="horz" lIns="0" tIns="0" rIns="0" bIns="0" rtlCol="0">
                          <a:noAutofit/>
                        </wps:bodyPr>
                      </wps:wsp>
                      <wps:wsp>
                        <wps:cNvPr id="4125" name="Rectangle 4125"/>
                        <wps:cNvSpPr/>
                        <wps:spPr>
                          <a:xfrm>
                            <a:off x="1105332" y="2417016"/>
                            <a:ext cx="687270" cy="13517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evice</w:t>
                              </w:r>
                              <w:proofErr w:type="spellEnd"/>
                              <w:r>
                                <w:rPr>
                                  <w:rFonts w:ascii="Arial" w:eastAsia="Arial" w:hAnsi="Arial" w:cs="Arial"/>
                                  <w:sz w:val="14"/>
                                </w:rPr>
                                <w:t xml:space="preserve"> IRQL</w:t>
                              </w:r>
                            </w:p>
                          </w:txbxContent>
                        </wps:txbx>
                        <wps:bodyPr horzOverflow="overflow" vert="horz" lIns="0" tIns="0" rIns="0" bIns="0" rtlCol="0">
                          <a:noAutofit/>
                        </wps:bodyPr>
                      </wps:wsp>
                      <wps:wsp>
                        <wps:cNvPr id="4126" name="Rectangle 4126"/>
                        <wps:cNvSpPr/>
                        <wps:spPr>
                          <a:xfrm>
                            <a:off x="1418391" y="1986324"/>
                            <a:ext cx="249355" cy="13517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High</w:t>
                              </w:r>
                              <w:proofErr w:type="spellEnd"/>
                            </w:p>
                          </w:txbxContent>
                        </wps:txbx>
                        <wps:bodyPr horzOverflow="overflow" vert="horz" lIns="0" tIns="0" rIns="0" bIns="0" rtlCol="0">
                          <a:noAutofit/>
                        </wps:bodyPr>
                      </wps:wsp>
                      <wps:wsp>
                        <wps:cNvPr id="4127" name="Shape 4127"/>
                        <wps:cNvSpPr/>
                        <wps:spPr>
                          <a:xfrm>
                            <a:off x="2271802" y="1664103"/>
                            <a:ext cx="215366" cy="787477"/>
                          </a:xfrm>
                          <a:custGeom>
                            <a:avLst/>
                            <a:gdLst/>
                            <a:ahLst/>
                            <a:cxnLst/>
                            <a:rect l="0" t="0" r="0" b="0"/>
                            <a:pathLst>
                              <a:path w="215366" h="787477">
                                <a:moveTo>
                                  <a:pt x="0" y="785882"/>
                                </a:moveTo>
                                <a:cubicBezTo>
                                  <a:pt x="118736" y="787477"/>
                                  <a:pt x="215138" y="435554"/>
                                  <a:pt x="215366" y="0"/>
                                </a:cubicBezTo>
                                <a:cubicBezTo>
                                  <a:pt x="215366" y="0"/>
                                  <a:pt x="215366" y="0"/>
                                  <a:pt x="215366" y="0"/>
                                </a:cubicBezTo>
                              </a:path>
                            </a:pathLst>
                          </a:custGeom>
                          <a:ln w="5469" cap="rnd">
                            <a:round/>
                          </a:ln>
                        </wps:spPr>
                        <wps:style>
                          <a:lnRef idx="1">
                            <a:srgbClr val="000000"/>
                          </a:lnRef>
                          <a:fillRef idx="0">
                            <a:srgbClr val="000000">
                              <a:alpha val="0"/>
                            </a:srgbClr>
                          </a:fillRef>
                          <a:effectRef idx="0">
                            <a:scrgbClr r="0" g="0" b="0"/>
                          </a:effectRef>
                          <a:fontRef idx="none"/>
                        </wps:style>
                        <wps:bodyPr/>
                      </wps:wsp>
                      <wps:wsp>
                        <wps:cNvPr id="4128" name="Shape 4128"/>
                        <wps:cNvSpPr/>
                        <wps:spPr>
                          <a:xfrm>
                            <a:off x="118432" y="2137789"/>
                            <a:ext cx="150741" cy="150705"/>
                          </a:xfrm>
                          <a:custGeom>
                            <a:avLst/>
                            <a:gdLst/>
                            <a:ahLst/>
                            <a:cxnLst/>
                            <a:rect l="0" t="0" r="0" b="0"/>
                            <a:pathLst>
                              <a:path w="150741" h="150705">
                                <a:moveTo>
                                  <a:pt x="75367" y="0"/>
                                </a:moveTo>
                                <a:cubicBezTo>
                                  <a:pt x="116996" y="0"/>
                                  <a:pt x="150741" y="33727"/>
                                  <a:pt x="150741" y="75353"/>
                                </a:cubicBezTo>
                                <a:cubicBezTo>
                                  <a:pt x="150741" y="116978"/>
                                  <a:pt x="116996" y="150705"/>
                                  <a:pt x="75367" y="150705"/>
                                </a:cubicBezTo>
                                <a:cubicBezTo>
                                  <a:pt x="33744" y="150705"/>
                                  <a:pt x="0" y="116978"/>
                                  <a:pt x="0" y="75353"/>
                                </a:cubicBezTo>
                                <a:cubicBezTo>
                                  <a:pt x="0" y="33727"/>
                                  <a:pt x="33744" y="0"/>
                                  <a:pt x="75367"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129" name="Shape 4129"/>
                        <wps:cNvSpPr/>
                        <wps:spPr>
                          <a:xfrm>
                            <a:off x="118432" y="2137789"/>
                            <a:ext cx="150741" cy="150705"/>
                          </a:xfrm>
                          <a:custGeom>
                            <a:avLst/>
                            <a:gdLst/>
                            <a:ahLst/>
                            <a:cxnLst/>
                            <a:rect l="0" t="0" r="0" b="0"/>
                            <a:pathLst>
                              <a:path w="150741" h="150705">
                                <a:moveTo>
                                  <a:pt x="150741" y="75353"/>
                                </a:moveTo>
                                <a:cubicBezTo>
                                  <a:pt x="150741" y="33727"/>
                                  <a:pt x="116996" y="0"/>
                                  <a:pt x="75367" y="0"/>
                                </a:cubicBezTo>
                                <a:cubicBezTo>
                                  <a:pt x="33744" y="0"/>
                                  <a:pt x="0" y="33727"/>
                                  <a:pt x="0" y="75353"/>
                                </a:cubicBezTo>
                                <a:cubicBezTo>
                                  <a:pt x="0" y="116978"/>
                                  <a:pt x="33744" y="150705"/>
                                  <a:pt x="75367" y="150705"/>
                                </a:cubicBezTo>
                                <a:cubicBezTo>
                                  <a:pt x="116996" y="150705"/>
                                  <a:pt x="150741" y="116978"/>
                                  <a:pt x="150741" y="75353"/>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4130" name="Rectangle 4130"/>
                        <wps:cNvSpPr/>
                        <wps:spPr>
                          <a:xfrm>
                            <a:off x="168456" y="2157993"/>
                            <a:ext cx="67431" cy="13517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4131" name="Rectangle 4131"/>
                        <wps:cNvSpPr/>
                        <wps:spPr>
                          <a:xfrm>
                            <a:off x="286159" y="2085707"/>
                            <a:ext cx="1343368"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Устройство генерирует </w:t>
                              </w:r>
                            </w:p>
                          </w:txbxContent>
                        </wps:txbx>
                        <wps:bodyPr horzOverflow="overflow" vert="horz" lIns="0" tIns="0" rIns="0" bIns="0" rtlCol="0">
                          <a:noAutofit/>
                        </wps:bodyPr>
                      </wps:wsp>
                      <wps:wsp>
                        <wps:cNvPr id="4132" name="Rectangle 4132"/>
                        <wps:cNvSpPr/>
                        <wps:spPr>
                          <a:xfrm>
                            <a:off x="286159" y="2195089"/>
                            <a:ext cx="963584"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ерывание для </w:t>
                              </w:r>
                            </w:p>
                          </w:txbxContent>
                        </wps:txbx>
                        <wps:bodyPr horzOverflow="overflow" vert="horz" lIns="0" tIns="0" rIns="0" bIns="0" rtlCol="0">
                          <a:noAutofit/>
                        </wps:bodyPr>
                      </wps:wsp>
                      <wps:wsp>
                        <wps:cNvPr id="4133" name="Rectangle 4133"/>
                        <wps:cNvSpPr/>
                        <wps:spPr>
                          <a:xfrm>
                            <a:off x="286159" y="2304472"/>
                            <a:ext cx="843585"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бслуживания </w:t>
                              </w:r>
                            </w:p>
                          </w:txbxContent>
                        </wps:txbx>
                        <wps:bodyPr horzOverflow="overflow" vert="horz" lIns="0" tIns="0" rIns="0" bIns="0" rtlCol="0">
                          <a:noAutofit/>
                        </wps:bodyPr>
                      </wps:wsp>
                      <pic:pic xmlns:pic="http://schemas.openxmlformats.org/drawingml/2006/picture">
                        <pic:nvPicPr>
                          <pic:cNvPr id="67465" name="Picture 67465"/>
                          <pic:cNvPicPr/>
                        </pic:nvPicPr>
                        <pic:blipFill>
                          <a:blip r:embed="rId34"/>
                          <a:stretch>
                            <a:fillRect/>
                          </a:stretch>
                        </pic:blipFill>
                        <pic:spPr>
                          <a:xfrm>
                            <a:off x="-3014" y="2973420"/>
                            <a:ext cx="420624" cy="176785"/>
                          </a:xfrm>
                          <a:prstGeom prst="rect">
                            <a:avLst/>
                          </a:prstGeom>
                        </pic:spPr>
                      </pic:pic>
                      <pic:pic xmlns:pic="http://schemas.openxmlformats.org/drawingml/2006/picture">
                        <pic:nvPicPr>
                          <pic:cNvPr id="67466" name="Picture 67466"/>
                          <pic:cNvPicPr/>
                        </pic:nvPicPr>
                        <pic:blipFill>
                          <a:blip r:embed="rId35"/>
                          <a:stretch>
                            <a:fillRect/>
                          </a:stretch>
                        </pic:blipFill>
                        <pic:spPr>
                          <a:xfrm>
                            <a:off x="13241" y="3145124"/>
                            <a:ext cx="323088" cy="48768"/>
                          </a:xfrm>
                          <a:prstGeom prst="rect">
                            <a:avLst/>
                          </a:prstGeom>
                        </pic:spPr>
                      </pic:pic>
                      <pic:pic xmlns:pic="http://schemas.openxmlformats.org/drawingml/2006/picture">
                        <pic:nvPicPr>
                          <pic:cNvPr id="67467" name="Picture 67467"/>
                          <pic:cNvPicPr/>
                        </pic:nvPicPr>
                        <pic:blipFill>
                          <a:blip r:embed="rId36"/>
                          <a:stretch>
                            <a:fillRect/>
                          </a:stretch>
                        </pic:blipFill>
                        <pic:spPr>
                          <a:xfrm>
                            <a:off x="301785" y="2973420"/>
                            <a:ext cx="140208" cy="219456"/>
                          </a:xfrm>
                          <a:prstGeom prst="rect">
                            <a:avLst/>
                          </a:prstGeom>
                        </pic:spPr>
                      </pic:pic>
                      <wps:wsp>
                        <wps:cNvPr id="4140" name="Shape 4140"/>
                        <wps:cNvSpPr/>
                        <wps:spPr>
                          <a:xfrm>
                            <a:off x="303016" y="2977541"/>
                            <a:ext cx="140637" cy="215316"/>
                          </a:xfrm>
                          <a:custGeom>
                            <a:avLst/>
                            <a:gdLst/>
                            <a:ahLst/>
                            <a:cxnLst/>
                            <a:rect l="0" t="0" r="0" b="0"/>
                            <a:pathLst>
                              <a:path w="140637" h="215316">
                                <a:moveTo>
                                  <a:pt x="111846" y="0"/>
                                </a:moveTo>
                                <a:cubicBezTo>
                                  <a:pt x="83791" y="61467"/>
                                  <a:pt x="48360" y="119318"/>
                                  <a:pt x="6351" y="172255"/>
                                </a:cubicBezTo>
                                <a:cubicBezTo>
                                  <a:pt x="0" y="188267"/>
                                  <a:pt x="7878" y="206596"/>
                                  <a:pt x="23952" y="213182"/>
                                </a:cubicBezTo>
                                <a:cubicBezTo>
                                  <a:pt x="26596" y="214261"/>
                                  <a:pt x="29369" y="214982"/>
                                  <a:pt x="32195" y="215316"/>
                                </a:cubicBezTo>
                                <a:cubicBezTo>
                                  <a:pt x="80168" y="167256"/>
                                  <a:pt x="116404" y="108729"/>
                                  <a:pt x="138047" y="44369"/>
                                </a:cubicBezTo>
                                <a:cubicBezTo>
                                  <a:pt x="140637" y="25264"/>
                                  <a:pt x="129789" y="6890"/>
                                  <a:pt x="111846" y="0"/>
                                </a:cubicBezTo>
                                <a:close/>
                              </a:path>
                            </a:pathLst>
                          </a:custGeom>
                          <a:ln w="5469" cap="rnd">
                            <a:round/>
                          </a:ln>
                        </wps:spPr>
                        <wps:style>
                          <a:lnRef idx="1">
                            <a:srgbClr val="FFFFFF"/>
                          </a:lnRef>
                          <a:fillRef idx="0">
                            <a:srgbClr val="000000">
                              <a:alpha val="0"/>
                            </a:srgbClr>
                          </a:fillRef>
                          <a:effectRef idx="0">
                            <a:scrgbClr r="0" g="0" b="0"/>
                          </a:effectRef>
                          <a:fontRef idx="none"/>
                        </wps:style>
                        <wps:bodyPr/>
                      </wps:wsp>
                      <wps:wsp>
                        <wps:cNvPr id="4141" name="Shape 4141"/>
                        <wps:cNvSpPr/>
                        <wps:spPr>
                          <a:xfrm>
                            <a:off x="10765" y="2977541"/>
                            <a:ext cx="432357" cy="215316"/>
                          </a:xfrm>
                          <a:custGeom>
                            <a:avLst/>
                            <a:gdLst/>
                            <a:ahLst/>
                            <a:cxnLst/>
                            <a:rect l="0" t="0" r="0" b="0"/>
                            <a:pathLst>
                              <a:path w="432357" h="215316">
                                <a:moveTo>
                                  <a:pt x="91038" y="53"/>
                                </a:moveTo>
                                <a:cubicBezTo>
                                  <a:pt x="79567" y="2629"/>
                                  <a:pt x="68773" y="7596"/>
                                  <a:pt x="59353" y="14653"/>
                                </a:cubicBezTo>
                                <a:cubicBezTo>
                                  <a:pt x="22881" y="48713"/>
                                  <a:pt x="1512" y="96006"/>
                                  <a:pt x="0" y="145972"/>
                                </a:cubicBezTo>
                                <a:cubicBezTo>
                                  <a:pt x="1079" y="175871"/>
                                  <a:pt x="18847" y="202692"/>
                                  <a:pt x="45937" y="215316"/>
                                </a:cubicBezTo>
                                <a:lnTo>
                                  <a:pt x="45937" y="215316"/>
                                </a:lnTo>
                                <a:lnTo>
                                  <a:pt x="324446" y="215316"/>
                                </a:lnTo>
                                <a:cubicBezTo>
                                  <a:pt x="372473" y="167203"/>
                                  <a:pt x="408739" y="108600"/>
                                  <a:pt x="430359" y="44141"/>
                                </a:cubicBezTo>
                                <a:cubicBezTo>
                                  <a:pt x="432357" y="24938"/>
                                  <a:pt x="421152" y="6783"/>
                                  <a:pt x="403118" y="0"/>
                                </a:cubicBezTo>
                                <a:lnTo>
                                  <a:pt x="91038" y="53"/>
                                </a:lnTo>
                                <a:close/>
                              </a:path>
                            </a:pathLst>
                          </a:custGeom>
                          <a:ln w="11394"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68" name="Picture 67468"/>
                          <pic:cNvPicPr/>
                        </pic:nvPicPr>
                        <pic:blipFill>
                          <a:blip r:embed="rId37"/>
                          <a:stretch>
                            <a:fillRect/>
                          </a:stretch>
                        </pic:blipFill>
                        <pic:spPr>
                          <a:xfrm>
                            <a:off x="41689" y="3021172"/>
                            <a:ext cx="73152" cy="60960"/>
                          </a:xfrm>
                          <a:prstGeom prst="rect">
                            <a:avLst/>
                          </a:prstGeom>
                        </pic:spPr>
                      </pic:pic>
                      <wps:wsp>
                        <wps:cNvPr id="4144" name="Shape 4144"/>
                        <wps:cNvSpPr/>
                        <wps:spPr>
                          <a:xfrm>
                            <a:off x="40384" y="3021454"/>
                            <a:ext cx="76278" cy="62690"/>
                          </a:xfrm>
                          <a:custGeom>
                            <a:avLst/>
                            <a:gdLst/>
                            <a:ahLst/>
                            <a:cxnLst/>
                            <a:rect l="0" t="0" r="0" b="0"/>
                            <a:pathLst>
                              <a:path w="76278" h="62690">
                                <a:moveTo>
                                  <a:pt x="50472" y="52701"/>
                                </a:moveTo>
                                <a:cubicBezTo>
                                  <a:pt x="67770" y="42712"/>
                                  <a:pt x="76278" y="25051"/>
                                  <a:pt x="69472" y="13255"/>
                                </a:cubicBezTo>
                                <a:cubicBezTo>
                                  <a:pt x="62657" y="1458"/>
                                  <a:pt x="43111" y="0"/>
                                  <a:pt x="25806" y="9989"/>
                                </a:cubicBezTo>
                                <a:cubicBezTo>
                                  <a:pt x="8508" y="19977"/>
                                  <a:pt x="0" y="37638"/>
                                  <a:pt x="6807" y="49427"/>
                                </a:cubicBezTo>
                                <a:cubicBezTo>
                                  <a:pt x="13621" y="61223"/>
                                  <a:pt x="33167" y="62690"/>
                                  <a:pt x="50472" y="52701"/>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69" name="Picture 67469"/>
                          <pic:cNvPicPr/>
                        </pic:nvPicPr>
                        <pic:blipFill>
                          <a:blip r:embed="rId38"/>
                          <a:stretch>
                            <a:fillRect/>
                          </a:stretch>
                        </pic:blipFill>
                        <pic:spPr>
                          <a:xfrm>
                            <a:off x="59977" y="3094324"/>
                            <a:ext cx="33528" cy="30480"/>
                          </a:xfrm>
                          <a:prstGeom prst="rect">
                            <a:avLst/>
                          </a:prstGeom>
                        </pic:spPr>
                      </pic:pic>
                      <wps:wsp>
                        <wps:cNvPr id="4147" name="Shape 4147"/>
                        <wps:cNvSpPr/>
                        <wps:spPr>
                          <a:xfrm>
                            <a:off x="63569" y="3098227"/>
                            <a:ext cx="31830" cy="26077"/>
                          </a:xfrm>
                          <a:custGeom>
                            <a:avLst/>
                            <a:gdLst/>
                            <a:ahLst/>
                            <a:cxnLst/>
                            <a:rect l="0" t="0" r="0" b="0"/>
                            <a:pathLst>
                              <a:path w="31830" h="26077">
                                <a:moveTo>
                                  <a:pt x="21035" y="21906"/>
                                </a:moveTo>
                                <a:cubicBezTo>
                                  <a:pt x="28260" y="17736"/>
                                  <a:pt x="31830" y="10384"/>
                                  <a:pt x="29004" y="5484"/>
                                </a:cubicBezTo>
                                <a:cubicBezTo>
                                  <a:pt x="26171" y="592"/>
                                  <a:pt x="18019" y="0"/>
                                  <a:pt x="10795" y="4177"/>
                                </a:cubicBezTo>
                                <a:cubicBezTo>
                                  <a:pt x="3571" y="8348"/>
                                  <a:pt x="0" y="15701"/>
                                  <a:pt x="2826" y="20593"/>
                                </a:cubicBezTo>
                                <a:cubicBezTo>
                                  <a:pt x="5652" y="25492"/>
                                  <a:pt x="13803" y="26077"/>
                                  <a:pt x="21035" y="21906"/>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4148" name="Shape 4148"/>
                        <wps:cNvSpPr/>
                        <wps:spPr>
                          <a:xfrm>
                            <a:off x="102639" y="3004454"/>
                            <a:ext cx="264152" cy="119500"/>
                          </a:xfrm>
                          <a:custGeom>
                            <a:avLst/>
                            <a:gdLst/>
                            <a:ahLst/>
                            <a:cxnLst/>
                            <a:rect l="0" t="0" r="0" b="0"/>
                            <a:pathLst>
                              <a:path w="264152" h="119500">
                                <a:moveTo>
                                  <a:pt x="0" y="119500"/>
                                </a:moveTo>
                                <a:lnTo>
                                  <a:pt x="73505" y="0"/>
                                </a:lnTo>
                                <a:lnTo>
                                  <a:pt x="264152" y="0"/>
                                </a:lnTo>
                              </a:path>
                            </a:pathLst>
                          </a:custGeom>
                          <a:ln w="5469"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67470" name="Picture 67470"/>
                          <pic:cNvPicPr/>
                        </pic:nvPicPr>
                        <pic:blipFill>
                          <a:blip r:embed="rId39"/>
                          <a:stretch>
                            <a:fillRect/>
                          </a:stretch>
                        </pic:blipFill>
                        <pic:spPr>
                          <a:xfrm>
                            <a:off x="104681" y="3001869"/>
                            <a:ext cx="262128" cy="121920"/>
                          </a:xfrm>
                          <a:prstGeom prst="rect">
                            <a:avLst/>
                          </a:prstGeom>
                        </pic:spPr>
                      </pic:pic>
                      <pic:pic xmlns:pic="http://schemas.openxmlformats.org/drawingml/2006/picture">
                        <pic:nvPicPr>
                          <pic:cNvPr id="67471" name="Picture 67471"/>
                          <pic:cNvPicPr/>
                        </pic:nvPicPr>
                        <pic:blipFill>
                          <a:blip r:embed="rId39"/>
                          <a:stretch>
                            <a:fillRect/>
                          </a:stretch>
                        </pic:blipFill>
                        <pic:spPr>
                          <a:xfrm>
                            <a:off x="104681" y="3001869"/>
                            <a:ext cx="262128" cy="121920"/>
                          </a:xfrm>
                          <a:prstGeom prst="rect">
                            <a:avLst/>
                          </a:prstGeom>
                        </pic:spPr>
                      </pic:pic>
                      <wps:wsp>
                        <wps:cNvPr id="4153" name="Shape 4153"/>
                        <wps:cNvSpPr/>
                        <wps:spPr>
                          <a:xfrm>
                            <a:off x="102639" y="3004454"/>
                            <a:ext cx="264152" cy="119500"/>
                          </a:xfrm>
                          <a:custGeom>
                            <a:avLst/>
                            <a:gdLst/>
                            <a:ahLst/>
                            <a:cxnLst/>
                            <a:rect l="0" t="0" r="0" b="0"/>
                            <a:pathLst>
                              <a:path w="264152" h="119500">
                                <a:moveTo>
                                  <a:pt x="77524" y="5386"/>
                                </a:moveTo>
                                <a:lnTo>
                                  <a:pt x="6898" y="119500"/>
                                </a:lnTo>
                                <a:lnTo>
                                  <a:pt x="0" y="119500"/>
                                </a:lnTo>
                                <a:lnTo>
                                  <a:pt x="190076" y="119500"/>
                                </a:lnTo>
                                <a:lnTo>
                                  <a:pt x="264152" y="0"/>
                                </a:lnTo>
                                <a:lnTo>
                                  <a:pt x="260710" y="5386"/>
                                </a:lnTo>
                                <a:lnTo>
                                  <a:pt x="77524" y="5386"/>
                                </a:lnTo>
                                <a:close/>
                              </a:path>
                            </a:pathLst>
                          </a:custGeom>
                          <a:ln w="5469"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72" name="Picture 67472"/>
                          <pic:cNvPicPr/>
                        </pic:nvPicPr>
                        <pic:blipFill>
                          <a:blip r:embed="rId40"/>
                          <a:stretch>
                            <a:fillRect/>
                          </a:stretch>
                        </pic:blipFill>
                        <pic:spPr>
                          <a:xfrm>
                            <a:off x="120937" y="2998820"/>
                            <a:ext cx="33528" cy="27432"/>
                          </a:xfrm>
                          <a:prstGeom prst="rect">
                            <a:avLst/>
                          </a:prstGeom>
                        </pic:spPr>
                      </pic:pic>
                      <wps:wsp>
                        <wps:cNvPr id="4156" name="Shape 4156"/>
                        <wps:cNvSpPr/>
                        <wps:spPr>
                          <a:xfrm>
                            <a:off x="123970" y="3001377"/>
                            <a:ext cx="31944" cy="26374"/>
                          </a:xfrm>
                          <a:custGeom>
                            <a:avLst/>
                            <a:gdLst/>
                            <a:ahLst/>
                            <a:cxnLst/>
                            <a:rect l="0" t="0" r="0" b="0"/>
                            <a:pathLst>
                              <a:path w="31944" h="26374">
                                <a:moveTo>
                                  <a:pt x="21180" y="22203"/>
                                </a:moveTo>
                                <a:cubicBezTo>
                                  <a:pt x="28411" y="18025"/>
                                  <a:pt x="31944" y="10604"/>
                                  <a:pt x="29072" y="5628"/>
                                </a:cubicBezTo>
                                <a:cubicBezTo>
                                  <a:pt x="26193" y="646"/>
                                  <a:pt x="18004" y="0"/>
                                  <a:pt x="10764" y="4170"/>
                                </a:cubicBezTo>
                                <a:cubicBezTo>
                                  <a:pt x="3532" y="8348"/>
                                  <a:pt x="0" y="15770"/>
                                  <a:pt x="2872" y="20744"/>
                                </a:cubicBezTo>
                                <a:cubicBezTo>
                                  <a:pt x="5751" y="25728"/>
                                  <a:pt x="13940" y="26374"/>
                                  <a:pt x="21180" y="22203"/>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73" name="Picture 67473"/>
                          <pic:cNvPicPr/>
                        </pic:nvPicPr>
                        <pic:blipFill>
                          <a:blip r:embed="rId41"/>
                          <a:stretch>
                            <a:fillRect/>
                          </a:stretch>
                        </pic:blipFill>
                        <pic:spPr>
                          <a:xfrm>
                            <a:off x="301785" y="3100420"/>
                            <a:ext cx="24384" cy="21337"/>
                          </a:xfrm>
                          <a:prstGeom prst="rect">
                            <a:avLst/>
                          </a:prstGeom>
                        </pic:spPr>
                      </pic:pic>
                      <wps:wsp>
                        <wps:cNvPr id="4159" name="Shape 4159"/>
                        <wps:cNvSpPr/>
                        <wps:spPr>
                          <a:xfrm>
                            <a:off x="305257" y="3104584"/>
                            <a:ext cx="20883" cy="16970"/>
                          </a:xfrm>
                          <a:custGeom>
                            <a:avLst/>
                            <a:gdLst/>
                            <a:ahLst/>
                            <a:cxnLst/>
                            <a:rect l="0" t="0" r="0" b="0"/>
                            <a:pathLst>
                              <a:path w="20883" h="16970">
                                <a:moveTo>
                                  <a:pt x="13758" y="14227"/>
                                </a:moveTo>
                                <a:cubicBezTo>
                                  <a:pt x="18513" y="11478"/>
                                  <a:pt x="20883" y="6684"/>
                                  <a:pt x="19053" y="3517"/>
                                </a:cubicBezTo>
                                <a:cubicBezTo>
                                  <a:pt x="17229" y="342"/>
                                  <a:pt x="11889" y="0"/>
                                  <a:pt x="7126" y="2749"/>
                                </a:cubicBezTo>
                                <a:cubicBezTo>
                                  <a:pt x="2370" y="5492"/>
                                  <a:pt x="0" y="10292"/>
                                  <a:pt x="1831" y="13460"/>
                                </a:cubicBezTo>
                                <a:cubicBezTo>
                                  <a:pt x="3662" y="16628"/>
                                  <a:pt x="9002" y="16970"/>
                                  <a:pt x="13758" y="14227"/>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4160" name="Shape 4160"/>
                        <wps:cNvSpPr/>
                        <wps:spPr>
                          <a:xfrm>
                            <a:off x="358343" y="2519335"/>
                            <a:ext cx="654689" cy="425179"/>
                          </a:xfrm>
                          <a:custGeom>
                            <a:avLst/>
                            <a:gdLst/>
                            <a:ahLst/>
                            <a:cxnLst/>
                            <a:rect l="0" t="0" r="0" b="0"/>
                            <a:pathLst>
                              <a:path w="654689" h="425179">
                                <a:moveTo>
                                  <a:pt x="0" y="425179"/>
                                </a:moveTo>
                                <a:lnTo>
                                  <a:pt x="533067" y="209612"/>
                                </a:lnTo>
                                <a:lnTo>
                                  <a:pt x="191930" y="187127"/>
                                </a:lnTo>
                                <a:lnTo>
                                  <a:pt x="654689" y="0"/>
                                </a:lnTo>
                              </a:path>
                            </a:pathLst>
                          </a:custGeom>
                          <a:ln w="5469" cap="rnd">
                            <a:round/>
                          </a:ln>
                        </wps:spPr>
                        <wps:style>
                          <a:lnRef idx="1">
                            <a:srgbClr val="000000"/>
                          </a:lnRef>
                          <a:fillRef idx="0">
                            <a:srgbClr val="000000">
                              <a:alpha val="0"/>
                            </a:srgbClr>
                          </a:fillRef>
                          <a:effectRef idx="0">
                            <a:scrgbClr r="0" g="0" b="0"/>
                          </a:effectRef>
                          <a:fontRef idx="none"/>
                        </wps:style>
                        <wps:bodyPr/>
                      </wps:wsp>
                      <wps:wsp>
                        <wps:cNvPr id="4161" name="Shape 4161"/>
                        <wps:cNvSpPr/>
                        <wps:spPr>
                          <a:xfrm>
                            <a:off x="998143" y="2493889"/>
                            <a:ext cx="77638" cy="50514"/>
                          </a:xfrm>
                          <a:custGeom>
                            <a:avLst/>
                            <a:gdLst/>
                            <a:ahLst/>
                            <a:cxnLst/>
                            <a:rect l="0" t="0" r="0" b="0"/>
                            <a:pathLst>
                              <a:path w="77638" h="50514">
                                <a:moveTo>
                                  <a:pt x="77638" y="0"/>
                                </a:moveTo>
                                <a:lnTo>
                                  <a:pt x="18460" y="50514"/>
                                </a:lnTo>
                                <a:lnTo>
                                  <a:pt x="0" y="4938"/>
                                </a:lnTo>
                                <a:lnTo>
                                  <a:pt x="77638"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2" name="Rectangle 4162"/>
                        <wps:cNvSpPr/>
                        <wps:spPr>
                          <a:xfrm>
                            <a:off x="1039469" y="0"/>
                            <a:ext cx="1341314" cy="1139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Драйверы устройства</w:t>
                              </w:r>
                            </w:p>
                          </w:txbxContent>
                        </wps:txbx>
                        <wps:bodyPr horzOverflow="overflow" vert="horz" lIns="0" tIns="0" rIns="0" bIns="0" rtlCol="0">
                          <a:noAutofit/>
                        </wps:bodyPr>
                      </wps:wsp>
                    </wpg:wgp>
                  </a:graphicData>
                </a:graphic>
              </wp:inline>
            </w:drawing>
          </mc:Choice>
          <mc:Fallback>
            <w:pict>
              <v:group id="Group 60474" o:spid="_x0000_s1936" style="width:313.05pt;height:257.55pt;mso-position-horizontal-relative:char;mso-position-vertical-relative:line" coordsize="39755,3271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">
                <v:shape id="Shape 4046" o:spid="_x0000_s1937" style="position:absolute;left:3337;top:1353;width:8614;height:3230;visibility:visible;mso-wrap-style:square;v-text-anchor:top" coordsize="861387,3229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" path="m,322981r861387,l861387,,,,,322981xe" filled="f" strokeweight=".05064mm">
                  <v:stroke endcap="round"/>
                  <v:path arrowok="t" textboxrect="0,0,861387,322981"/>
                </v:shape>
                <v:rect id="Rectangle 4047" o:spid="_x0000_s1938" style="position:absolute;left:5093;top:2031;width:6785;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v:textbox>
                </v:rect>
                <v:rect id="Rectangle 4048" o:spid="_x0000_s1939" style="position:absolute;left:3955;top:3124;width:9814;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изации</w:t>
                        </w:r>
                      </w:p>
                    </w:txbxContent>
                  </v:textbox>
                </v:rect>
                <v:shape id="Shape 69421" o:spid="_x0000_s1940" style="position:absolute;left:11951;top:1353;width:7106;height:3230;visibility:visible;mso-wrap-style:square;v-text-anchor:top" coordsize="710616,3229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" path="m,l710616,r,322981l,322981,,e" stroked="f" strokeweight="0">
                  <v:stroke endcap="round"/>
                  <v:path arrowok="t" textboxrect="0,0,710616,322981"/>
                </v:shape>
                <v:shape id="Shape 4050" o:spid="_x0000_s1941" style="position:absolute;left:11951;top:1353;width:7106;height:3230;visibility:visible;mso-wrap-style:square;v-text-anchor:top" coordsize="710616,3229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" path="m,322981r710616,l710616,,,,,322981xe" filled="f" strokeweight=".05064mm">
                  <v:stroke endcap="round"/>
                  <v:path arrowok="t" textboxrect="0,0,710616,322981"/>
                </v:shape>
                <v:rect id="Rectangle 4051" o:spid="_x0000_s1942" style="position:absolute;left:12103;top:2031;width:9244;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нициализация </w:t>
                        </w:r>
                      </w:p>
                    </w:txbxContent>
                  </v:textbox>
                </v:rect>
                <v:rect id="Rectangle 4052" o:spid="_x0000_s1943" style="position:absolute;left:12510;top:3124;width:3344;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4053" o:spid="_x0000_s1944" style="position:absolute;left:15024;top:2963;width:404;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054" o:spid="_x0000_s1945" style="position:absolute;left:15328;top:3124;width:4216;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69422" o:spid="_x0000_s1946" style="position:absolute;left:19057;top:1353;width:3660;height:3230;visibility:visible;mso-wrap-style:square;v-text-anchor:top" coordsize="366076,3229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" path="m,l366076,r,322981l,322981,,e" stroked="f" strokeweight="0">
                  <v:stroke endcap="round"/>
                  <v:path arrowok="t" textboxrect="0,0,366076,322981"/>
                </v:shape>
                <v:shape id="Shape 4056" o:spid="_x0000_s1947" style="position:absolute;left:19057;top:1353;width:3660;height:3230;visibility:visible;mso-wrap-style:square;v-text-anchor:top" coordsize="366076,3229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" path="m,322981r366076,l366076,,,,,322981xe" filled="f" strokeweight=".05064mm">
                  <v:stroke endcap="round"/>
                  <v:path arrowok="t" textboxrect="0,0,366076,322981"/>
                </v:shape>
                <v:rect id="Rectangle 4057" o:spid="_x0000_s1948" style="position:absolute;left:20128;top:2416;width:2021;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ISR</w:t>
                        </w:r>
                      </w:p>
                    </w:txbxContent>
                  </v:textbox>
                </v:rect>
                <v:shape id="Shape 4059" o:spid="_x0000_s1949" style="position:absolute;left:22718;top:1353;width:5087;height:3230;visibility:visible;mso-wrap-style:square;v-text-anchor:top" coordsize="508734,3229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" path="m,322981r508734,l508734,,,,,322981xe" filled="f" strokeweight=".05064mm">
                  <v:stroke endcap="round"/>
                  <v:path arrowok="t" textboxrect="0,0,508734,322981"/>
                </v:shape>
                <v:rect id="Rectangle 4060" o:spid="_x0000_s1950" style="position:absolute;left:24147;top:1869;width:2560;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4061" o:spid="_x0000_s1951" style="position:absolute;left:26072;top:1869;width:404;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062" o:spid="_x0000_s1952" style="position:absolute;left:22918;top:3124;width:6234;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роцедуры</w:t>
                        </w:r>
                      </w:p>
                    </w:txbxContent>
                  </v:textbox>
                </v:rect>
                <v:shape id="Shape 4063" o:spid="_x0000_s1953" style="position:absolute;left:2907;top:4905;width:1507;height:1508;visibility:visible;mso-wrap-style:square;v-text-anchor:top" coordsize="150741,1507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" path="m75374,v41622,,75367,33726,75367,75352c150741,116978,116996,150704,75374,150704,33744,150704,,116978,,75352,,33726,33744,,75374,xe" fillcolor="#d9d9d9" stroked="f" strokeweight="0">
                  <v:stroke endcap="round"/>
                  <v:path arrowok="t" textboxrect="0,0,150741,150704"/>
                </v:shape>
                <v:shape id="Shape 4064" o:spid="_x0000_s1954" style="position:absolute;left:2907;top:4905;width:1507;height:1508;visibility:visible;mso-wrap-style:square;v-text-anchor:top" coordsize="150741,1507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" path="m150741,75352c150741,33726,116996,,75374,,33744,,,33726,,75352v,41626,33744,75352,75374,75352c116996,150704,150741,116978,150741,75352xe" filled="f" strokeweight=".15192mm">
                  <v:stroke endcap="round"/>
                  <v:path arrowok="t" textboxrect="0,0,150741,150704"/>
                </v:shape>
                <v:rect id="Rectangle 4065" o:spid="_x0000_s1955" style="position:absolute;left:3407;top:5108;width:674;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3</w:t>
                        </w:r>
                      </w:p>
                    </w:txbxContent>
                  </v:textbox>
                </v:rect>
                <v:rect id="Rectangle 4066" o:spid="_x0000_s1956" style="position:absolute;left:4718;top:4989;width:2358;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SR </w:t>
                        </w:r>
                      </w:p>
                    </w:txbxContent>
                  </v:textbox>
                </v:rect>
                <v:rect id="Rectangle 4067" o:spid="_x0000_s1957" style="position:absolute;left:6491;top:5150;width:16358;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ерехватывает прерывание </w:t>
                        </w:r>
                      </w:p>
                    </w:txbxContent>
                  </v:textbox>
                </v:rect>
                <v:rect id="Rectangle 4068" o:spid="_x0000_s1958" style="position:absolute;left:4718;top:6244;width:15268;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т устройства и помещает </w:t>
                        </w:r>
                      </w:p>
                    </w:txbxContent>
                  </v:textbox>
                </v:rect>
                <v:rect id="Rectangle 4069" o:spid="_x0000_s1959" style="position:absolute;left:16197;top:6083;width:2897;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DPC </w:t>
                        </w:r>
                      </w:p>
                    </w:txbxContent>
                  </v:textbox>
                </v:rect>
                <v:rect id="Rectangle 4070" o:spid="_x0000_s1960" style="position:absolute;left:4718;top:7338;width:5649;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в очередь</w:t>
                        </w:r>
                      </w:p>
                    </w:txbxContent>
                  </v:textbox>
                </v:rect>
                <v:shape id="Shape 4071" o:spid="_x0000_s1961" style="position:absolute;left:19683;top:4583;width:1204;height:4047;visibility:visible;mso-wrap-style:square;v-text-anchor:top" coordsize="120483,4047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" path="m120483,c120483,181088,72320,342883,,404715e" filled="f" strokeweight=".15192mm">
                  <v:stroke endcap="round"/>
                  <v:path arrowok="t" textboxrect="0,0,120483,404715"/>
                </v:shape>
                <v:shape id="Shape 4072" o:spid="_x0000_s1962" style="position:absolute;left:19057;top:8379;width:776;height:510;visibility:visible;mso-wrap-style:square;v-text-anchor:top" coordsize="77638,509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" path="m58798,l77638,45424,,50970,58798,xe" fillcolor="black" stroked="f" strokeweight="0">
                  <v:stroke endcap="round"/>
                  <v:path arrowok="t" textboxrect="0,0,77638,50970"/>
                </v:shape>
                <v:shape id="Shape 4073" o:spid="_x0000_s1963" style="position:absolute;left:15719;top:8135;width:3338;height:1507;visibility:visible;mso-wrap-style:square;v-text-anchor:top" coordsize="333722,15070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" path="m75359,l258363,v41630,,75359,33727,75359,75353c333722,116978,299993,150705,258363,150705r-183004,c33730,150705,,116978,,75353,,33727,33730,,75359,xe" fillcolor="#f2f2f2" stroked="f" strokeweight="0">
                  <v:stroke endcap="round"/>
                  <v:path arrowok="t" textboxrect="0,0,333722,150705"/>
                </v:shape>
                <v:shape id="Shape 4074" o:spid="_x0000_s1964" style="position:absolute;left:15719;top:8135;width:3338;height:1507;visibility:visible;mso-wrap-style:square;v-text-anchor:top" coordsize="333722,15070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" path="m75359,150705r183004,c299993,150705,333722,116978,333722,75353v,,,,,c333722,33727,299993,,258363,l75359,c33730,,,33727,,75353v,41625,33730,75352,75359,75352xe" filled="f" strokeweight=".05064mm">
                  <v:stroke endcap="round"/>
                  <v:path arrowok="t" textboxrect="0,0,333722,150705"/>
                </v:shape>
                <v:rect id="Rectangle 4075" o:spid="_x0000_s1965" style="position:absolute;left:16426;top:8337;width:2560;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shape id="Shape 4076" o:spid="_x0000_s1966" style="position:absolute;left:7052;top:10612;width:3338;height:1507;visibility:visible;mso-wrap-style:square;v-text-anchor:top" coordsize="333798,15070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" path="m75359,l258439,v41630,,75359,33727,75359,75353c333798,116979,300069,150705,258439,150705r-183080,c33729,150705,,116979,,75353,,33727,33729,,75359,xe" fillcolor="#f2f2f2" stroked="f" strokeweight="0">
                  <v:stroke endcap="round"/>
                  <v:path arrowok="t" textboxrect="0,0,333798,150705"/>
                </v:shape>
                <v:shape id="Shape 4077" o:spid="_x0000_s1967" style="position:absolute;left:7052;top:10612;width:3338;height:1507;visibility:visible;mso-wrap-style:square;v-text-anchor:top" coordsize="333798,15070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" path="m75359,150705r183080,c300069,150705,333798,116979,333798,75353v,,,,,c333798,33727,300069,,258439,r,l75359,c33729,,,33727,,75353v,41626,33729,75352,75359,75352xe" filled="f" strokeweight=".05064mm">
                  <v:stroke endcap="round"/>
                  <v:path arrowok="t" textboxrect="0,0,333798,150705"/>
                </v:shape>
                <v:rect id="Rectangle 4078" o:spid="_x0000_s1968" style="position:absolute;left:7758;top:10814;width:2560;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shape id="Shape 4079" o:spid="_x0000_s1969" style="position:absolute;top:10612;width:3337;height:1507;visibility:visible;mso-wrap-style:square;v-text-anchor:top" coordsize="333775,15070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" path="m75367,l258401,v41630,,75374,33727,75374,75353c333775,116979,300031,150705,258401,150705r-183034,c33744,150705,,116979,,75353,,33727,33744,,75367,xe" fillcolor="#f2f2f2" stroked="f" strokeweight="0">
                  <v:stroke endcap="round"/>
                  <v:path arrowok="t" textboxrect="0,0,333775,150705"/>
                </v:shape>
                <v:shape id="Shape 4080" o:spid="_x0000_s1970" style="position:absolute;top:10612;width:3337;height:1507;visibility:visible;mso-wrap-style:square;v-text-anchor:top" coordsize="333775,15070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" path="m75367,150705r183034,c300031,150705,333775,116979,333775,75353v,,,,,c333775,33727,300031,,258401,r,l75367,c33744,,,33727,,75353v,41626,33744,75352,75367,75352xe" filled="f" strokeweight=".05064mm">
                  <v:stroke endcap="round"/>
                  <v:path arrowok="t" textboxrect="0,0,333775,150705"/>
                </v:shape>
                <v:rect id="Rectangle 4081" o:spid="_x0000_s1971" style="position:absolute;left:706;top:10814;width:2560;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shape id="Shape 4082" o:spid="_x0000_s1972" style="position:absolute;left:4014;top:11365;width:3038;height:0;visibility:visible;mso-wrap-style:square;v-text-anchor:top" coordsize="30375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" path="m303753,l,e" filled="f" strokeweight=".15192mm">
                  <v:stroke endcap="round"/>
                  <v:path arrowok="t" textboxrect="0,0,303753,0"/>
                </v:shape>
                <v:shape id="Shape 4083" o:spid="_x0000_s1973" style="position:absolute;left:3337;top:11119;width:739;height:492;visibility:visible;mso-wrap-style:square;v-text-anchor:top" coordsize="73840,492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" path="m73840,r,49222l,24611,73840,xe" fillcolor="black" stroked="f" strokeweight="0">
                  <v:stroke endcap="round"/>
                  <v:path arrowok="t" textboxrect="0,0,73840,49222"/>
                </v:shape>
                <v:shape id="Shape 4084" o:spid="_x0000_s1974" style="position:absolute;left:11067;top:9642;width:6321;height:1715;visibility:visible;mso-wrap-style:square;v-text-anchor:top" coordsize="632196,1714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" path="m632196,c632196,88721,358639,162858,,171441e" filled="f" strokeweight=".15192mm">
                  <v:stroke endcap="round"/>
                  <v:path arrowok="t" textboxrect="0,0,632196,171441"/>
                </v:shape>
                <v:shape id="Shape 4085" o:spid="_x0000_s1975" style="position:absolute;left:10390;top:11110;width:741;height:492;visibility:visible;mso-wrap-style:square;v-text-anchor:top" coordsize="74144,492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" path="m73536,r608,49222l,25522,73536,xe" fillcolor="black" stroked="f" strokeweight="0">
                  <v:stroke endcap="round"/>
                  <v:path arrowok="t" textboxrect="0,0,74144,49222"/>
                </v:shape>
                <v:rect id="Rectangle 4086" o:spid="_x0000_s1976" style="position:absolute;left:2330;top:13021;width:5274;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чередь </w:t>
                        </w:r>
                      </w:p>
                    </w:txbxContent>
                  </v:textbox>
                </v:rect>
                <v:rect id="Rectangle 4087" o:spid="_x0000_s1977" style="position:absolute;left:6296;top:12859;width:2559;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shape id="Shape 4088" o:spid="_x0000_s1978" style="position:absolute;left:20565;top:12764;width:1507;height:1508;visibility:visible;mso-wrap-style:square;v-text-anchor:top" coordsize="150718,1507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" path="m75359,v41630,,75359,33803,75359,75428c150718,117055,116989,150781,75359,150781,33730,150781,,117055,,75428,,33803,33730,,75359,xe" fillcolor="#d9d9d9" stroked="f" strokeweight="0">
                  <v:stroke endcap="round"/>
                  <v:path arrowok="t" textboxrect="0,0,150718,150781"/>
                </v:shape>
                <v:shape id="Shape 4089" o:spid="_x0000_s1979" style="position:absolute;left:20565;top:12764;width:1507;height:1508;visibility:visible;mso-wrap-style:square;v-text-anchor:top" coordsize="150718,1507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" path="m150718,75428c150718,33803,116989,,75359,,33730,,,33803,,75428v,41627,33730,75353,75359,75353c116989,150781,150718,117055,150718,75428xe" filled="f" strokeweight=".15192mm">
                  <v:stroke endcap="round"/>
                  <v:path arrowok="t" textboxrect="0,0,150718,150781"/>
                </v:shape>
                <v:rect id="Rectangle 4090" o:spid="_x0000_s1980" style="position:absolute;left:21064;top:12967;width:675;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rect id="Rectangle 4091" o:spid="_x0000_s1981" style="position:absolute;left:22591;top:11909;width:13202;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 прерываний</w:t>
                        </w:r>
                      </w:p>
                    </w:txbxContent>
                  </v:textbox>
                </v:rect>
                <v:rect id="Rectangle 4092" o:spid="_x0000_s1982" style="position:absolute;left:32516;top:11748;width:674;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093" o:spid="_x0000_s1983" style="position:absolute;left:22591;top:13003;width:12260;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ринадлежащий ядру</w:t>
                        </w:r>
                      </w:p>
                    </w:txbxContent>
                  </v:textbox>
                </v:rect>
                <v:rect id="Rectangle 4094" o:spid="_x0000_s1984" style="position:absolute;left:31809;top:12842;width:674;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095" o:spid="_x0000_s1985" style="position:absolute;left:32316;top:13003;width:4954;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едает </w:t>
                        </w:r>
                      </w:p>
                    </w:txbxContent>
                  </v:textbox>
                </v:rect>
                <v:rect id="Rectangle 4096" o:spid="_x0000_s1986" style="position:absolute;left:22591;top:14097;width:21804;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управление процедуре обслуживания </w:t>
                        </w:r>
                      </w:p>
                    </w:txbxContent>
                  </v:textbox>
                </v:rect>
                <v:rect id="Rectangle 4097" o:spid="_x0000_s1987" style="position:absolute;left:22591;top:15191;width:6873;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рерывания</w:t>
                        </w:r>
                      </w:p>
                    </w:txbxContent>
                  </v:textbox>
                </v:rect>
                <v:rect id="Rectangle 4098" o:spid="_x0000_s1988" style="position:absolute;left:27759;top:15029;width:673;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099" o:spid="_x0000_s1989" style="position:absolute;left:28265;top:15191;width:15282;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инадлежащей драйверу </w:t>
                        </w:r>
                      </w:p>
                    </w:txbxContent>
                  </v:textbox>
                </v:rect>
                <v:rect id="Rectangle 4100" o:spid="_x0000_s1990" style="position:absolute;left:22591;top:16285;width:7621;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устройства    </w:t>
                        </w:r>
                      </w:p>
                    </w:txbxContent>
                  </v:textbox>
                </v:rect>
                <v:shape id="Shape 4101" o:spid="_x0000_s1991" style="position:absolute;left:22299;top:4741;width:2572;height:7378;visibility:visible;mso-wrap-style:square;v-text-anchor:top" coordsize="257223,7377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" path="m257223,737798c257223,380787,149807,72770,,e" filled="f" strokeweight=".15192mm">
                  <v:stroke endcap="round"/>
                  <v:path arrowok="t" textboxrect="0,0,257223,737798"/>
                </v:shape>
                <v:shape id="Shape 4102" o:spid="_x0000_s1992" style="position:absolute;left:21641;top:4516;width:776;height:478;visibility:visible;mso-wrap-style:square;v-text-anchor:top" coordsize="77562,478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" path="m77562,l66015,47855,,6685,77562,xe" fillcolor="black" stroked="f" strokeweight="0">
                  <v:stroke endcap="round"/>
                  <v:path arrowok="t" textboxrect="0,0,77562,47855"/>
                </v:shape>
                <v:shape id="Shape 4104" o:spid="_x0000_s1993" style="position:absolute;left:16257;top:19655;width:6460;height:1077;visibility:visible;mso-wrap-style:square;v-text-anchor:top" coordsize="646014,1076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" path="m,107658r646014,l646014,,,,,107658xe" filled="f" strokeweight=".05064mm">
                  <v:stroke endcap="round"/>
                  <v:path arrowok="t" textboxrect="0,0,646014,107658"/>
                </v:shape>
                <v:shape id="Shape 69423" o:spid="_x0000_s1994" style="position:absolute;left:16257;top:20732;width:6460;height:3230;visibility:visible;mso-wrap-style:square;v-text-anchor:top" coordsize="646014,3229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" path="m,l646014,r,322982l,322982,,e" stroked="f" strokeweight="0">
                  <v:stroke endcap="round"/>
                  <v:path arrowok="t" textboxrect="0,0,646014,322982"/>
                </v:shape>
                <v:shape id="Shape 4106" o:spid="_x0000_s1995" style="position:absolute;left:16257;top:20732;width:6460;height:3230;visibility:visible;mso-wrap-style:square;v-text-anchor:top" coordsize="646014,3229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" path="m,322982r646014,l646014,,,,,322982xe" filled="f" strokeweight=".05064mm">
                  <v:stroke endcap="round"/>
                  <v:path arrowok="t" textboxrect="0,0,646014,322982"/>
                </v:shape>
                <v:shape id="Shape 69424" o:spid="_x0000_s1996" style="position:absolute;left:16257;top:23961;width:6460;height:1077;visibility:visible;mso-wrap-style:square;v-text-anchor:top" coordsize="646014,1076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" path="m,l646014,r,107659l,107659,,e" stroked="f" strokeweight="0">
                  <v:stroke endcap="round"/>
                  <v:path arrowok="t" textboxrect="0,0,646014,107659"/>
                </v:shape>
                <v:shape id="Shape 4108" o:spid="_x0000_s1997" style="position:absolute;left:16257;top:23961;width:6460;height:1077;visibility:visible;mso-wrap-style:square;v-text-anchor:top" coordsize="646014,1076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" path="m,107659r646014,l646014,,,,,107659xe" filled="f" strokeweight=".05064mm">
                  <v:stroke endcap="round"/>
                  <v:path arrowok="t" textboxrect="0,0,646014,107659"/>
                </v:shape>
                <v:shape id="Shape 69425" o:spid="_x0000_s1998" style="position:absolute;left:16257;top:25038;width:6460;height:3230;visibility:visible;mso-wrap-style:square;v-text-anchor:top" coordsize="646014,3229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" path="m,l646014,r,322981l,322981,,e" stroked="f" strokeweight="0">
                  <v:stroke endcap="round"/>
                  <v:path arrowok="t" textboxrect="0,0,646014,322981"/>
                </v:shape>
                <v:shape id="Shape 4110" o:spid="_x0000_s1999" style="position:absolute;left:16257;top:25038;width:6460;height:3230;visibility:visible;mso-wrap-style:square;v-text-anchor:top" coordsize="646014,3229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" path="m,322981r646014,l646014,,,,,322981xe" filled="f" strokeweight=".05064mm">
                  <v:stroke endcap="round"/>
                  <v:path arrowok="t" textboxrect="0,0,646014,322981"/>
                </v:shape>
                <v:shape id="Shape 4112" o:spid="_x0000_s2000" style="position:absolute;left:16257;top:30421;width:6460;height:1076;visibility:visible;mso-wrap-style:square;v-text-anchor:top" coordsize="646014,1076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" path="m,107658r646014,l646014,,,,,107658xe" filled="f" strokeweight=".05064mm">
                  <v:stroke endcap="round"/>
                  <v:path arrowok="t" textboxrect="0,0,646014,107658"/>
                </v:shape>
                <v:shape id="Shape 69426" o:spid="_x0000_s2001" style="position:absolute;left:16257;top:29344;width:6460;height:1077;visibility:visible;mso-wrap-style:square;v-text-anchor:top" coordsize="646014,1076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" path="m,l646014,r,107658l,107658,,e" stroked="f" strokeweight="0">
                  <v:stroke endcap="round"/>
                  <v:path arrowok="t" textboxrect="0,0,646014,107658"/>
                </v:shape>
                <v:shape id="Shape 4114" o:spid="_x0000_s2002" style="position:absolute;left:16257;top:29344;width:6460;height:1077;visibility:visible;mso-wrap-style:square;v-text-anchor:top" coordsize="646014,1076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" path="m,107658r646014,l646014,,,,,107658xe" filled="f" strokeweight=".05064mm">
                  <v:stroke endcap="round"/>
                  <v:path arrowok="t" textboxrect="0,0,646014,107658"/>
                </v:shape>
                <v:shape id="Shape 69427" o:spid="_x0000_s2003" style="position:absolute;left:16257;top:28268;width:6460;height:1076;visibility:visible;mso-wrap-style:square;v-text-anchor:top" coordsize="646014,1076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" path="m,l646014,r,107659l,107659,,e" stroked="f" strokeweight="0">
                  <v:stroke endcap="round"/>
                  <v:path arrowok="t" textboxrect="0,0,646014,107659"/>
                </v:shape>
                <v:shape id="Shape 4116" o:spid="_x0000_s2004" style="position:absolute;left:16257;top:28268;width:6460;height:1076;visibility:visible;mso-wrap-style:square;v-text-anchor:top" coordsize="646014,1076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" path="m,107659r646014,l646014,,,,,107659xe" filled="f" strokeweight=".05064mm">
                  <v:stroke endcap="round"/>
                  <v:path arrowok="t" textboxrect="0,0,646014,107659"/>
                </v:shape>
                <v:shape id="Shape 4117" o:spid="_x0000_s2005" style="position:absolute;left:19487;top:20732;width:0;height:3230;visibility:visible;mso-wrap-style:square;v-text-anchor:top" coordsize="0,3229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" path="m,l,322982e" filled="f" strokeweight=".15192mm">
                  <v:stroke endcap="round"/>
                  <v:path arrowok="t" textboxrect="0,0,0,322982"/>
                </v:shape>
                <v:shape id="Shape 4118" o:spid="_x0000_s2006" style="position:absolute;left:19487;top:25038;width:0;height:3230;visibility:visible;mso-wrap-style:square;v-text-anchor:top" coordsize="0,32297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" path="m,l,322973e" filled="f" strokeweight=".15192mm">
                  <v:stroke endcap="round"/>
                  <v:path arrowok="t" textboxrect="0,0,0,322973"/>
                </v:shape>
                <v:rect id="Rectangle 4119" o:spid="_x0000_s2007" style="position:absolute;left:18399;top:31694;width:2896;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b/>
                            <w:sz w:val="14"/>
                          </w:rPr>
                          <w:t>IRQL</w:t>
                        </w:r>
                      </w:p>
                    </w:txbxContent>
                  </v:textbox>
                </v:rect>
                <v:rect id="Rectangle 4120" o:spid="_x0000_s2008" style="position:absolute;left:12568;top:30629;width:4583;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Passive</w:t>
                        </w:r>
                        <w:proofErr w:type="spellEnd"/>
                        <w:r>
                          <w:rPr>
                            <w:rFonts w:ascii="Arial" w:eastAsia="Arial" w:hAnsi="Arial" w:cs="Arial"/>
                            <w:sz w:val="14"/>
                          </w:rPr>
                          <w:t xml:space="preserve"> </w:t>
                        </w:r>
                      </w:p>
                    </w:txbxContent>
                  </v:textbox>
                </v:rect>
                <v:rect id="Rectangle 4121" o:spid="_x0000_s2009" style="position:absolute;left:14028;top:29552;width:2493;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v:rect id="Rectangle 4122" o:spid="_x0000_s2010" style="position:absolute;left:10202;top:28476;width:2560;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4123" o:spid="_x0000_s2011" style="position:absolute;left:12127;top:28476;width:337;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124" o:spid="_x0000_s2012" style="position:absolute;left:12380;top:28476;width:4717;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ispatch</w:t>
                        </w:r>
                        <w:proofErr w:type="spellEnd"/>
                      </w:p>
                    </w:txbxContent>
                  </v:textbox>
                </v:rect>
                <v:rect id="Rectangle 4125" o:spid="_x0000_s2013" style="position:absolute;left:11053;top:24170;width:6873;height:13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evice</w:t>
                        </w:r>
                        <w:proofErr w:type="spellEnd"/>
                        <w:r>
                          <w:rPr>
                            <w:rFonts w:ascii="Arial" w:eastAsia="Arial" w:hAnsi="Arial" w:cs="Arial"/>
                            <w:sz w:val="14"/>
                          </w:rPr>
                          <w:t xml:space="preserve"> IRQL</w:t>
                        </w:r>
                      </w:p>
                    </w:txbxContent>
                  </v:textbox>
                </v:rect>
                <v:rect id="Rectangle 4126" o:spid="_x0000_s2014" style="position:absolute;left:14183;top:19863;width:2494;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High</w:t>
                        </w:r>
                        <w:proofErr w:type="spellEnd"/>
                      </w:p>
                    </w:txbxContent>
                  </v:textbox>
                </v:rect>
                <v:shape id="Shape 4127" o:spid="_x0000_s2015" style="position:absolute;left:22718;top:16641;width:2153;height:7874;visibility:visible;mso-wrap-style:square;v-text-anchor:top" coordsize="215366,7874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" path="m,785882c118736,787477,215138,435554,215366,v,,,,,e" filled="f" strokeweight=".15192mm">
                  <v:stroke endcap="round"/>
                  <v:path arrowok="t" textboxrect="0,0,215366,787477"/>
                </v:shape>
                <v:shape id="Shape 4128" o:spid="_x0000_s2016" style="position:absolute;left:1184;top:21377;width:1507;height:1507;visibility:visible;mso-wrap-style:square;v-text-anchor:top" coordsize="150741,15070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" path="m75367,v41629,,75374,33727,75374,75353c150741,116978,116996,150705,75367,150705,33744,150705,,116978,,75353,,33727,33744,,75367,xe" fillcolor="#d9d9d9" stroked="f" strokeweight="0">
                  <v:stroke endcap="round"/>
                  <v:path arrowok="t" textboxrect="0,0,150741,150705"/>
                </v:shape>
                <v:shape id="Shape 4129" o:spid="_x0000_s2017" style="position:absolute;left:1184;top:21377;width:1507;height:1507;visibility:visible;mso-wrap-style:square;v-text-anchor:top" coordsize="150741,15070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" path="m150741,75353c150741,33727,116996,,75367,,33744,,,33727,,75353v,41625,33744,75352,75367,75352c116996,150705,150741,116978,150741,75353xe" filled="f" strokeweight=".15192mm">
                  <v:stroke endcap="round"/>
                  <v:path arrowok="t" textboxrect="0,0,150741,150705"/>
                </v:shape>
                <v:rect id="Rectangle 4130" o:spid="_x0000_s2018" style="position:absolute;left:1684;top:21579;width:674;height:13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rect id="Rectangle 4131" o:spid="_x0000_s2019" style="position:absolute;left:2861;top:20857;width:13434;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Устройство генерирует </w:t>
                        </w:r>
                      </w:p>
                    </w:txbxContent>
                  </v:textbox>
                </v:rect>
                <v:rect id="Rectangle 4132" o:spid="_x0000_s2020" style="position:absolute;left:2861;top:21950;width:9636;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ерывание для </w:t>
                        </w:r>
                      </w:p>
                    </w:txbxContent>
                  </v:textbox>
                </v:rect>
                <v:rect id="Rectangle 4133" o:spid="_x0000_s2021" style="position:absolute;left:2861;top:23044;width:8436;height:11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бслуживания </w:t>
                        </w:r>
                      </w:p>
                    </w:txbxContent>
                  </v:textbox>
                </v:rect>
                <v:shape id="Picture 67465" o:spid="_x0000_s2022" type="#_x0000_t75" style="position:absolute;left:-30;top:29734;width:4206;height:176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">
                  <v:imagedata r:id="rId42" o:title=""/>
                </v:shape>
                <v:shape id="Picture 67466" o:spid="_x0000_s2023" type="#_x0000_t75" style="position:absolute;left:132;top:31451;width:3231;height:48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">
                  <v:imagedata r:id="rId43" o:title=""/>
                </v:shape>
                <v:shape id="Picture 67467" o:spid="_x0000_s2024" type="#_x0000_t75" style="position:absolute;left:3017;top:29734;width:1402;height:219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">
                  <v:imagedata r:id="rId44" o:title=""/>
                </v:shape>
                <v:shape id="Shape 4140" o:spid="_x0000_s2025" style="position:absolute;left:3030;top:29775;width:1406;height:2153;visibility:visible;mso-wrap-style:square;v-text-anchor:top" coordsize="140637,2153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" path="m111846,c83791,61467,48360,119318,6351,172255,,188267,7878,206596,23952,213182v2644,1079,5417,1800,8243,2134c80168,167256,116404,108729,138047,44369,140637,25264,129789,6890,111846,xe" filled="f" strokecolor="white" strokeweight=".15192mm">
                  <v:stroke endcap="round"/>
                  <v:path arrowok="t" textboxrect="0,0,140637,215316"/>
                </v:shape>
                <v:shape id="Shape 4141" o:spid="_x0000_s2026" style="position:absolute;left:107;top:29775;width:4324;height:2153;visibility:visible;mso-wrap-style:square;v-text-anchor:top" coordsize="432357,2153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" path="m91038,53c79567,2629,68773,7596,59353,14653,22881,48713,1512,96006,,145972v1079,29899,18847,56720,45937,69344l45937,215316r278509,c372473,167203,408739,108600,430359,44141,432357,24938,421152,6783,403118,l91038,53xe" filled="f" strokeweight=".3165mm">
                  <v:stroke endcap="round"/>
                  <v:path arrowok="t" textboxrect="0,0,432357,215316"/>
                </v:shape>
                <v:shape id="Picture 67468" o:spid="_x0000_s2027" type="#_x0000_t75" style="position:absolute;left:416;top:30211;width:732;height:61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">
                  <v:imagedata r:id="rId45" o:title=""/>
                </v:shape>
                <v:shape id="Shape 4144" o:spid="_x0000_s2028" style="position:absolute;left:403;top:30214;width:763;height:627;visibility:visible;mso-wrap-style:square;v-text-anchor:top" coordsize="76278,626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" path="m50472,52701c67770,42712,76278,25051,69472,13255,62657,1458,43111,,25806,9989,8508,19977,,37638,6807,49427v6814,11796,26360,13263,43665,3274xe" filled="f" strokeweight=".15192mm">
                  <v:stroke endcap="round"/>
                  <v:path arrowok="t" textboxrect="0,0,76278,62690"/>
                </v:shape>
                <v:shape id="Picture 67469" o:spid="_x0000_s2029" type="#_x0000_t75" style="position:absolute;left:599;top:30943;width:336;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">
                  <v:imagedata r:id="rId46" o:title=""/>
                </v:shape>
                <v:shape id="Shape 4147" o:spid="_x0000_s2030" style="position:absolute;left:635;top:30982;width:318;height:261;visibility:visible;mso-wrap-style:square;v-text-anchor:top" coordsize="31830,260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" path="m21035,21906c28260,17736,31830,10384,29004,5484,26171,592,18019,,10795,4177,3571,8348,,15701,2826,20593v2826,4899,10977,5484,18209,1313xe" filled="f" strokeweight=".15192mm">
                  <v:stroke endcap="round"/>
                  <v:path arrowok="t" textboxrect="0,0,31830,26077"/>
                </v:shape>
                <v:shape id="Shape 4148" o:spid="_x0000_s2031" style="position:absolute;left:1026;top:30044;width:2641;height:1195;visibility:visible;mso-wrap-style:square;v-text-anchor:top" coordsize="264152,119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" path="m,119500l73505,,264152,e" filled="f" strokecolor="white" strokeweight=".15192mm">
                  <v:stroke endcap="round"/>
                  <v:path arrowok="t" textboxrect="0,0,264152,119500"/>
                </v:shape>
                <v:shape id="Picture 67470" o:spid="_x0000_s2032" type="#_x0000_t75" style="position:absolute;left:1046;top:30018;width:2622;height:121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">
                  <v:imagedata r:id="rId47" o:title=""/>
                </v:shape>
                <v:shape id="Picture 67471" o:spid="_x0000_s2033" type="#_x0000_t75" style="position:absolute;left:1046;top:30018;width:2622;height:121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">
                  <v:imagedata r:id="rId47" o:title=""/>
                </v:shape>
                <v:shape id="Shape 4153" o:spid="_x0000_s2034" style="position:absolute;left:1026;top:30044;width:2641;height:1195;visibility:visible;mso-wrap-style:square;v-text-anchor:top" coordsize="264152,119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" path="m77524,5386l6898,119500r-6898,l190076,119500,264152,r-3442,5386l77524,5386xe" filled="f" strokeweight=".15192mm">
                  <v:stroke endcap="round"/>
                  <v:path arrowok="t" textboxrect="0,0,264152,119500"/>
                </v:shape>
                <v:shape id="Picture 67472" o:spid="_x0000_s2035" type="#_x0000_t75" style="position:absolute;left:1209;top:29988;width:335;height:27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">
                  <v:imagedata r:id="rId48" o:title=""/>
                </v:shape>
                <v:shape id="Shape 4156" o:spid="_x0000_s2036" style="position:absolute;left:1239;top:30013;width:320;height:264;visibility:visible;mso-wrap-style:square;v-text-anchor:top" coordsize="31944,263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" path="m21180,22203c28411,18025,31944,10604,29072,5628,26193,646,18004,,10764,4170,3532,8348,,15770,2872,20744v2879,4984,11068,5630,18308,1459xe" filled="f" strokeweight=".15192mm">
                  <v:stroke endcap="round"/>
                  <v:path arrowok="t" textboxrect="0,0,31944,26374"/>
                </v:shape>
                <v:shape id="Picture 67473" o:spid="_x0000_s2037" type="#_x0000_t75" style="position:absolute;left:3017;top:31004;width:244;height:21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">
                  <v:imagedata r:id="rId49" o:title=""/>
                </v:shape>
                <v:shape id="Shape 4159" o:spid="_x0000_s2038" style="position:absolute;left:3052;top:31045;width:209;height:170;visibility:visible;mso-wrap-style:square;v-text-anchor:top" coordsize="20883,169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" path="m13758,14227c18513,11478,20883,6684,19053,3517,17229,342,11889,,7126,2749,2370,5492,,10292,1831,13460v1831,3168,7171,3510,11927,767xe" filled="f" strokeweight=".15192mm">
                  <v:stroke endcap="round"/>
                  <v:path arrowok="t" textboxrect="0,0,20883,16970"/>
                </v:shape>
                <v:shape id="Shape 4160" o:spid="_x0000_s2039" style="position:absolute;left:3583;top:25193;width:6547;height:4252;visibility:visible;mso-wrap-style:square;v-text-anchor:top" coordsize="654689,4251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" path="m,425179l533067,209612,191930,187127,654689,e" filled="f" strokeweight=".15192mm">
                  <v:stroke endcap="round"/>
                  <v:path arrowok="t" textboxrect="0,0,654689,425179"/>
                </v:shape>
                <v:shape id="Shape 4161" o:spid="_x0000_s2040" style="position:absolute;left:9981;top:24938;width:776;height:506;visibility:visible;mso-wrap-style:square;v-text-anchor:top" coordsize="77638,505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" path="m77638,l18460,50514,,4938,77638,xe" fillcolor="black" stroked="f" strokeweight="0">
                  <v:stroke endcap="round"/>
                  <v:path arrowok="t" textboxrect="0,0,77638,50514"/>
                </v:shape>
                <v:rect id="Rectangle 4162" o:spid="_x0000_s2041" style="position:absolute;left:10394;width:13413;height:1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b/>
                            <w:sz w:val="14"/>
                          </w:rPr>
                          <w:t>Драйверы устройства</w:t>
                        </w:r>
                      </w:p>
                    </w:txbxContent>
                  </v:textbox>
                </v:rect>
                <w10:anchorlock/>
              </v:group>
            </w:pict>
          </mc:Fallback>
        </mc:AlternateContent>
      </w:r>
    </w:p>
    <w:p w:rsidR="0043064D" w:rsidRDefault="008B3C4B">
      <w:pPr>
        <w:spacing w:after="302" w:line="259" w:lineRule="auto"/>
        <w:ind w:left="1596" w:right="1357" w:firstLine="0"/>
        <w:jc w:val="right"/>
      </w:pPr>
      <w:r>
        <w:t xml:space="preserve"> </w:t>
      </w:r>
    </w:p>
    <w:p w:rsidR="0043064D" w:rsidRDefault="008B3C4B">
      <w:pPr>
        <w:spacing w:after="333" w:line="265" w:lineRule="auto"/>
        <w:ind w:right="6"/>
        <w:jc w:val="center"/>
      </w:pPr>
      <w:r>
        <w:t xml:space="preserve">Рис. 11. Обслуживание прерывания от устройства (фаза 1) </w:t>
      </w:r>
    </w:p>
    <w:p w:rsidR="0043064D" w:rsidRDefault="008B3C4B">
      <w:pPr>
        <w:ind w:left="-5" w:right="1"/>
      </w:pPr>
      <w:r>
        <w:t xml:space="preserve">Когда устройство генерирует прерывание, процессор передает управление обработчику ловушки ядра, который находит ISR для этого устройства по </w:t>
      </w:r>
      <w:r>
        <w:t xml:space="preserve">таблице диспетчеризации прерываний. ISR в </w:t>
      </w:r>
      <w:proofErr w:type="spellStart"/>
      <w:r>
        <w:t>Windows</w:t>
      </w:r>
      <w:proofErr w:type="spellEnd"/>
      <w:r>
        <w:t xml:space="preserve"> обычно обрабатывают прерывания от устройств в два этапа. При первом вызове ISR, как правило, остается на уровне </w:t>
      </w:r>
      <w:proofErr w:type="spellStart"/>
      <w:r>
        <w:t>Device</w:t>
      </w:r>
      <w:proofErr w:type="spellEnd"/>
      <w:r>
        <w:t xml:space="preserve"> IRQL ровно столько </w:t>
      </w:r>
      <w:r>
        <w:lastRenderedPageBreak/>
        <w:t>времени, сколько нужно для того, чтобы сохранить состояние устройств</w:t>
      </w:r>
      <w:r>
        <w:t xml:space="preserve">а и запретить дальнейшие прерывания от него. После этого ISR помещает DPC в очередь и, закрыв прерывание, завершается. Впоследствии, при вызове DPC-процедуры драйвер устройства заканчивает обработку прерывания, а затем вызывает диспетчер </w:t>
      </w:r>
      <w:proofErr w:type="spellStart"/>
      <w:r>
        <w:t>вводавывода</w:t>
      </w:r>
      <w:proofErr w:type="spellEnd"/>
      <w:r>
        <w:t xml:space="preserve"> для за</w:t>
      </w:r>
      <w:r>
        <w:t xml:space="preserve">вершения ввода-вывода и удаления IRP. Этот драйвер также может начать выполнение следующего запроса ввода-вывода, ждущего в очереди устройства. </w:t>
      </w:r>
    </w:p>
    <w:p w:rsidR="0043064D" w:rsidRDefault="008B3C4B">
      <w:pPr>
        <w:spacing w:after="239"/>
        <w:ind w:left="-5" w:right="1"/>
      </w:pPr>
      <w:r>
        <w:t>Преимущество выполнения большей части обработки прерываний от устройств через DPC в том, что это разрешает любы</w:t>
      </w:r>
      <w:r>
        <w:t>е блокируемые прерывания с приоритетами от «</w:t>
      </w:r>
      <w:proofErr w:type="spellStart"/>
      <w:r>
        <w:t>Device</w:t>
      </w:r>
      <w:proofErr w:type="spellEnd"/>
      <w:r>
        <w:t xml:space="preserve"> IRQL» до «DPC/</w:t>
      </w:r>
      <w:proofErr w:type="spellStart"/>
      <w:r>
        <w:t>dispalch</w:t>
      </w:r>
      <w:proofErr w:type="spellEnd"/>
      <w:r>
        <w:t>» — пока не началась обработка DPC, имеющего более низкий приоритет. А за счет этого удается более оперативно (чем это могло бы быть в ином случае) обслуживать прерывания среднего при</w:t>
      </w:r>
      <w:r>
        <w:t xml:space="preserve">оритета. Вторая фаза </w:t>
      </w:r>
      <w:proofErr w:type="spellStart"/>
      <w:r>
        <w:t>вводавывода</w:t>
      </w:r>
      <w:proofErr w:type="spellEnd"/>
      <w:r>
        <w:t xml:space="preserve"> (обработка DPC) показана на Рис. 12. </w:t>
      </w:r>
    </w:p>
    <w:p w:rsidR="0043064D" w:rsidRDefault="008B3C4B">
      <w:pPr>
        <w:spacing w:after="0" w:line="265" w:lineRule="auto"/>
        <w:ind w:right="319"/>
        <w:jc w:val="center"/>
      </w:pPr>
      <w:r>
        <w:rPr>
          <w:rFonts w:ascii="Calibri" w:eastAsia="Calibri" w:hAnsi="Calibri" w:cs="Calibri"/>
          <w:noProof/>
          <w:sz w:val="22"/>
        </w:rPr>
        <mc:AlternateContent>
          <mc:Choice Requires="wpg">
            <w:drawing>
              <wp:inline distT="0" distB="0" distL="0" distR="0">
                <wp:extent cx="3605506" cy="3688260"/>
                <wp:effectExtent l="0" t="0" r="0" b="0"/>
                <wp:docPr id="60755" name="Group 60755"/>
                <wp:cNvGraphicFramePr/>
                <a:graphic xmlns:a="http://schemas.openxmlformats.org/drawingml/2006/main">
                  <a:graphicData uri="http://schemas.microsoft.com/office/word/2010/wordprocessingGroup">
                    <wpg:wgp>
                      <wpg:cNvGrpSpPr/>
                      <wpg:grpSpPr>
                        <a:xfrm>
                          <a:off x="0" y="0"/>
                          <a:ext cx="3605506" cy="3688260"/>
                          <a:chOff x="0" y="0"/>
                          <a:chExt cx="3605506" cy="3688260"/>
                        </a:xfrm>
                      </wpg:grpSpPr>
                      <wps:wsp>
                        <wps:cNvPr id="4261" name="Shape 4261"/>
                        <wps:cNvSpPr/>
                        <wps:spPr>
                          <a:xfrm>
                            <a:off x="84216" y="115150"/>
                            <a:ext cx="862541" cy="323467"/>
                          </a:xfrm>
                          <a:custGeom>
                            <a:avLst/>
                            <a:gdLst/>
                            <a:ahLst/>
                            <a:cxnLst/>
                            <a:rect l="0" t="0" r="0" b="0"/>
                            <a:pathLst>
                              <a:path w="862541" h="323467">
                                <a:moveTo>
                                  <a:pt x="0" y="323467"/>
                                </a:moveTo>
                                <a:lnTo>
                                  <a:pt x="862541" y="323467"/>
                                </a:lnTo>
                                <a:lnTo>
                                  <a:pt x="862541" y="0"/>
                                </a:lnTo>
                                <a:lnTo>
                                  <a:pt x="0" y="0"/>
                                </a:ln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262" name="Rectangle 4262"/>
                        <wps:cNvSpPr/>
                        <wps:spPr>
                          <a:xfrm>
                            <a:off x="260048" y="183034"/>
                            <a:ext cx="679433" cy="11412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wps:txbx>
                        <wps:bodyPr horzOverflow="overflow" vert="horz" lIns="0" tIns="0" rIns="0" bIns="0" rtlCol="0">
                          <a:noAutofit/>
                        </wps:bodyPr>
                      </wps:wsp>
                      <wps:wsp>
                        <wps:cNvPr id="4263" name="Rectangle 4263"/>
                        <wps:cNvSpPr/>
                        <wps:spPr>
                          <a:xfrm>
                            <a:off x="146036" y="292581"/>
                            <a:ext cx="982751"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изации</w:t>
                              </w:r>
                            </w:p>
                          </w:txbxContent>
                        </wps:txbx>
                        <wps:bodyPr horzOverflow="overflow" vert="horz" lIns="0" tIns="0" rIns="0" bIns="0" rtlCol="0">
                          <a:noAutofit/>
                        </wps:bodyPr>
                      </wps:wsp>
                      <wps:wsp>
                        <wps:cNvPr id="69435" name="Shape 69435"/>
                        <wps:cNvSpPr/>
                        <wps:spPr>
                          <a:xfrm>
                            <a:off x="946711" y="115150"/>
                            <a:ext cx="711568" cy="323467"/>
                          </a:xfrm>
                          <a:custGeom>
                            <a:avLst/>
                            <a:gdLst/>
                            <a:ahLst/>
                            <a:cxnLst/>
                            <a:rect l="0" t="0" r="0" b="0"/>
                            <a:pathLst>
                              <a:path w="711568" h="323467">
                                <a:moveTo>
                                  <a:pt x="0" y="0"/>
                                </a:moveTo>
                                <a:lnTo>
                                  <a:pt x="711568" y="0"/>
                                </a:lnTo>
                                <a:lnTo>
                                  <a:pt x="711568" y="323467"/>
                                </a:lnTo>
                                <a:lnTo>
                                  <a:pt x="0" y="323467"/>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265" name="Shape 4265"/>
                        <wps:cNvSpPr/>
                        <wps:spPr>
                          <a:xfrm>
                            <a:off x="946711" y="115150"/>
                            <a:ext cx="711568" cy="323467"/>
                          </a:xfrm>
                          <a:custGeom>
                            <a:avLst/>
                            <a:gdLst/>
                            <a:ahLst/>
                            <a:cxnLst/>
                            <a:rect l="0" t="0" r="0" b="0"/>
                            <a:pathLst>
                              <a:path w="711568" h="323467">
                                <a:moveTo>
                                  <a:pt x="0" y="323467"/>
                                </a:moveTo>
                                <a:lnTo>
                                  <a:pt x="711568" y="323467"/>
                                </a:lnTo>
                                <a:lnTo>
                                  <a:pt x="711568" y="0"/>
                                </a:lnTo>
                                <a:lnTo>
                                  <a:pt x="0" y="0"/>
                                </a:ln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266" name="Rectangle 4266"/>
                        <wps:cNvSpPr/>
                        <wps:spPr>
                          <a:xfrm>
                            <a:off x="961925" y="183034"/>
                            <a:ext cx="925690" cy="11412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нициализация </w:t>
                              </w:r>
                            </w:p>
                          </w:txbxContent>
                        </wps:txbx>
                        <wps:bodyPr horzOverflow="overflow" vert="horz" lIns="0" tIns="0" rIns="0" bIns="0" rtlCol="0">
                          <a:noAutofit/>
                        </wps:bodyPr>
                      </wps:wsp>
                      <wps:wsp>
                        <wps:cNvPr id="4267" name="Rectangle 4267"/>
                        <wps:cNvSpPr/>
                        <wps:spPr>
                          <a:xfrm>
                            <a:off x="1002698" y="292581"/>
                            <a:ext cx="334860"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4268" name="Rectangle 4268"/>
                        <wps:cNvSpPr/>
                        <wps:spPr>
                          <a:xfrm>
                            <a:off x="1254485" y="276425"/>
                            <a:ext cx="40430"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269" name="Rectangle 4269"/>
                        <wps:cNvSpPr/>
                        <wps:spPr>
                          <a:xfrm>
                            <a:off x="1284912" y="292581"/>
                            <a:ext cx="422119"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69436" name="Shape 69436"/>
                        <wps:cNvSpPr/>
                        <wps:spPr>
                          <a:xfrm>
                            <a:off x="1658256" y="115150"/>
                            <a:ext cx="366567" cy="323467"/>
                          </a:xfrm>
                          <a:custGeom>
                            <a:avLst/>
                            <a:gdLst/>
                            <a:ahLst/>
                            <a:cxnLst/>
                            <a:rect l="0" t="0" r="0" b="0"/>
                            <a:pathLst>
                              <a:path w="366567" h="323467">
                                <a:moveTo>
                                  <a:pt x="0" y="0"/>
                                </a:moveTo>
                                <a:lnTo>
                                  <a:pt x="366567" y="0"/>
                                </a:lnTo>
                                <a:lnTo>
                                  <a:pt x="366567" y="323467"/>
                                </a:lnTo>
                                <a:lnTo>
                                  <a:pt x="0" y="323467"/>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271" name="Shape 4271"/>
                        <wps:cNvSpPr/>
                        <wps:spPr>
                          <a:xfrm>
                            <a:off x="1658256" y="115150"/>
                            <a:ext cx="366567" cy="323467"/>
                          </a:xfrm>
                          <a:custGeom>
                            <a:avLst/>
                            <a:gdLst/>
                            <a:ahLst/>
                            <a:cxnLst/>
                            <a:rect l="0" t="0" r="0" b="0"/>
                            <a:pathLst>
                              <a:path w="366567" h="323467">
                                <a:moveTo>
                                  <a:pt x="0" y="323467"/>
                                </a:moveTo>
                                <a:lnTo>
                                  <a:pt x="366567" y="323467"/>
                                </a:lnTo>
                                <a:lnTo>
                                  <a:pt x="366567" y="0"/>
                                </a:lnTo>
                                <a:lnTo>
                                  <a:pt x="0" y="0"/>
                                </a:ln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272" name="Rectangle 4272"/>
                        <wps:cNvSpPr/>
                        <wps:spPr>
                          <a:xfrm>
                            <a:off x="1765513" y="221652"/>
                            <a:ext cx="202388"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SR</w:t>
                              </w:r>
                            </w:p>
                          </w:txbxContent>
                        </wps:txbx>
                        <wps:bodyPr horzOverflow="overflow" vert="horz" lIns="0" tIns="0" rIns="0" bIns="0" rtlCol="0">
                          <a:noAutofit/>
                        </wps:bodyPr>
                      </wps:wsp>
                      <wps:wsp>
                        <wps:cNvPr id="4274" name="Shape 4274"/>
                        <wps:cNvSpPr/>
                        <wps:spPr>
                          <a:xfrm>
                            <a:off x="2024830" y="115150"/>
                            <a:ext cx="509416" cy="323467"/>
                          </a:xfrm>
                          <a:custGeom>
                            <a:avLst/>
                            <a:gdLst/>
                            <a:ahLst/>
                            <a:cxnLst/>
                            <a:rect l="0" t="0" r="0" b="0"/>
                            <a:pathLst>
                              <a:path w="509416" h="323467">
                                <a:moveTo>
                                  <a:pt x="0" y="323467"/>
                                </a:moveTo>
                                <a:lnTo>
                                  <a:pt x="509416" y="323467"/>
                                </a:lnTo>
                                <a:lnTo>
                                  <a:pt x="509416" y="0"/>
                                </a:lnTo>
                                <a:lnTo>
                                  <a:pt x="0" y="0"/>
                                </a:ln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275" name="Rectangle 4275"/>
                        <wps:cNvSpPr/>
                        <wps:spPr>
                          <a:xfrm>
                            <a:off x="2167992" y="166878"/>
                            <a:ext cx="2563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276" name="Rectangle 4276"/>
                        <wps:cNvSpPr/>
                        <wps:spPr>
                          <a:xfrm>
                            <a:off x="2360749" y="166878"/>
                            <a:ext cx="40430"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277" name="Rectangle 4277"/>
                        <wps:cNvSpPr/>
                        <wps:spPr>
                          <a:xfrm>
                            <a:off x="2044913" y="292581"/>
                            <a:ext cx="624198"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оцедуры</w:t>
                              </w:r>
                            </w:p>
                          </w:txbxContent>
                        </wps:txbx>
                        <wps:bodyPr horzOverflow="overflow" vert="horz" lIns="0" tIns="0" rIns="0" bIns="0" rtlCol="0">
                          <a:noAutofit/>
                        </wps:bodyPr>
                      </wps:wsp>
                      <wps:wsp>
                        <wps:cNvPr id="4278" name="Shape 4278"/>
                        <wps:cNvSpPr/>
                        <wps:spPr>
                          <a:xfrm>
                            <a:off x="41089" y="470949"/>
                            <a:ext cx="150938" cy="151007"/>
                          </a:xfrm>
                          <a:custGeom>
                            <a:avLst/>
                            <a:gdLst/>
                            <a:ahLst/>
                            <a:cxnLst/>
                            <a:rect l="0" t="0" r="0" b="0"/>
                            <a:pathLst>
                              <a:path w="150938" h="151007">
                                <a:moveTo>
                                  <a:pt x="75471" y="0"/>
                                </a:moveTo>
                                <a:cubicBezTo>
                                  <a:pt x="117149" y="0"/>
                                  <a:pt x="150938" y="33777"/>
                                  <a:pt x="150938" y="75465"/>
                                </a:cubicBezTo>
                                <a:cubicBezTo>
                                  <a:pt x="150938" y="117154"/>
                                  <a:pt x="117149" y="151007"/>
                                  <a:pt x="75471" y="151007"/>
                                </a:cubicBezTo>
                                <a:cubicBezTo>
                                  <a:pt x="33785" y="151007"/>
                                  <a:pt x="0" y="117154"/>
                                  <a:pt x="0" y="75465"/>
                                </a:cubicBezTo>
                                <a:cubicBezTo>
                                  <a:pt x="0" y="33777"/>
                                  <a:pt x="33785" y="0"/>
                                  <a:pt x="75471"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279" name="Shape 4279"/>
                        <wps:cNvSpPr/>
                        <wps:spPr>
                          <a:xfrm>
                            <a:off x="41089" y="470949"/>
                            <a:ext cx="150938" cy="151007"/>
                          </a:xfrm>
                          <a:custGeom>
                            <a:avLst/>
                            <a:gdLst/>
                            <a:ahLst/>
                            <a:cxnLst/>
                            <a:rect l="0" t="0" r="0" b="0"/>
                            <a:pathLst>
                              <a:path w="150938" h="151007">
                                <a:moveTo>
                                  <a:pt x="150938" y="75465"/>
                                </a:moveTo>
                                <a:cubicBezTo>
                                  <a:pt x="150938" y="33777"/>
                                  <a:pt x="117149" y="0"/>
                                  <a:pt x="75471" y="0"/>
                                </a:cubicBezTo>
                                <a:cubicBezTo>
                                  <a:pt x="33785" y="0"/>
                                  <a:pt x="0" y="33777"/>
                                  <a:pt x="0" y="75465"/>
                                </a:cubicBezTo>
                                <a:cubicBezTo>
                                  <a:pt x="0" y="117154"/>
                                  <a:pt x="33785" y="151007"/>
                                  <a:pt x="75471" y="151007"/>
                                </a:cubicBezTo>
                                <a:cubicBezTo>
                                  <a:pt x="117149" y="151007"/>
                                  <a:pt x="150938" y="117154"/>
                                  <a:pt x="150938" y="75465"/>
                                </a:cubicBezTo>
                                <a:close/>
                              </a:path>
                            </a:pathLst>
                          </a:custGeom>
                          <a:ln w="5477" cap="rnd">
                            <a:round/>
                          </a:ln>
                        </wps:spPr>
                        <wps:style>
                          <a:lnRef idx="1">
                            <a:srgbClr val="000000"/>
                          </a:lnRef>
                          <a:fillRef idx="0">
                            <a:srgbClr val="000000">
                              <a:alpha val="0"/>
                            </a:srgbClr>
                          </a:fillRef>
                          <a:effectRef idx="0">
                            <a:scrgbClr r="0" g="0" b="0"/>
                          </a:effectRef>
                          <a:fontRef idx="none"/>
                        </wps:style>
                        <wps:bodyPr/>
                      </wps:wsp>
                      <wps:wsp>
                        <wps:cNvPr id="4280" name="Rectangle 4280"/>
                        <wps:cNvSpPr/>
                        <wps:spPr>
                          <a:xfrm>
                            <a:off x="91176" y="491182"/>
                            <a:ext cx="6752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w:t>
                              </w:r>
                            </w:p>
                          </w:txbxContent>
                        </wps:txbx>
                        <wps:bodyPr horzOverflow="overflow" vert="horz" lIns="0" tIns="0" rIns="0" bIns="0" rtlCol="0">
                          <a:noAutofit/>
                        </wps:bodyPr>
                      </wps:wsp>
                      <wps:wsp>
                        <wps:cNvPr id="4281" name="Rectangle 4281"/>
                        <wps:cNvSpPr/>
                        <wps:spPr>
                          <a:xfrm>
                            <a:off x="222455" y="466458"/>
                            <a:ext cx="2563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282" name="Rectangle 4282"/>
                        <wps:cNvSpPr/>
                        <wps:spPr>
                          <a:xfrm>
                            <a:off x="415182" y="466458"/>
                            <a:ext cx="40430"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283" name="Rectangle 4283"/>
                        <wps:cNvSpPr/>
                        <wps:spPr>
                          <a:xfrm>
                            <a:off x="445579" y="482614"/>
                            <a:ext cx="1807550"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а начинает обработку </w:t>
                              </w:r>
                            </w:p>
                          </w:txbxContent>
                        </wps:txbx>
                        <wps:bodyPr horzOverflow="overflow" vert="horz" lIns="0" tIns="0" rIns="0" bIns="0" rtlCol="0">
                          <a:noAutofit/>
                        </wps:bodyPr>
                      </wps:wsp>
                      <wps:wsp>
                        <wps:cNvPr id="4284" name="Rectangle 4284"/>
                        <wps:cNvSpPr/>
                        <wps:spPr>
                          <a:xfrm>
                            <a:off x="222455" y="592161"/>
                            <a:ext cx="1883496"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ледующего запроса из очереди </w:t>
                              </w:r>
                            </w:p>
                          </w:txbxContent>
                        </wps:txbx>
                        <wps:bodyPr horzOverflow="overflow" vert="horz" lIns="0" tIns="0" rIns="0" bIns="0" rtlCol="0">
                          <a:noAutofit/>
                        </wps:bodyPr>
                      </wps:wsp>
                      <wps:wsp>
                        <wps:cNvPr id="4285" name="Rectangle 4285"/>
                        <wps:cNvSpPr/>
                        <wps:spPr>
                          <a:xfrm>
                            <a:off x="222455" y="701708"/>
                            <a:ext cx="628185"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стройства</w:t>
                              </w:r>
                            </w:p>
                          </w:txbxContent>
                        </wps:txbx>
                        <wps:bodyPr horzOverflow="overflow" vert="horz" lIns="0" tIns="0" rIns="0" bIns="0" rtlCol="0">
                          <a:noAutofit/>
                        </wps:bodyPr>
                      </wps:wsp>
                      <wps:wsp>
                        <wps:cNvPr id="4286" name="Rectangle 4286"/>
                        <wps:cNvSpPr/>
                        <wps:spPr>
                          <a:xfrm>
                            <a:off x="694787" y="685552"/>
                            <a:ext cx="67462"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287" name="Rectangle 4287"/>
                        <wps:cNvSpPr/>
                        <wps:spPr>
                          <a:xfrm>
                            <a:off x="745510" y="701708"/>
                            <a:ext cx="1373202"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сле чего заканчивает </w:t>
                              </w:r>
                            </w:p>
                          </w:txbxContent>
                        </wps:txbx>
                        <wps:bodyPr horzOverflow="overflow" vert="horz" lIns="0" tIns="0" rIns="0" bIns="0" rtlCol="0">
                          <a:noAutofit/>
                        </wps:bodyPr>
                      </wps:wsp>
                      <wps:wsp>
                        <wps:cNvPr id="4288" name="Rectangle 4288"/>
                        <wps:cNvSpPr/>
                        <wps:spPr>
                          <a:xfrm>
                            <a:off x="222455" y="811254"/>
                            <a:ext cx="1568411"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бслуживание прерывания </w:t>
                              </w:r>
                            </w:p>
                          </w:txbxContent>
                        </wps:txbx>
                        <wps:bodyPr horzOverflow="overflow" vert="horz" lIns="0" tIns="0" rIns="0" bIns="0" rtlCol="0">
                          <a:noAutofit/>
                        </wps:bodyPr>
                      </wps:wsp>
                      <wps:wsp>
                        <wps:cNvPr id="4289" name="Shape 4289"/>
                        <wps:cNvSpPr/>
                        <wps:spPr>
                          <a:xfrm>
                            <a:off x="0" y="1042418"/>
                            <a:ext cx="334222" cy="150931"/>
                          </a:xfrm>
                          <a:custGeom>
                            <a:avLst/>
                            <a:gdLst/>
                            <a:ahLst/>
                            <a:cxnLst/>
                            <a:rect l="0" t="0" r="0" b="0"/>
                            <a:pathLst>
                              <a:path w="334222" h="150931">
                                <a:moveTo>
                                  <a:pt x="75468" y="0"/>
                                </a:moveTo>
                                <a:lnTo>
                                  <a:pt x="258755" y="0"/>
                                </a:lnTo>
                                <a:cubicBezTo>
                                  <a:pt x="300433" y="0"/>
                                  <a:pt x="334222" y="33777"/>
                                  <a:pt x="334222" y="75466"/>
                                </a:cubicBezTo>
                                <a:cubicBezTo>
                                  <a:pt x="334222" y="117154"/>
                                  <a:pt x="300433" y="150931"/>
                                  <a:pt x="258755" y="150931"/>
                                </a:cubicBezTo>
                                <a:lnTo>
                                  <a:pt x="75468" y="150931"/>
                                </a:lnTo>
                                <a:cubicBezTo>
                                  <a:pt x="33789" y="150931"/>
                                  <a:pt x="0" y="117154"/>
                                  <a:pt x="0" y="75466"/>
                                </a:cubicBezTo>
                                <a:cubicBezTo>
                                  <a:pt x="0" y="33777"/>
                                  <a:pt x="33789" y="0"/>
                                  <a:pt x="75468"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290" name="Shape 4290"/>
                        <wps:cNvSpPr/>
                        <wps:spPr>
                          <a:xfrm>
                            <a:off x="0" y="1042418"/>
                            <a:ext cx="334222" cy="150931"/>
                          </a:xfrm>
                          <a:custGeom>
                            <a:avLst/>
                            <a:gdLst/>
                            <a:ahLst/>
                            <a:cxnLst/>
                            <a:rect l="0" t="0" r="0" b="0"/>
                            <a:pathLst>
                              <a:path w="334222" h="150931">
                                <a:moveTo>
                                  <a:pt x="75468" y="150931"/>
                                </a:moveTo>
                                <a:lnTo>
                                  <a:pt x="258755" y="150931"/>
                                </a:lnTo>
                                <a:cubicBezTo>
                                  <a:pt x="300433" y="150931"/>
                                  <a:pt x="334222" y="117154"/>
                                  <a:pt x="334222" y="75466"/>
                                </a:cubicBezTo>
                                <a:cubicBezTo>
                                  <a:pt x="334222" y="75466"/>
                                  <a:pt x="334222" y="75466"/>
                                  <a:pt x="334222" y="75466"/>
                                </a:cubicBezTo>
                                <a:cubicBezTo>
                                  <a:pt x="334222" y="33777"/>
                                  <a:pt x="300433" y="0"/>
                                  <a:pt x="258755" y="0"/>
                                </a:cubicBezTo>
                                <a:lnTo>
                                  <a:pt x="75468" y="0"/>
                                </a:lnTo>
                                <a:cubicBezTo>
                                  <a:pt x="33789" y="0"/>
                                  <a:pt x="0" y="33777"/>
                                  <a:pt x="0" y="75466"/>
                                </a:cubicBezTo>
                                <a:cubicBezTo>
                                  <a:pt x="0" y="117154"/>
                                  <a:pt x="33789" y="150931"/>
                                  <a:pt x="75468" y="150931"/>
                                </a:cubicBez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291" name="Rectangle 4291"/>
                        <wps:cNvSpPr/>
                        <wps:spPr>
                          <a:xfrm>
                            <a:off x="52966" y="1062652"/>
                            <a:ext cx="202384"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4292" name="Rectangle 4292"/>
                        <wps:cNvSpPr/>
                        <wps:spPr>
                          <a:xfrm>
                            <a:off x="205134" y="1062652"/>
                            <a:ext cx="337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293" name="Rectangle 4293"/>
                        <wps:cNvSpPr/>
                        <wps:spPr>
                          <a:xfrm>
                            <a:off x="230495" y="1062652"/>
                            <a:ext cx="6752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6</w:t>
                              </w:r>
                            </w:p>
                          </w:txbxContent>
                        </wps:txbx>
                        <wps:bodyPr horzOverflow="overflow" vert="horz" lIns="0" tIns="0" rIns="0" bIns="0" rtlCol="0">
                          <a:noAutofit/>
                        </wps:bodyPr>
                      </wps:wsp>
                      <wps:wsp>
                        <wps:cNvPr id="4294" name="Rectangle 4294"/>
                        <wps:cNvSpPr/>
                        <wps:spPr>
                          <a:xfrm>
                            <a:off x="516734" y="3602453"/>
                            <a:ext cx="559578" cy="114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 xml:space="preserve">Очередь </w:t>
                              </w:r>
                            </w:p>
                          </w:txbxContent>
                        </wps:txbx>
                        <wps:bodyPr horzOverflow="overflow" vert="horz" lIns="0" tIns="0" rIns="0" bIns="0" rtlCol="0">
                          <a:noAutofit/>
                        </wps:bodyPr>
                      </wps:wsp>
                      <wps:wsp>
                        <wps:cNvPr id="4295" name="Rectangle 4295"/>
                        <wps:cNvSpPr/>
                        <wps:spPr>
                          <a:xfrm>
                            <a:off x="937431" y="3586297"/>
                            <a:ext cx="2563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DPC</w:t>
                              </w:r>
                            </w:p>
                          </w:txbxContent>
                        </wps:txbx>
                        <wps:bodyPr horzOverflow="overflow" vert="horz" lIns="0" tIns="0" rIns="0" bIns="0" rtlCol="0">
                          <a:noAutofit/>
                        </wps:bodyPr>
                      </wps:wsp>
                      <wps:wsp>
                        <wps:cNvPr id="4296" name="Shape 4296"/>
                        <wps:cNvSpPr/>
                        <wps:spPr>
                          <a:xfrm>
                            <a:off x="2220935" y="1150215"/>
                            <a:ext cx="150996" cy="151007"/>
                          </a:xfrm>
                          <a:custGeom>
                            <a:avLst/>
                            <a:gdLst/>
                            <a:ahLst/>
                            <a:cxnLst/>
                            <a:rect l="0" t="0" r="0" b="0"/>
                            <a:pathLst>
                              <a:path w="150996" h="151007">
                                <a:moveTo>
                                  <a:pt x="75460" y="0"/>
                                </a:moveTo>
                                <a:cubicBezTo>
                                  <a:pt x="117146" y="0"/>
                                  <a:pt x="150996" y="33853"/>
                                  <a:pt x="150996" y="75542"/>
                                </a:cubicBezTo>
                                <a:cubicBezTo>
                                  <a:pt x="150996" y="117154"/>
                                  <a:pt x="117146" y="151007"/>
                                  <a:pt x="75460" y="151007"/>
                                </a:cubicBezTo>
                                <a:cubicBezTo>
                                  <a:pt x="33851" y="151007"/>
                                  <a:pt x="0" y="117154"/>
                                  <a:pt x="0" y="75542"/>
                                </a:cubicBezTo>
                                <a:cubicBezTo>
                                  <a:pt x="0" y="33853"/>
                                  <a:pt x="33851" y="0"/>
                                  <a:pt x="75460"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297" name="Shape 4297"/>
                        <wps:cNvSpPr/>
                        <wps:spPr>
                          <a:xfrm>
                            <a:off x="2220935" y="1150215"/>
                            <a:ext cx="150996" cy="151007"/>
                          </a:xfrm>
                          <a:custGeom>
                            <a:avLst/>
                            <a:gdLst/>
                            <a:ahLst/>
                            <a:cxnLst/>
                            <a:rect l="0" t="0" r="0" b="0"/>
                            <a:pathLst>
                              <a:path w="150996" h="151007">
                                <a:moveTo>
                                  <a:pt x="150996" y="75542"/>
                                </a:moveTo>
                                <a:cubicBezTo>
                                  <a:pt x="150996" y="33853"/>
                                  <a:pt x="117146" y="0"/>
                                  <a:pt x="75460" y="0"/>
                                </a:cubicBezTo>
                                <a:cubicBezTo>
                                  <a:pt x="33851" y="0"/>
                                  <a:pt x="0" y="33853"/>
                                  <a:pt x="0" y="75542"/>
                                </a:cubicBezTo>
                                <a:cubicBezTo>
                                  <a:pt x="0" y="117154"/>
                                  <a:pt x="33851" y="151007"/>
                                  <a:pt x="75460" y="151007"/>
                                </a:cubicBezTo>
                                <a:cubicBezTo>
                                  <a:pt x="117146" y="151007"/>
                                  <a:pt x="150996" y="117154"/>
                                  <a:pt x="150996" y="75542"/>
                                </a:cubicBezTo>
                                <a:close/>
                              </a:path>
                            </a:pathLst>
                          </a:custGeom>
                          <a:ln w="5477" cap="rnd">
                            <a:round/>
                          </a:ln>
                        </wps:spPr>
                        <wps:style>
                          <a:lnRef idx="1">
                            <a:srgbClr val="000000"/>
                          </a:lnRef>
                          <a:fillRef idx="0">
                            <a:srgbClr val="000000">
                              <a:alpha val="0"/>
                            </a:srgbClr>
                          </a:fillRef>
                          <a:effectRef idx="0">
                            <a:scrgbClr r="0" g="0" b="0"/>
                          </a:effectRef>
                          <a:fontRef idx="none"/>
                        </wps:style>
                        <wps:bodyPr/>
                      </wps:wsp>
                      <wps:wsp>
                        <wps:cNvPr id="4298" name="Rectangle 4298"/>
                        <wps:cNvSpPr/>
                        <wps:spPr>
                          <a:xfrm>
                            <a:off x="2271065" y="1170526"/>
                            <a:ext cx="6752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4299" name="Rectangle 4299"/>
                        <wps:cNvSpPr/>
                        <wps:spPr>
                          <a:xfrm>
                            <a:off x="2431950" y="1119660"/>
                            <a:ext cx="1355657"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прерываний </w:t>
                              </w:r>
                            </w:p>
                          </w:txbxContent>
                        </wps:txbx>
                        <wps:bodyPr horzOverflow="overflow" vert="horz" lIns="0" tIns="0" rIns="0" bIns="0" rtlCol="0">
                          <a:noAutofit/>
                        </wps:bodyPr>
                      </wps:wsp>
                      <wps:wsp>
                        <wps:cNvPr id="4300" name="Rectangle 4300"/>
                        <wps:cNvSpPr/>
                        <wps:spPr>
                          <a:xfrm>
                            <a:off x="2431950" y="1229206"/>
                            <a:ext cx="1264007"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ередает управление </w:t>
                              </w:r>
                            </w:p>
                          </w:txbxContent>
                        </wps:txbx>
                        <wps:bodyPr horzOverflow="overflow" vert="horz" lIns="0" tIns="0" rIns="0" bIns="0" rtlCol="0">
                          <a:noAutofit/>
                        </wps:bodyPr>
                      </wps:wsp>
                      <wps:wsp>
                        <wps:cNvPr id="4301" name="Rectangle 4301"/>
                        <wps:cNvSpPr/>
                        <wps:spPr>
                          <a:xfrm>
                            <a:off x="3382349" y="1213051"/>
                            <a:ext cx="2563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302" name="Rectangle 4302"/>
                        <wps:cNvSpPr/>
                        <wps:spPr>
                          <a:xfrm>
                            <a:off x="3575107" y="1213051"/>
                            <a:ext cx="40430"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303" name="Rectangle 4303"/>
                        <wps:cNvSpPr/>
                        <wps:spPr>
                          <a:xfrm>
                            <a:off x="2431950" y="1338753"/>
                            <a:ext cx="1178900"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оцедуре драйвера</w:t>
                              </w:r>
                            </w:p>
                          </w:txbxContent>
                        </wps:txbx>
                        <wps:bodyPr horzOverflow="overflow" vert="horz" lIns="0" tIns="0" rIns="0" bIns="0" rtlCol="0">
                          <a:noAutofit/>
                        </wps:bodyPr>
                      </wps:wsp>
                      <wps:wsp>
                        <wps:cNvPr id="4305" name="Shape 4305"/>
                        <wps:cNvSpPr/>
                        <wps:spPr>
                          <a:xfrm>
                            <a:off x="1980026" y="1969664"/>
                            <a:ext cx="646880" cy="107820"/>
                          </a:xfrm>
                          <a:custGeom>
                            <a:avLst/>
                            <a:gdLst/>
                            <a:ahLst/>
                            <a:cxnLst/>
                            <a:rect l="0" t="0" r="0" b="0"/>
                            <a:pathLst>
                              <a:path w="646880" h="107820">
                                <a:moveTo>
                                  <a:pt x="0" y="107820"/>
                                </a:moveTo>
                                <a:lnTo>
                                  <a:pt x="646880" y="107820"/>
                                </a:lnTo>
                                <a:lnTo>
                                  <a:pt x="646880" y="0"/>
                                </a:lnTo>
                                <a:lnTo>
                                  <a:pt x="0" y="0"/>
                                </a:ln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69437" name="Shape 69437"/>
                        <wps:cNvSpPr/>
                        <wps:spPr>
                          <a:xfrm>
                            <a:off x="1980026" y="2077483"/>
                            <a:ext cx="646880" cy="323468"/>
                          </a:xfrm>
                          <a:custGeom>
                            <a:avLst/>
                            <a:gdLst/>
                            <a:ahLst/>
                            <a:cxnLst/>
                            <a:rect l="0" t="0" r="0" b="0"/>
                            <a:pathLst>
                              <a:path w="646880" h="323468">
                                <a:moveTo>
                                  <a:pt x="0" y="0"/>
                                </a:moveTo>
                                <a:lnTo>
                                  <a:pt x="646880" y="0"/>
                                </a:lnTo>
                                <a:lnTo>
                                  <a:pt x="646880" y="323468"/>
                                </a:lnTo>
                                <a:lnTo>
                                  <a:pt x="0" y="32346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307" name="Shape 4307"/>
                        <wps:cNvSpPr/>
                        <wps:spPr>
                          <a:xfrm>
                            <a:off x="1980026" y="2077483"/>
                            <a:ext cx="646880" cy="323468"/>
                          </a:xfrm>
                          <a:custGeom>
                            <a:avLst/>
                            <a:gdLst/>
                            <a:ahLst/>
                            <a:cxnLst/>
                            <a:rect l="0" t="0" r="0" b="0"/>
                            <a:pathLst>
                              <a:path w="646880" h="323468">
                                <a:moveTo>
                                  <a:pt x="0" y="323468"/>
                                </a:moveTo>
                                <a:lnTo>
                                  <a:pt x="646880" y="323468"/>
                                </a:lnTo>
                                <a:lnTo>
                                  <a:pt x="646880" y="0"/>
                                </a:lnTo>
                                <a:lnTo>
                                  <a:pt x="0" y="0"/>
                                </a:ln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309" name="Shape 4309"/>
                        <wps:cNvSpPr/>
                        <wps:spPr>
                          <a:xfrm>
                            <a:off x="1980026" y="2401004"/>
                            <a:ext cx="646880" cy="107820"/>
                          </a:xfrm>
                          <a:custGeom>
                            <a:avLst/>
                            <a:gdLst/>
                            <a:ahLst/>
                            <a:cxnLst/>
                            <a:rect l="0" t="0" r="0" b="0"/>
                            <a:pathLst>
                              <a:path w="646880" h="107820">
                                <a:moveTo>
                                  <a:pt x="0" y="107820"/>
                                </a:moveTo>
                                <a:lnTo>
                                  <a:pt x="646880" y="107820"/>
                                </a:lnTo>
                                <a:lnTo>
                                  <a:pt x="646880" y="0"/>
                                </a:lnTo>
                                <a:lnTo>
                                  <a:pt x="0" y="0"/>
                                </a:ln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69438" name="Shape 69438"/>
                        <wps:cNvSpPr/>
                        <wps:spPr>
                          <a:xfrm>
                            <a:off x="1980026" y="2508824"/>
                            <a:ext cx="646880" cy="323467"/>
                          </a:xfrm>
                          <a:custGeom>
                            <a:avLst/>
                            <a:gdLst/>
                            <a:ahLst/>
                            <a:cxnLst/>
                            <a:rect l="0" t="0" r="0" b="0"/>
                            <a:pathLst>
                              <a:path w="646880" h="323467">
                                <a:moveTo>
                                  <a:pt x="0" y="0"/>
                                </a:moveTo>
                                <a:lnTo>
                                  <a:pt x="646880" y="0"/>
                                </a:lnTo>
                                <a:lnTo>
                                  <a:pt x="646880" y="323467"/>
                                </a:lnTo>
                                <a:lnTo>
                                  <a:pt x="0" y="323467"/>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311" name="Shape 4311"/>
                        <wps:cNvSpPr/>
                        <wps:spPr>
                          <a:xfrm>
                            <a:off x="1980026" y="2508824"/>
                            <a:ext cx="646880" cy="323467"/>
                          </a:xfrm>
                          <a:custGeom>
                            <a:avLst/>
                            <a:gdLst/>
                            <a:ahLst/>
                            <a:cxnLst/>
                            <a:rect l="0" t="0" r="0" b="0"/>
                            <a:pathLst>
                              <a:path w="646880" h="323467">
                                <a:moveTo>
                                  <a:pt x="0" y="323467"/>
                                </a:moveTo>
                                <a:lnTo>
                                  <a:pt x="646880" y="323467"/>
                                </a:lnTo>
                                <a:lnTo>
                                  <a:pt x="646880" y="0"/>
                                </a:lnTo>
                                <a:lnTo>
                                  <a:pt x="0" y="0"/>
                                </a:ln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313" name="Shape 4313"/>
                        <wps:cNvSpPr/>
                        <wps:spPr>
                          <a:xfrm>
                            <a:off x="1980026" y="3047909"/>
                            <a:ext cx="646880" cy="107820"/>
                          </a:xfrm>
                          <a:custGeom>
                            <a:avLst/>
                            <a:gdLst/>
                            <a:ahLst/>
                            <a:cxnLst/>
                            <a:rect l="0" t="0" r="0" b="0"/>
                            <a:pathLst>
                              <a:path w="646880" h="107820">
                                <a:moveTo>
                                  <a:pt x="0" y="107820"/>
                                </a:moveTo>
                                <a:lnTo>
                                  <a:pt x="646880" y="107820"/>
                                </a:lnTo>
                                <a:lnTo>
                                  <a:pt x="646880" y="0"/>
                                </a:lnTo>
                                <a:lnTo>
                                  <a:pt x="0" y="0"/>
                                </a:ln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69439" name="Shape 69439"/>
                        <wps:cNvSpPr/>
                        <wps:spPr>
                          <a:xfrm>
                            <a:off x="1980026" y="2940089"/>
                            <a:ext cx="646880" cy="107820"/>
                          </a:xfrm>
                          <a:custGeom>
                            <a:avLst/>
                            <a:gdLst/>
                            <a:ahLst/>
                            <a:cxnLst/>
                            <a:rect l="0" t="0" r="0" b="0"/>
                            <a:pathLst>
                              <a:path w="646880" h="107820">
                                <a:moveTo>
                                  <a:pt x="0" y="0"/>
                                </a:moveTo>
                                <a:lnTo>
                                  <a:pt x="646880" y="0"/>
                                </a:lnTo>
                                <a:lnTo>
                                  <a:pt x="646880" y="107820"/>
                                </a:lnTo>
                                <a:lnTo>
                                  <a:pt x="0" y="107820"/>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315" name="Shape 4315"/>
                        <wps:cNvSpPr/>
                        <wps:spPr>
                          <a:xfrm>
                            <a:off x="1980026" y="2940089"/>
                            <a:ext cx="646880" cy="107820"/>
                          </a:xfrm>
                          <a:custGeom>
                            <a:avLst/>
                            <a:gdLst/>
                            <a:ahLst/>
                            <a:cxnLst/>
                            <a:rect l="0" t="0" r="0" b="0"/>
                            <a:pathLst>
                              <a:path w="646880" h="107820">
                                <a:moveTo>
                                  <a:pt x="0" y="107820"/>
                                </a:moveTo>
                                <a:lnTo>
                                  <a:pt x="646880" y="107820"/>
                                </a:lnTo>
                                <a:lnTo>
                                  <a:pt x="646880" y="0"/>
                                </a:lnTo>
                                <a:lnTo>
                                  <a:pt x="0" y="0"/>
                                </a:ln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69440" name="Shape 69440"/>
                        <wps:cNvSpPr/>
                        <wps:spPr>
                          <a:xfrm>
                            <a:off x="1980026" y="2832269"/>
                            <a:ext cx="646880" cy="107820"/>
                          </a:xfrm>
                          <a:custGeom>
                            <a:avLst/>
                            <a:gdLst/>
                            <a:ahLst/>
                            <a:cxnLst/>
                            <a:rect l="0" t="0" r="0" b="0"/>
                            <a:pathLst>
                              <a:path w="646880" h="107820">
                                <a:moveTo>
                                  <a:pt x="0" y="0"/>
                                </a:moveTo>
                                <a:lnTo>
                                  <a:pt x="646880" y="0"/>
                                </a:lnTo>
                                <a:lnTo>
                                  <a:pt x="646880" y="107820"/>
                                </a:lnTo>
                                <a:lnTo>
                                  <a:pt x="0" y="107820"/>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317" name="Shape 4317"/>
                        <wps:cNvSpPr/>
                        <wps:spPr>
                          <a:xfrm>
                            <a:off x="1980026" y="2832269"/>
                            <a:ext cx="646880" cy="107820"/>
                          </a:xfrm>
                          <a:custGeom>
                            <a:avLst/>
                            <a:gdLst/>
                            <a:ahLst/>
                            <a:cxnLst/>
                            <a:rect l="0" t="0" r="0" b="0"/>
                            <a:pathLst>
                              <a:path w="646880" h="107820">
                                <a:moveTo>
                                  <a:pt x="0" y="107820"/>
                                </a:moveTo>
                                <a:lnTo>
                                  <a:pt x="646880" y="107820"/>
                                </a:lnTo>
                                <a:lnTo>
                                  <a:pt x="646880" y="0"/>
                                </a:lnTo>
                                <a:lnTo>
                                  <a:pt x="0" y="0"/>
                                </a:ln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318" name="Shape 4318"/>
                        <wps:cNvSpPr/>
                        <wps:spPr>
                          <a:xfrm>
                            <a:off x="2303470" y="2077483"/>
                            <a:ext cx="0" cy="323468"/>
                          </a:xfrm>
                          <a:custGeom>
                            <a:avLst/>
                            <a:gdLst/>
                            <a:ahLst/>
                            <a:cxnLst/>
                            <a:rect l="0" t="0" r="0" b="0"/>
                            <a:pathLst>
                              <a:path h="323468">
                                <a:moveTo>
                                  <a:pt x="0" y="0"/>
                                </a:moveTo>
                                <a:lnTo>
                                  <a:pt x="0" y="323468"/>
                                </a:lnTo>
                              </a:path>
                            </a:pathLst>
                          </a:custGeom>
                          <a:ln w="5477" cap="rnd">
                            <a:custDash>
                              <a:ds d="1" sp="388129"/>
                            </a:custDash>
                            <a:round/>
                          </a:ln>
                        </wps:spPr>
                        <wps:style>
                          <a:lnRef idx="1">
                            <a:srgbClr val="000000"/>
                          </a:lnRef>
                          <a:fillRef idx="0">
                            <a:srgbClr val="000000">
                              <a:alpha val="0"/>
                            </a:srgbClr>
                          </a:fillRef>
                          <a:effectRef idx="0">
                            <a:scrgbClr r="0" g="0" b="0"/>
                          </a:effectRef>
                          <a:fontRef idx="none"/>
                        </wps:style>
                        <wps:bodyPr/>
                      </wps:wsp>
                      <wps:wsp>
                        <wps:cNvPr id="4319" name="Shape 4319"/>
                        <wps:cNvSpPr/>
                        <wps:spPr>
                          <a:xfrm>
                            <a:off x="2303470" y="2508824"/>
                            <a:ext cx="0" cy="323467"/>
                          </a:xfrm>
                          <a:custGeom>
                            <a:avLst/>
                            <a:gdLst/>
                            <a:ahLst/>
                            <a:cxnLst/>
                            <a:rect l="0" t="0" r="0" b="0"/>
                            <a:pathLst>
                              <a:path h="323467">
                                <a:moveTo>
                                  <a:pt x="0" y="0"/>
                                </a:moveTo>
                                <a:lnTo>
                                  <a:pt x="0" y="323467"/>
                                </a:lnTo>
                              </a:path>
                            </a:pathLst>
                          </a:custGeom>
                          <a:ln w="5477" cap="rnd">
                            <a:custDash>
                              <a:ds d="1" sp="388129"/>
                            </a:custDash>
                            <a:round/>
                          </a:ln>
                        </wps:spPr>
                        <wps:style>
                          <a:lnRef idx="1">
                            <a:srgbClr val="000000"/>
                          </a:lnRef>
                          <a:fillRef idx="0">
                            <a:srgbClr val="000000">
                              <a:alpha val="0"/>
                            </a:srgbClr>
                          </a:fillRef>
                          <a:effectRef idx="0">
                            <a:scrgbClr r="0" g="0" b="0"/>
                          </a:effectRef>
                          <a:fontRef idx="none"/>
                        </wps:style>
                        <wps:bodyPr/>
                      </wps:wsp>
                      <wps:wsp>
                        <wps:cNvPr id="4321" name="Rectangle 4321"/>
                        <wps:cNvSpPr/>
                        <wps:spPr>
                          <a:xfrm>
                            <a:off x="1610638" y="3068752"/>
                            <a:ext cx="458839" cy="135380"/>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Passive</w:t>
                              </w:r>
                              <w:proofErr w:type="spellEnd"/>
                              <w:r>
                                <w:rPr>
                                  <w:rFonts w:ascii="Arial" w:eastAsia="Arial" w:hAnsi="Arial" w:cs="Arial"/>
                                  <w:sz w:val="14"/>
                                </w:rPr>
                                <w:t xml:space="preserve"> </w:t>
                              </w:r>
                            </w:p>
                          </w:txbxContent>
                        </wps:txbx>
                        <wps:bodyPr horzOverflow="overflow" vert="horz" lIns="0" tIns="0" rIns="0" bIns="0" rtlCol="0">
                          <a:noAutofit/>
                        </wps:bodyPr>
                      </wps:wsp>
                      <wps:wsp>
                        <wps:cNvPr id="4322" name="Rectangle 4322"/>
                        <wps:cNvSpPr/>
                        <wps:spPr>
                          <a:xfrm>
                            <a:off x="1756841" y="2960932"/>
                            <a:ext cx="249637"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s:wsp>
                        <wps:cNvPr id="4323" name="Rectangle 4323"/>
                        <wps:cNvSpPr/>
                        <wps:spPr>
                          <a:xfrm>
                            <a:off x="1373684" y="2853135"/>
                            <a:ext cx="2563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324" name="Rectangle 4324"/>
                        <wps:cNvSpPr/>
                        <wps:spPr>
                          <a:xfrm>
                            <a:off x="1566441" y="2853135"/>
                            <a:ext cx="337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325" name="Rectangle 4325"/>
                        <wps:cNvSpPr/>
                        <wps:spPr>
                          <a:xfrm>
                            <a:off x="1591772" y="2853135"/>
                            <a:ext cx="472351" cy="135380"/>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ispatch</w:t>
                              </w:r>
                              <w:proofErr w:type="spellEnd"/>
                            </w:p>
                          </w:txbxContent>
                        </wps:txbx>
                        <wps:bodyPr horzOverflow="overflow" vert="horz" lIns="0" tIns="0" rIns="0" bIns="0" rtlCol="0">
                          <a:noAutofit/>
                        </wps:bodyPr>
                      </wps:wsp>
                      <wps:wsp>
                        <wps:cNvPr id="4326" name="Rectangle 4326"/>
                        <wps:cNvSpPr/>
                        <wps:spPr>
                          <a:xfrm>
                            <a:off x="1458881" y="2421794"/>
                            <a:ext cx="688190" cy="135380"/>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evice</w:t>
                              </w:r>
                              <w:proofErr w:type="spellEnd"/>
                              <w:r>
                                <w:rPr>
                                  <w:rFonts w:ascii="Arial" w:eastAsia="Arial" w:hAnsi="Arial" w:cs="Arial"/>
                                  <w:sz w:val="14"/>
                                </w:rPr>
                                <w:t xml:space="preserve"> IRQL</w:t>
                              </w:r>
                            </w:p>
                          </w:txbxContent>
                        </wps:txbx>
                        <wps:bodyPr horzOverflow="overflow" vert="horz" lIns="0" tIns="0" rIns="0" bIns="0" rtlCol="0">
                          <a:noAutofit/>
                        </wps:bodyPr>
                      </wps:wsp>
                      <wps:wsp>
                        <wps:cNvPr id="4327" name="Rectangle 4327"/>
                        <wps:cNvSpPr/>
                        <wps:spPr>
                          <a:xfrm>
                            <a:off x="1772359" y="1990529"/>
                            <a:ext cx="249689" cy="135380"/>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High</w:t>
                              </w:r>
                              <w:proofErr w:type="spellEnd"/>
                            </w:p>
                          </w:txbxContent>
                        </wps:txbx>
                        <wps:bodyPr horzOverflow="overflow" vert="horz" lIns="0" tIns="0" rIns="0" bIns="0" rtlCol="0">
                          <a:noAutofit/>
                        </wps:bodyPr>
                      </wps:wsp>
                      <wps:wsp>
                        <wps:cNvPr id="4328" name="Shape 4328"/>
                        <wps:cNvSpPr/>
                        <wps:spPr>
                          <a:xfrm>
                            <a:off x="2626913" y="1516817"/>
                            <a:ext cx="168720" cy="1369335"/>
                          </a:xfrm>
                          <a:custGeom>
                            <a:avLst/>
                            <a:gdLst/>
                            <a:ahLst/>
                            <a:cxnLst/>
                            <a:rect l="0" t="0" r="0" b="0"/>
                            <a:pathLst>
                              <a:path w="168720" h="1369335">
                                <a:moveTo>
                                  <a:pt x="0" y="1369335"/>
                                </a:moveTo>
                                <a:cubicBezTo>
                                  <a:pt x="118819" y="1328484"/>
                                  <a:pt x="168720" y="715402"/>
                                  <a:pt x="111516" y="0"/>
                                </a:cubicBezTo>
                              </a:path>
                            </a:pathLst>
                          </a:custGeom>
                          <a:ln w="5477" cap="rnd">
                            <a:round/>
                          </a:ln>
                        </wps:spPr>
                        <wps:style>
                          <a:lnRef idx="1">
                            <a:srgbClr val="000000"/>
                          </a:lnRef>
                          <a:fillRef idx="0">
                            <a:srgbClr val="000000">
                              <a:alpha val="0"/>
                            </a:srgbClr>
                          </a:fillRef>
                          <a:effectRef idx="0">
                            <a:scrgbClr r="0" g="0" b="0"/>
                          </a:effectRef>
                          <a:fontRef idx="none"/>
                        </wps:style>
                        <wps:bodyPr/>
                      </wps:wsp>
                      <wps:wsp>
                        <wps:cNvPr id="4329" name="Shape 4329"/>
                        <wps:cNvSpPr/>
                        <wps:spPr>
                          <a:xfrm>
                            <a:off x="107812" y="2595092"/>
                            <a:ext cx="150943" cy="150931"/>
                          </a:xfrm>
                          <a:custGeom>
                            <a:avLst/>
                            <a:gdLst/>
                            <a:ahLst/>
                            <a:cxnLst/>
                            <a:rect l="0" t="0" r="0" b="0"/>
                            <a:pathLst>
                              <a:path w="150943" h="150931">
                                <a:moveTo>
                                  <a:pt x="75468" y="0"/>
                                </a:moveTo>
                                <a:cubicBezTo>
                                  <a:pt x="117153" y="0"/>
                                  <a:pt x="150943" y="33777"/>
                                  <a:pt x="150943" y="75466"/>
                                </a:cubicBezTo>
                                <a:cubicBezTo>
                                  <a:pt x="150943" y="117154"/>
                                  <a:pt x="117153" y="150931"/>
                                  <a:pt x="75468" y="150931"/>
                                </a:cubicBezTo>
                                <a:cubicBezTo>
                                  <a:pt x="33790" y="150931"/>
                                  <a:pt x="0" y="117154"/>
                                  <a:pt x="0" y="75466"/>
                                </a:cubicBezTo>
                                <a:cubicBezTo>
                                  <a:pt x="0" y="33777"/>
                                  <a:pt x="33790" y="0"/>
                                  <a:pt x="75468"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330" name="Shape 4330"/>
                        <wps:cNvSpPr/>
                        <wps:spPr>
                          <a:xfrm>
                            <a:off x="107812" y="2595092"/>
                            <a:ext cx="150943" cy="150931"/>
                          </a:xfrm>
                          <a:custGeom>
                            <a:avLst/>
                            <a:gdLst/>
                            <a:ahLst/>
                            <a:cxnLst/>
                            <a:rect l="0" t="0" r="0" b="0"/>
                            <a:pathLst>
                              <a:path w="150943" h="150931">
                                <a:moveTo>
                                  <a:pt x="150943" y="75466"/>
                                </a:moveTo>
                                <a:cubicBezTo>
                                  <a:pt x="150943" y="33777"/>
                                  <a:pt x="117153" y="0"/>
                                  <a:pt x="75468" y="0"/>
                                </a:cubicBezTo>
                                <a:cubicBezTo>
                                  <a:pt x="33790" y="0"/>
                                  <a:pt x="0" y="33777"/>
                                  <a:pt x="0" y="75466"/>
                                </a:cubicBezTo>
                                <a:cubicBezTo>
                                  <a:pt x="0" y="117154"/>
                                  <a:pt x="33790" y="150931"/>
                                  <a:pt x="75468" y="150931"/>
                                </a:cubicBezTo>
                                <a:cubicBezTo>
                                  <a:pt x="117153" y="150931"/>
                                  <a:pt x="150943" y="117154"/>
                                  <a:pt x="150943" y="75466"/>
                                </a:cubicBezTo>
                                <a:close/>
                              </a:path>
                            </a:pathLst>
                          </a:custGeom>
                          <a:ln w="5477" cap="rnd">
                            <a:round/>
                          </a:ln>
                        </wps:spPr>
                        <wps:style>
                          <a:lnRef idx="1">
                            <a:srgbClr val="000000"/>
                          </a:lnRef>
                          <a:fillRef idx="0">
                            <a:srgbClr val="000000">
                              <a:alpha val="0"/>
                            </a:srgbClr>
                          </a:fillRef>
                          <a:effectRef idx="0">
                            <a:scrgbClr r="0" g="0" b="0"/>
                          </a:effectRef>
                          <a:fontRef idx="none"/>
                        </wps:style>
                        <wps:bodyPr/>
                      </wps:wsp>
                      <wps:wsp>
                        <wps:cNvPr id="4331" name="Rectangle 4331"/>
                        <wps:cNvSpPr/>
                        <wps:spPr>
                          <a:xfrm>
                            <a:off x="157903" y="2615327"/>
                            <a:ext cx="6752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pic:pic xmlns:pic="http://schemas.openxmlformats.org/drawingml/2006/picture">
                        <pic:nvPicPr>
                          <pic:cNvPr id="67474" name="Picture 67474"/>
                          <pic:cNvPicPr/>
                        </pic:nvPicPr>
                        <pic:blipFill>
                          <a:blip r:embed="rId50"/>
                          <a:stretch>
                            <a:fillRect/>
                          </a:stretch>
                        </pic:blipFill>
                        <pic:spPr>
                          <a:xfrm>
                            <a:off x="1541303" y="1189854"/>
                            <a:ext cx="417576" cy="176784"/>
                          </a:xfrm>
                          <a:prstGeom prst="rect">
                            <a:avLst/>
                          </a:prstGeom>
                        </pic:spPr>
                      </pic:pic>
                      <pic:pic xmlns:pic="http://schemas.openxmlformats.org/drawingml/2006/picture">
                        <pic:nvPicPr>
                          <pic:cNvPr id="67475" name="Picture 67475"/>
                          <pic:cNvPicPr/>
                        </pic:nvPicPr>
                        <pic:blipFill>
                          <a:blip r:embed="rId51"/>
                          <a:stretch>
                            <a:fillRect/>
                          </a:stretch>
                        </pic:blipFill>
                        <pic:spPr>
                          <a:xfrm>
                            <a:off x="1553495" y="1361558"/>
                            <a:ext cx="323088" cy="48768"/>
                          </a:xfrm>
                          <a:prstGeom prst="rect">
                            <a:avLst/>
                          </a:prstGeom>
                        </pic:spPr>
                      </pic:pic>
                      <pic:pic xmlns:pic="http://schemas.openxmlformats.org/drawingml/2006/picture">
                        <pic:nvPicPr>
                          <pic:cNvPr id="67476" name="Picture 67476"/>
                          <pic:cNvPicPr/>
                        </pic:nvPicPr>
                        <pic:blipFill>
                          <a:blip r:embed="rId52"/>
                          <a:stretch>
                            <a:fillRect/>
                          </a:stretch>
                        </pic:blipFill>
                        <pic:spPr>
                          <a:xfrm>
                            <a:off x="1846103" y="1189854"/>
                            <a:ext cx="140208" cy="219456"/>
                          </a:xfrm>
                          <a:prstGeom prst="rect">
                            <a:avLst/>
                          </a:prstGeom>
                        </pic:spPr>
                      </pic:pic>
                      <wps:wsp>
                        <wps:cNvPr id="4338" name="Shape 4338"/>
                        <wps:cNvSpPr/>
                        <wps:spPr>
                          <a:xfrm>
                            <a:off x="1845157" y="1193349"/>
                            <a:ext cx="140803" cy="215670"/>
                          </a:xfrm>
                          <a:custGeom>
                            <a:avLst/>
                            <a:gdLst/>
                            <a:ahLst/>
                            <a:cxnLst/>
                            <a:rect l="0" t="0" r="0" b="0"/>
                            <a:pathLst>
                              <a:path w="140803" h="215670">
                                <a:moveTo>
                                  <a:pt x="111973" y="0"/>
                                </a:moveTo>
                                <a:cubicBezTo>
                                  <a:pt x="83903" y="61620"/>
                                  <a:pt x="48456" y="119512"/>
                                  <a:pt x="6390" y="172536"/>
                                </a:cubicBezTo>
                                <a:cubicBezTo>
                                  <a:pt x="0" y="188588"/>
                                  <a:pt x="7911" y="206922"/>
                                  <a:pt x="23962" y="213540"/>
                                </a:cubicBezTo>
                                <a:cubicBezTo>
                                  <a:pt x="26624" y="214605"/>
                                  <a:pt x="29439" y="215366"/>
                                  <a:pt x="32253" y="215670"/>
                                </a:cubicBezTo>
                                <a:cubicBezTo>
                                  <a:pt x="80252" y="167515"/>
                                  <a:pt x="116537" y="108938"/>
                                  <a:pt x="138216" y="44427"/>
                                </a:cubicBezTo>
                                <a:cubicBezTo>
                                  <a:pt x="140803" y="25333"/>
                                  <a:pt x="130001" y="6922"/>
                                  <a:pt x="111973" y="0"/>
                                </a:cubicBezTo>
                                <a:close/>
                              </a:path>
                            </a:pathLst>
                          </a:custGeom>
                          <a:ln w="5477" cap="rnd">
                            <a:round/>
                          </a:ln>
                        </wps:spPr>
                        <wps:style>
                          <a:lnRef idx="1">
                            <a:srgbClr val="FFFFFF"/>
                          </a:lnRef>
                          <a:fillRef idx="0">
                            <a:srgbClr val="000000">
                              <a:alpha val="0"/>
                            </a:srgbClr>
                          </a:fillRef>
                          <a:effectRef idx="0">
                            <a:scrgbClr r="0" g="0" b="0"/>
                          </a:effectRef>
                          <a:fontRef idx="none"/>
                        </wps:style>
                        <wps:bodyPr/>
                      </wps:wsp>
                      <wps:wsp>
                        <wps:cNvPr id="4339" name="Shape 4339"/>
                        <wps:cNvSpPr/>
                        <wps:spPr>
                          <a:xfrm>
                            <a:off x="1552521" y="1193349"/>
                            <a:ext cx="432906" cy="215670"/>
                          </a:xfrm>
                          <a:custGeom>
                            <a:avLst/>
                            <a:gdLst/>
                            <a:ahLst/>
                            <a:cxnLst/>
                            <a:rect l="0" t="0" r="0" b="0"/>
                            <a:pathLst>
                              <a:path w="432906" h="215670">
                                <a:moveTo>
                                  <a:pt x="91130" y="76"/>
                                </a:moveTo>
                                <a:cubicBezTo>
                                  <a:pt x="79644" y="2663"/>
                                  <a:pt x="68842" y="7607"/>
                                  <a:pt x="59410" y="14682"/>
                                </a:cubicBezTo>
                                <a:cubicBezTo>
                                  <a:pt x="22897" y="48840"/>
                                  <a:pt x="1522" y="96158"/>
                                  <a:pt x="0" y="146215"/>
                                </a:cubicBezTo>
                                <a:cubicBezTo>
                                  <a:pt x="1065" y="176188"/>
                                  <a:pt x="18865" y="203042"/>
                                  <a:pt x="46021" y="215670"/>
                                </a:cubicBezTo>
                                <a:lnTo>
                                  <a:pt x="324889" y="215670"/>
                                </a:lnTo>
                                <a:cubicBezTo>
                                  <a:pt x="372964" y="167515"/>
                                  <a:pt x="409249" y="108786"/>
                                  <a:pt x="430928" y="44199"/>
                                </a:cubicBezTo>
                                <a:cubicBezTo>
                                  <a:pt x="432906" y="25028"/>
                                  <a:pt x="421724" y="6846"/>
                                  <a:pt x="403620" y="0"/>
                                </a:cubicBezTo>
                                <a:lnTo>
                                  <a:pt x="91130" y="76"/>
                                </a:lnTo>
                                <a:close/>
                              </a:path>
                            </a:pathLst>
                          </a:custGeom>
                          <a:ln w="11410"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77" name="Picture 67477"/>
                          <pic:cNvPicPr/>
                        </pic:nvPicPr>
                        <pic:blipFill>
                          <a:blip r:embed="rId53"/>
                          <a:stretch>
                            <a:fillRect/>
                          </a:stretch>
                        </pic:blipFill>
                        <pic:spPr>
                          <a:xfrm>
                            <a:off x="1582959" y="1237606"/>
                            <a:ext cx="73152" cy="60960"/>
                          </a:xfrm>
                          <a:prstGeom prst="rect">
                            <a:avLst/>
                          </a:prstGeom>
                        </pic:spPr>
                      </pic:pic>
                      <wps:wsp>
                        <wps:cNvPr id="4342" name="Shape 4342"/>
                        <wps:cNvSpPr/>
                        <wps:spPr>
                          <a:xfrm>
                            <a:off x="1582188" y="1237320"/>
                            <a:ext cx="76372" cy="62838"/>
                          </a:xfrm>
                          <a:custGeom>
                            <a:avLst/>
                            <a:gdLst/>
                            <a:ahLst/>
                            <a:cxnLst/>
                            <a:rect l="0" t="0" r="0" b="0"/>
                            <a:pathLst>
                              <a:path w="76372" h="62838">
                                <a:moveTo>
                                  <a:pt x="50510" y="52796"/>
                                </a:moveTo>
                                <a:cubicBezTo>
                                  <a:pt x="67853" y="42830"/>
                                  <a:pt x="76372" y="25105"/>
                                  <a:pt x="69526" y="13313"/>
                                </a:cubicBezTo>
                                <a:cubicBezTo>
                                  <a:pt x="62756" y="1522"/>
                                  <a:pt x="43131" y="0"/>
                                  <a:pt x="25863" y="10042"/>
                                </a:cubicBezTo>
                                <a:cubicBezTo>
                                  <a:pt x="8520" y="20008"/>
                                  <a:pt x="0" y="37733"/>
                                  <a:pt x="6770" y="49525"/>
                                </a:cubicBezTo>
                                <a:cubicBezTo>
                                  <a:pt x="13616" y="61316"/>
                                  <a:pt x="33166" y="62838"/>
                                  <a:pt x="50510" y="52796"/>
                                </a:cubicBezTo>
                                <a:close/>
                              </a:path>
                            </a:pathLst>
                          </a:custGeom>
                          <a:ln w="5477"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78" name="Picture 67478"/>
                          <pic:cNvPicPr/>
                        </pic:nvPicPr>
                        <pic:blipFill>
                          <a:blip r:embed="rId54"/>
                          <a:stretch>
                            <a:fillRect/>
                          </a:stretch>
                        </pic:blipFill>
                        <pic:spPr>
                          <a:xfrm>
                            <a:off x="1604295" y="1310758"/>
                            <a:ext cx="33528" cy="30480"/>
                          </a:xfrm>
                          <a:prstGeom prst="rect">
                            <a:avLst/>
                          </a:prstGeom>
                        </pic:spPr>
                      </pic:pic>
                      <wps:wsp>
                        <wps:cNvPr id="4345" name="Shape 4345"/>
                        <wps:cNvSpPr/>
                        <wps:spPr>
                          <a:xfrm>
                            <a:off x="1605389" y="1314231"/>
                            <a:ext cx="31873" cy="26093"/>
                          </a:xfrm>
                          <a:custGeom>
                            <a:avLst/>
                            <a:gdLst/>
                            <a:ahLst/>
                            <a:cxnLst/>
                            <a:rect l="0" t="0" r="0" b="0"/>
                            <a:pathLst>
                              <a:path w="31873" h="26093">
                                <a:moveTo>
                                  <a:pt x="21071" y="21985"/>
                                </a:moveTo>
                                <a:cubicBezTo>
                                  <a:pt x="28297" y="17801"/>
                                  <a:pt x="31873" y="10422"/>
                                  <a:pt x="29058" y="5477"/>
                                </a:cubicBezTo>
                                <a:cubicBezTo>
                                  <a:pt x="26244" y="608"/>
                                  <a:pt x="18028" y="0"/>
                                  <a:pt x="10802" y="4184"/>
                                </a:cubicBezTo>
                                <a:cubicBezTo>
                                  <a:pt x="3575" y="8368"/>
                                  <a:pt x="0" y="15747"/>
                                  <a:pt x="2815" y="20616"/>
                                </a:cubicBezTo>
                                <a:cubicBezTo>
                                  <a:pt x="5629" y="25560"/>
                                  <a:pt x="13845" y="26093"/>
                                  <a:pt x="21071" y="21985"/>
                                </a:cubicBezTo>
                                <a:close/>
                              </a:path>
                            </a:pathLst>
                          </a:custGeom>
                          <a:ln w="5477" cap="rnd">
                            <a:round/>
                          </a:ln>
                        </wps:spPr>
                        <wps:style>
                          <a:lnRef idx="1">
                            <a:srgbClr val="000000"/>
                          </a:lnRef>
                          <a:fillRef idx="0">
                            <a:srgbClr val="000000">
                              <a:alpha val="0"/>
                            </a:srgbClr>
                          </a:fillRef>
                          <a:effectRef idx="0">
                            <a:scrgbClr r="0" g="0" b="0"/>
                          </a:effectRef>
                          <a:fontRef idx="none"/>
                        </wps:style>
                        <wps:bodyPr/>
                      </wps:wsp>
                      <wps:wsp>
                        <wps:cNvPr id="4346" name="Shape 4346"/>
                        <wps:cNvSpPr/>
                        <wps:spPr>
                          <a:xfrm>
                            <a:off x="1644488" y="1220356"/>
                            <a:ext cx="264566" cy="119664"/>
                          </a:xfrm>
                          <a:custGeom>
                            <a:avLst/>
                            <a:gdLst/>
                            <a:ahLst/>
                            <a:cxnLst/>
                            <a:rect l="0" t="0" r="0" b="0"/>
                            <a:pathLst>
                              <a:path w="264566" h="119664">
                                <a:moveTo>
                                  <a:pt x="0" y="119664"/>
                                </a:moveTo>
                                <a:lnTo>
                                  <a:pt x="73634" y="0"/>
                                </a:lnTo>
                                <a:lnTo>
                                  <a:pt x="264566" y="0"/>
                                </a:lnTo>
                              </a:path>
                            </a:pathLst>
                          </a:custGeom>
                          <a:ln w="5477"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67479" name="Picture 67479"/>
                          <pic:cNvPicPr/>
                        </pic:nvPicPr>
                        <pic:blipFill>
                          <a:blip r:embed="rId55"/>
                          <a:stretch>
                            <a:fillRect/>
                          </a:stretch>
                        </pic:blipFill>
                        <pic:spPr>
                          <a:xfrm>
                            <a:off x="1645951" y="1218302"/>
                            <a:ext cx="265176" cy="121920"/>
                          </a:xfrm>
                          <a:prstGeom prst="rect">
                            <a:avLst/>
                          </a:prstGeom>
                        </pic:spPr>
                      </pic:pic>
                      <pic:pic xmlns:pic="http://schemas.openxmlformats.org/drawingml/2006/picture">
                        <pic:nvPicPr>
                          <pic:cNvPr id="67480" name="Picture 67480"/>
                          <pic:cNvPicPr/>
                        </pic:nvPicPr>
                        <pic:blipFill>
                          <a:blip r:embed="rId55"/>
                          <a:stretch>
                            <a:fillRect/>
                          </a:stretch>
                        </pic:blipFill>
                        <pic:spPr>
                          <a:xfrm>
                            <a:off x="1645951" y="1218302"/>
                            <a:ext cx="265176" cy="121920"/>
                          </a:xfrm>
                          <a:prstGeom prst="rect">
                            <a:avLst/>
                          </a:prstGeom>
                        </pic:spPr>
                      </pic:pic>
                      <wps:wsp>
                        <wps:cNvPr id="4351" name="Shape 4351"/>
                        <wps:cNvSpPr/>
                        <wps:spPr>
                          <a:xfrm>
                            <a:off x="1644488" y="1220356"/>
                            <a:ext cx="264566" cy="119664"/>
                          </a:xfrm>
                          <a:custGeom>
                            <a:avLst/>
                            <a:gdLst/>
                            <a:ahLst/>
                            <a:cxnLst/>
                            <a:rect l="0" t="0" r="0" b="0"/>
                            <a:pathLst>
                              <a:path w="264566" h="119664">
                                <a:moveTo>
                                  <a:pt x="77666" y="5401"/>
                                </a:moveTo>
                                <a:lnTo>
                                  <a:pt x="6922" y="119664"/>
                                </a:lnTo>
                                <a:lnTo>
                                  <a:pt x="0" y="119664"/>
                                </a:lnTo>
                                <a:lnTo>
                                  <a:pt x="190324" y="119664"/>
                                </a:lnTo>
                                <a:lnTo>
                                  <a:pt x="264566" y="0"/>
                                </a:lnTo>
                                <a:lnTo>
                                  <a:pt x="261067" y="5401"/>
                                </a:lnTo>
                                <a:lnTo>
                                  <a:pt x="77666" y="5401"/>
                                </a:lnTo>
                                <a:close/>
                              </a:path>
                            </a:pathLst>
                          </a:custGeom>
                          <a:ln w="5477"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81" name="Picture 67481"/>
                          <pic:cNvPicPr/>
                        </pic:nvPicPr>
                        <pic:blipFill>
                          <a:blip r:embed="rId56"/>
                          <a:stretch>
                            <a:fillRect/>
                          </a:stretch>
                        </pic:blipFill>
                        <pic:spPr>
                          <a:xfrm>
                            <a:off x="1662207" y="1215254"/>
                            <a:ext cx="36576" cy="27432"/>
                          </a:xfrm>
                          <a:prstGeom prst="rect">
                            <a:avLst/>
                          </a:prstGeom>
                        </pic:spPr>
                      </pic:pic>
                      <wps:wsp>
                        <wps:cNvPr id="4354" name="Shape 4354"/>
                        <wps:cNvSpPr/>
                        <wps:spPr>
                          <a:xfrm>
                            <a:off x="1665863" y="1217237"/>
                            <a:ext cx="32025" cy="26398"/>
                          </a:xfrm>
                          <a:custGeom>
                            <a:avLst/>
                            <a:gdLst/>
                            <a:ahLst/>
                            <a:cxnLst/>
                            <a:rect l="0" t="0" r="0" b="0"/>
                            <a:pathLst>
                              <a:path w="32025" h="26398">
                                <a:moveTo>
                                  <a:pt x="21224" y="22213"/>
                                </a:moveTo>
                                <a:cubicBezTo>
                                  <a:pt x="28450" y="18030"/>
                                  <a:pt x="32025" y="10651"/>
                                  <a:pt x="29135" y="5630"/>
                                </a:cubicBezTo>
                                <a:cubicBezTo>
                                  <a:pt x="26244" y="684"/>
                                  <a:pt x="18028" y="0"/>
                                  <a:pt x="10802" y="4184"/>
                                </a:cubicBezTo>
                                <a:cubicBezTo>
                                  <a:pt x="3575" y="8368"/>
                                  <a:pt x="0" y="15823"/>
                                  <a:pt x="2891" y="20768"/>
                                </a:cubicBezTo>
                                <a:cubicBezTo>
                                  <a:pt x="5781" y="25789"/>
                                  <a:pt x="13997" y="26398"/>
                                  <a:pt x="21224" y="22213"/>
                                </a:cubicBezTo>
                                <a:close/>
                              </a:path>
                            </a:pathLst>
                          </a:custGeom>
                          <a:ln w="5477"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82" name="Picture 67482"/>
                          <pic:cNvPicPr/>
                        </pic:nvPicPr>
                        <pic:blipFill>
                          <a:blip r:embed="rId57"/>
                          <a:stretch>
                            <a:fillRect/>
                          </a:stretch>
                        </pic:blipFill>
                        <pic:spPr>
                          <a:xfrm>
                            <a:off x="1843055" y="1316854"/>
                            <a:ext cx="24384" cy="21336"/>
                          </a:xfrm>
                          <a:prstGeom prst="rect">
                            <a:avLst/>
                          </a:prstGeom>
                        </pic:spPr>
                      </pic:pic>
                      <wps:wsp>
                        <wps:cNvPr id="4357" name="Shape 4357"/>
                        <wps:cNvSpPr/>
                        <wps:spPr>
                          <a:xfrm>
                            <a:off x="1847439" y="1320621"/>
                            <a:ext cx="20843" cy="16964"/>
                          </a:xfrm>
                          <a:custGeom>
                            <a:avLst/>
                            <a:gdLst/>
                            <a:ahLst/>
                            <a:cxnLst/>
                            <a:rect l="0" t="0" r="0" b="0"/>
                            <a:pathLst>
                              <a:path w="20843" h="16964">
                                <a:moveTo>
                                  <a:pt x="13768" y="14226"/>
                                </a:moveTo>
                                <a:cubicBezTo>
                                  <a:pt x="18485" y="11487"/>
                                  <a:pt x="20843" y="6695"/>
                                  <a:pt x="19017" y="3499"/>
                                </a:cubicBezTo>
                                <a:cubicBezTo>
                                  <a:pt x="17192" y="304"/>
                                  <a:pt x="11867" y="0"/>
                                  <a:pt x="7074" y="2739"/>
                                </a:cubicBezTo>
                                <a:cubicBezTo>
                                  <a:pt x="2358" y="5478"/>
                                  <a:pt x="0" y="10270"/>
                                  <a:pt x="1825" y="13465"/>
                                </a:cubicBezTo>
                                <a:cubicBezTo>
                                  <a:pt x="3651" y="16661"/>
                                  <a:pt x="8976" y="16964"/>
                                  <a:pt x="13768" y="14226"/>
                                </a:cubicBezTo>
                                <a:close/>
                              </a:path>
                            </a:pathLst>
                          </a:custGeom>
                          <a:ln w="5477" cap="rnd">
                            <a:round/>
                          </a:ln>
                        </wps:spPr>
                        <wps:style>
                          <a:lnRef idx="1">
                            <a:srgbClr val="000000"/>
                          </a:lnRef>
                          <a:fillRef idx="0">
                            <a:srgbClr val="000000">
                              <a:alpha val="0"/>
                            </a:srgbClr>
                          </a:fillRef>
                          <a:effectRef idx="0">
                            <a:scrgbClr r="0" g="0" b="0"/>
                          </a:effectRef>
                          <a:fontRef idx="none"/>
                        </wps:style>
                        <wps:bodyPr/>
                      </wps:wsp>
                      <wps:wsp>
                        <wps:cNvPr id="4358" name="Shape 4358"/>
                        <wps:cNvSpPr/>
                        <wps:spPr>
                          <a:xfrm>
                            <a:off x="862503" y="2947848"/>
                            <a:ext cx="412520" cy="229447"/>
                          </a:xfrm>
                          <a:custGeom>
                            <a:avLst/>
                            <a:gdLst/>
                            <a:ahLst/>
                            <a:cxnLst/>
                            <a:rect l="0" t="0" r="0" b="0"/>
                            <a:pathLst>
                              <a:path w="412520" h="229447">
                                <a:moveTo>
                                  <a:pt x="0" y="229447"/>
                                </a:moveTo>
                                <a:lnTo>
                                  <a:pt x="399360" y="108314"/>
                                </a:lnTo>
                                <a:lnTo>
                                  <a:pt x="83675" y="99771"/>
                                </a:lnTo>
                                <a:lnTo>
                                  <a:pt x="412520" y="0"/>
                                </a:lnTo>
                              </a:path>
                            </a:pathLst>
                          </a:custGeom>
                          <a:ln w="5477" cap="rnd">
                            <a:round/>
                          </a:ln>
                        </wps:spPr>
                        <wps:style>
                          <a:lnRef idx="1">
                            <a:srgbClr val="000000"/>
                          </a:lnRef>
                          <a:fillRef idx="0">
                            <a:srgbClr val="000000">
                              <a:alpha val="0"/>
                            </a:srgbClr>
                          </a:fillRef>
                          <a:effectRef idx="0">
                            <a:scrgbClr r="0" g="0" b="0"/>
                          </a:effectRef>
                          <a:fontRef idx="none"/>
                        </wps:style>
                        <wps:bodyPr/>
                      </wps:wsp>
                      <wps:wsp>
                        <wps:cNvPr id="4359" name="Shape 4359"/>
                        <wps:cNvSpPr/>
                        <wps:spPr>
                          <a:xfrm>
                            <a:off x="1261939" y="2926091"/>
                            <a:ext cx="77970" cy="47166"/>
                          </a:xfrm>
                          <a:custGeom>
                            <a:avLst/>
                            <a:gdLst/>
                            <a:ahLst/>
                            <a:cxnLst/>
                            <a:rect l="0" t="0" r="0" b="0"/>
                            <a:pathLst>
                              <a:path w="77970" h="47166">
                                <a:moveTo>
                                  <a:pt x="0" y="0"/>
                                </a:moveTo>
                                <a:lnTo>
                                  <a:pt x="77970" y="2130"/>
                                </a:lnTo>
                                <a:lnTo>
                                  <a:pt x="14301" y="4716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360" name="Rectangle 4360"/>
                        <wps:cNvSpPr/>
                        <wps:spPr>
                          <a:xfrm>
                            <a:off x="866839" y="0"/>
                            <a:ext cx="1239432" cy="11412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Драйвер устройства</w:t>
                              </w:r>
                            </w:p>
                          </w:txbxContent>
                        </wps:txbx>
                        <wps:bodyPr horzOverflow="overflow" vert="horz" lIns="0" tIns="0" rIns="0" bIns="0" rtlCol="0">
                          <a:noAutofit/>
                        </wps:bodyPr>
                      </wps:wsp>
                      <wps:wsp>
                        <wps:cNvPr id="4361" name="Shape 4361"/>
                        <wps:cNvSpPr/>
                        <wps:spPr>
                          <a:xfrm>
                            <a:off x="1897796" y="438617"/>
                            <a:ext cx="381788" cy="695394"/>
                          </a:xfrm>
                          <a:custGeom>
                            <a:avLst/>
                            <a:gdLst/>
                            <a:ahLst/>
                            <a:cxnLst/>
                            <a:rect l="0" t="0" r="0" b="0"/>
                            <a:pathLst>
                              <a:path w="381788" h="695394">
                                <a:moveTo>
                                  <a:pt x="381788" y="0"/>
                                </a:moveTo>
                                <a:lnTo>
                                  <a:pt x="0" y="695394"/>
                                </a:lnTo>
                              </a:path>
                            </a:pathLst>
                          </a:custGeom>
                          <a:ln w="5477" cap="rnd">
                            <a:round/>
                          </a:ln>
                        </wps:spPr>
                        <wps:style>
                          <a:lnRef idx="1">
                            <a:srgbClr val="000000"/>
                          </a:lnRef>
                          <a:fillRef idx="0">
                            <a:srgbClr val="000000">
                              <a:alpha val="0"/>
                            </a:srgbClr>
                          </a:fillRef>
                          <a:effectRef idx="0">
                            <a:scrgbClr r="0" g="0" b="0"/>
                          </a:effectRef>
                          <a:fontRef idx="none"/>
                        </wps:style>
                        <wps:bodyPr/>
                      </wps:wsp>
                      <wps:wsp>
                        <wps:cNvPr id="4362" name="Shape 4362"/>
                        <wps:cNvSpPr/>
                        <wps:spPr>
                          <a:xfrm>
                            <a:off x="1865162" y="1116743"/>
                            <a:ext cx="57204" cy="76683"/>
                          </a:xfrm>
                          <a:custGeom>
                            <a:avLst/>
                            <a:gdLst/>
                            <a:ahLst/>
                            <a:cxnLst/>
                            <a:rect l="0" t="0" r="0" b="0"/>
                            <a:pathLst>
                              <a:path w="57204" h="76683">
                                <a:moveTo>
                                  <a:pt x="13997" y="0"/>
                                </a:moveTo>
                                <a:lnTo>
                                  <a:pt x="57204" y="23659"/>
                                </a:lnTo>
                                <a:lnTo>
                                  <a:pt x="0" y="76683"/>
                                </a:lnTo>
                                <a:lnTo>
                                  <a:pt x="1399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363" name="Shape 4363"/>
                        <wps:cNvSpPr/>
                        <wps:spPr>
                          <a:xfrm>
                            <a:off x="636101" y="1042418"/>
                            <a:ext cx="334192" cy="150931"/>
                          </a:xfrm>
                          <a:custGeom>
                            <a:avLst/>
                            <a:gdLst/>
                            <a:ahLst/>
                            <a:cxnLst/>
                            <a:rect l="0" t="0" r="0" b="0"/>
                            <a:pathLst>
                              <a:path w="334192" h="150931">
                                <a:moveTo>
                                  <a:pt x="75467" y="0"/>
                                </a:moveTo>
                                <a:lnTo>
                                  <a:pt x="258732" y="0"/>
                                </a:lnTo>
                                <a:cubicBezTo>
                                  <a:pt x="300417" y="0"/>
                                  <a:pt x="334192" y="33777"/>
                                  <a:pt x="334192" y="75466"/>
                                </a:cubicBezTo>
                                <a:cubicBezTo>
                                  <a:pt x="334192" y="117154"/>
                                  <a:pt x="300417" y="150931"/>
                                  <a:pt x="258732" y="150931"/>
                                </a:cubicBezTo>
                                <a:lnTo>
                                  <a:pt x="75467" y="150931"/>
                                </a:lnTo>
                                <a:cubicBezTo>
                                  <a:pt x="33790" y="150931"/>
                                  <a:pt x="0" y="117154"/>
                                  <a:pt x="0" y="75466"/>
                                </a:cubicBezTo>
                                <a:cubicBezTo>
                                  <a:pt x="0" y="33777"/>
                                  <a:pt x="33790" y="0"/>
                                  <a:pt x="7546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364" name="Shape 4364"/>
                        <wps:cNvSpPr/>
                        <wps:spPr>
                          <a:xfrm>
                            <a:off x="636101" y="1042418"/>
                            <a:ext cx="334192" cy="150931"/>
                          </a:xfrm>
                          <a:custGeom>
                            <a:avLst/>
                            <a:gdLst/>
                            <a:ahLst/>
                            <a:cxnLst/>
                            <a:rect l="0" t="0" r="0" b="0"/>
                            <a:pathLst>
                              <a:path w="334192" h="150931">
                                <a:moveTo>
                                  <a:pt x="75467" y="150931"/>
                                </a:moveTo>
                                <a:lnTo>
                                  <a:pt x="258732" y="150931"/>
                                </a:lnTo>
                                <a:cubicBezTo>
                                  <a:pt x="300417" y="150931"/>
                                  <a:pt x="334192" y="117154"/>
                                  <a:pt x="334192" y="75466"/>
                                </a:cubicBezTo>
                                <a:cubicBezTo>
                                  <a:pt x="334192" y="75466"/>
                                  <a:pt x="334192" y="75466"/>
                                  <a:pt x="334192" y="75466"/>
                                </a:cubicBezTo>
                                <a:cubicBezTo>
                                  <a:pt x="334192" y="33777"/>
                                  <a:pt x="300417" y="0"/>
                                  <a:pt x="258732" y="0"/>
                                </a:cubicBezTo>
                                <a:lnTo>
                                  <a:pt x="75467" y="0"/>
                                </a:lnTo>
                                <a:cubicBezTo>
                                  <a:pt x="33790" y="0"/>
                                  <a:pt x="0" y="33777"/>
                                  <a:pt x="0" y="75466"/>
                                </a:cubicBezTo>
                                <a:cubicBezTo>
                                  <a:pt x="0" y="117154"/>
                                  <a:pt x="33790" y="150931"/>
                                  <a:pt x="75467" y="150931"/>
                                </a:cubicBez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365" name="Rectangle 4365"/>
                        <wps:cNvSpPr/>
                        <wps:spPr>
                          <a:xfrm>
                            <a:off x="689067" y="1062652"/>
                            <a:ext cx="202384"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4366" name="Rectangle 4366"/>
                        <wps:cNvSpPr/>
                        <wps:spPr>
                          <a:xfrm>
                            <a:off x="841204" y="1062652"/>
                            <a:ext cx="337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367" name="Rectangle 4367"/>
                        <wps:cNvSpPr/>
                        <wps:spPr>
                          <a:xfrm>
                            <a:off x="866611" y="1062652"/>
                            <a:ext cx="6752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5</w:t>
                              </w:r>
                            </w:p>
                          </w:txbxContent>
                        </wps:txbx>
                        <wps:bodyPr horzOverflow="overflow" vert="horz" lIns="0" tIns="0" rIns="0" bIns="0" rtlCol="0">
                          <a:noAutofit/>
                        </wps:bodyPr>
                      </wps:wsp>
                      <wps:wsp>
                        <wps:cNvPr id="4368" name="Shape 4368"/>
                        <wps:cNvSpPr/>
                        <wps:spPr>
                          <a:xfrm>
                            <a:off x="334222" y="1117884"/>
                            <a:ext cx="234101" cy="0"/>
                          </a:xfrm>
                          <a:custGeom>
                            <a:avLst/>
                            <a:gdLst/>
                            <a:ahLst/>
                            <a:cxnLst/>
                            <a:rect l="0" t="0" r="0" b="0"/>
                            <a:pathLst>
                              <a:path w="234101">
                                <a:moveTo>
                                  <a:pt x="0" y="0"/>
                                </a:moveTo>
                                <a:lnTo>
                                  <a:pt x="234101" y="0"/>
                                </a:lnTo>
                              </a:path>
                            </a:pathLst>
                          </a:custGeom>
                          <a:ln w="5477" cap="rnd">
                            <a:custDash>
                              <a:ds d="301878" sp="215627"/>
                            </a:custDash>
                            <a:round/>
                          </a:ln>
                        </wps:spPr>
                        <wps:style>
                          <a:lnRef idx="1">
                            <a:srgbClr val="000000"/>
                          </a:lnRef>
                          <a:fillRef idx="0">
                            <a:srgbClr val="000000">
                              <a:alpha val="0"/>
                            </a:srgbClr>
                          </a:fillRef>
                          <a:effectRef idx="0">
                            <a:scrgbClr r="0" g="0" b="0"/>
                          </a:effectRef>
                          <a:fontRef idx="none"/>
                        </wps:style>
                        <wps:bodyPr/>
                      </wps:wsp>
                      <wps:wsp>
                        <wps:cNvPr id="4369" name="Shape 4369"/>
                        <wps:cNvSpPr/>
                        <wps:spPr>
                          <a:xfrm>
                            <a:off x="562162" y="1093236"/>
                            <a:ext cx="73939" cy="49296"/>
                          </a:xfrm>
                          <a:custGeom>
                            <a:avLst/>
                            <a:gdLst/>
                            <a:ahLst/>
                            <a:cxnLst/>
                            <a:rect l="0" t="0" r="0" b="0"/>
                            <a:pathLst>
                              <a:path w="73939" h="49296">
                                <a:moveTo>
                                  <a:pt x="0" y="0"/>
                                </a:moveTo>
                                <a:lnTo>
                                  <a:pt x="73939" y="24648"/>
                                </a:lnTo>
                                <a:lnTo>
                                  <a:pt x="0" y="4929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370" name="Shape 4370"/>
                        <wps:cNvSpPr/>
                        <wps:spPr>
                          <a:xfrm>
                            <a:off x="970292" y="985819"/>
                            <a:ext cx="621936" cy="132065"/>
                          </a:xfrm>
                          <a:custGeom>
                            <a:avLst/>
                            <a:gdLst/>
                            <a:ahLst/>
                            <a:cxnLst/>
                            <a:rect l="0" t="0" r="0" b="0"/>
                            <a:pathLst>
                              <a:path w="621936" h="132065">
                                <a:moveTo>
                                  <a:pt x="0" y="132065"/>
                                </a:moveTo>
                                <a:cubicBezTo>
                                  <a:pt x="289213" y="21301"/>
                                  <a:pt x="542521" y="0"/>
                                  <a:pt x="621936" y="79878"/>
                                </a:cubicBezTo>
                              </a:path>
                            </a:pathLst>
                          </a:custGeom>
                          <a:ln w="5477" cap="rnd">
                            <a:custDash>
                              <a:ds d="301878" sp="215627"/>
                            </a:custDash>
                            <a:round/>
                          </a:ln>
                        </wps:spPr>
                        <wps:style>
                          <a:lnRef idx="1">
                            <a:srgbClr val="000000"/>
                          </a:lnRef>
                          <a:fillRef idx="0">
                            <a:srgbClr val="000000">
                              <a:alpha val="0"/>
                            </a:srgbClr>
                          </a:fillRef>
                          <a:effectRef idx="0">
                            <a:scrgbClr r="0" g="0" b="0"/>
                          </a:effectRef>
                          <a:fontRef idx="none"/>
                        </wps:style>
                        <wps:bodyPr/>
                      </wps:wsp>
                      <wps:wsp>
                        <wps:cNvPr id="4371" name="Shape 4371"/>
                        <wps:cNvSpPr/>
                        <wps:spPr>
                          <a:xfrm>
                            <a:off x="1567050" y="1050862"/>
                            <a:ext cx="50129" cy="77824"/>
                          </a:xfrm>
                          <a:custGeom>
                            <a:avLst/>
                            <a:gdLst/>
                            <a:ahLst/>
                            <a:cxnLst/>
                            <a:rect l="0" t="0" r="0" b="0"/>
                            <a:pathLst>
                              <a:path w="50129" h="77824">
                                <a:moveTo>
                                  <a:pt x="45793" y="0"/>
                                </a:moveTo>
                                <a:lnTo>
                                  <a:pt x="50129" y="77824"/>
                                </a:lnTo>
                                <a:lnTo>
                                  <a:pt x="0" y="18182"/>
                                </a:lnTo>
                                <a:lnTo>
                                  <a:pt x="45793"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372" name="Shape 4372"/>
                        <wps:cNvSpPr/>
                        <wps:spPr>
                          <a:xfrm>
                            <a:off x="2438720" y="450180"/>
                            <a:ext cx="299786" cy="678506"/>
                          </a:xfrm>
                          <a:custGeom>
                            <a:avLst/>
                            <a:gdLst/>
                            <a:ahLst/>
                            <a:cxnLst/>
                            <a:rect l="0" t="0" r="0" b="0"/>
                            <a:pathLst>
                              <a:path w="299786" h="678506">
                                <a:moveTo>
                                  <a:pt x="299710" y="678506"/>
                                </a:moveTo>
                                <a:cubicBezTo>
                                  <a:pt x="299786" y="345910"/>
                                  <a:pt x="173665" y="60631"/>
                                  <a:pt x="0" y="0"/>
                                </a:cubicBezTo>
                              </a:path>
                            </a:pathLst>
                          </a:custGeom>
                          <a:ln w="5477" cap="rnd">
                            <a:round/>
                          </a:ln>
                        </wps:spPr>
                        <wps:style>
                          <a:lnRef idx="1">
                            <a:srgbClr val="000000"/>
                          </a:lnRef>
                          <a:fillRef idx="0">
                            <a:srgbClr val="000000">
                              <a:alpha val="0"/>
                            </a:srgbClr>
                          </a:fillRef>
                          <a:effectRef idx="0">
                            <a:scrgbClr r="0" g="0" b="0"/>
                          </a:effectRef>
                          <a:fontRef idx="none"/>
                        </wps:style>
                        <wps:bodyPr/>
                      </wps:wsp>
                      <wps:wsp>
                        <wps:cNvPr id="4373" name="Shape 4373"/>
                        <wps:cNvSpPr/>
                        <wps:spPr>
                          <a:xfrm>
                            <a:off x="2371932" y="426902"/>
                            <a:ext cx="77057" cy="48611"/>
                          </a:xfrm>
                          <a:custGeom>
                            <a:avLst/>
                            <a:gdLst/>
                            <a:ahLst/>
                            <a:cxnLst/>
                            <a:rect l="0" t="0" r="0" b="0"/>
                            <a:pathLst>
                              <a:path w="77057" h="48611">
                                <a:moveTo>
                                  <a:pt x="77057" y="0"/>
                                </a:moveTo>
                                <a:lnTo>
                                  <a:pt x="68614" y="48611"/>
                                </a:lnTo>
                                <a:lnTo>
                                  <a:pt x="0" y="11715"/>
                                </a:lnTo>
                                <a:lnTo>
                                  <a:pt x="7705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374" name="Shape 4374"/>
                        <wps:cNvSpPr/>
                        <wps:spPr>
                          <a:xfrm>
                            <a:off x="970292" y="3414503"/>
                            <a:ext cx="334245" cy="150947"/>
                          </a:xfrm>
                          <a:custGeom>
                            <a:avLst/>
                            <a:gdLst/>
                            <a:ahLst/>
                            <a:cxnLst/>
                            <a:rect l="0" t="0" r="0" b="0"/>
                            <a:pathLst>
                              <a:path w="334245" h="150947">
                                <a:moveTo>
                                  <a:pt x="75536" y="0"/>
                                </a:moveTo>
                                <a:lnTo>
                                  <a:pt x="258785" y="0"/>
                                </a:lnTo>
                                <a:cubicBezTo>
                                  <a:pt x="300471" y="0"/>
                                  <a:pt x="334245" y="33793"/>
                                  <a:pt x="334245" y="75473"/>
                                </a:cubicBezTo>
                                <a:cubicBezTo>
                                  <a:pt x="334245" y="117162"/>
                                  <a:pt x="300471" y="150947"/>
                                  <a:pt x="258785" y="150947"/>
                                </a:cubicBezTo>
                                <a:lnTo>
                                  <a:pt x="75536" y="150947"/>
                                </a:lnTo>
                                <a:cubicBezTo>
                                  <a:pt x="33850" y="150947"/>
                                  <a:pt x="0" y="117154"/>
                                  <a:pt x="0" y="75473"/>
                                </a:cubicBezTo>
                                <a:cubicBezTo>
                                  <a:pt x="0" y="33793"/>
                                  <a:pt x="33850" y="0"/>
                                  <a:pt x="75536"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375" name="Shape 4375"/>
                        <wps:cNvSpPr/>
                        <wps:spPr>
                          <a:xfrm>
                            <a:off x="970292" y="3414503"/>
                            <a:ext cx="334245" cy="150947"/>
                          </a:xfrm>
                          <a:custGeom>
                            <a:avLst/>
                            <a:gdLst/>
                            <a:ahLst/>
                            <a:cxnLst/>
                            <a:rect l="0" t="0" r="0" b="0"/>
                            <a:pathLst>
                              <a:path w="334245" h="150947">
                                <a:moveTo>
                                  <a:pt x="75536" y="150947"/>
                                </a:moveTo>
                                <a:lnTo>
                                  <a:pt x="258785" y="150947"/>
                                </a:lnTo>
                                <a:cubicBezTo>
                                  <a:pt x="300471" y="150947"/>
                                  <a:pt x="334245" y="117162"/>
                                  <a:pt x="334245" y="75473"/>
                                </a:cubicBezTo>
                                <a:cubicBezTo>
                                  <a:pt x="334245" y="75473"/>
                                  <a:pt x="334245" y="75473"/>
                                  <a:pt x="334245" y="75473"/>
                                </a:cubicBezTo>
                                <a:cubicBezTo>
                                  <a:pt x="334245" y="33793"/>
                                  <a:pt x="300471" y="0"/>
                                  <a:pt x="258785" y="0"/>
                                </a:cubicBezTo>
                                <a:lnTo>
                                  <a:pt x="75536" y="0"/>
                                </a:lnTo>
                                <a:cubicBezTo>
                                  <a:pt x="33850" y="0"/>
                                  <a:pt x="0" y="33793"/>
                                  <a:pt x="0" y="75473"/>
                                </a:cubicBezTo>
                                <a:cubicBezTo>
                                  <a:pt x="0" y="117154"/>
                                  <a:pt x="33850" y="150947"/>
                                  <a:pt x="75536" y="150947"/>
                                </a:cubicBez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376" name="Rectangle 4376"/>
                        <wps:cNvSpPr/>
                        <wps:spPr>
                          <a:xfrm>
                            <a:off x="1041036" y="3434744"/>
                            <a:ext cx="2563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377" name="Shape 4377"/>
                        <wps:cNvSpPr/>
                        <wps:spPr>
                          <a:xfrm>
                            <a:off x="371960" y="2983215"/>
                            <a:ext cx="334222" cy="150946"/>
                          </a:xfrm>
                          <a:custGeom>
                            <a:avLst/>
                            <a:gdLst/>
                            <a:ahLst/>
                            <a:cxnLst/>
                            <a:rect l="0" t="0" r="0" b="0"/>
                            <a:pathLst>
                              <a:path w="334222" h="150946">
                                <a:moveTo>
                                  <a:pt x="75467" y="0"/>
                                </a:moveTo>
                                <a:lnTo>
                                  <a:pt x="258747" y="0"/>
                                </a:lnTo>
                                <a:cubicBezTo>
                                  <a:pt x="300433" y="0"/>
                                  <a:pt x="334222" y="33792"/>
                                  <a:pt x="334222" y="75473"/>
                                </a:cubicBezTo>
                                <a:cubicBezTo>
                                  <a:pt x="334222" y="117162"/>
                                  <a:pt x="300433" y="150946"/>
                                  <a:pt x="258747" y="150946"/>
                                </a:cubicBezTo>
                                <a:lnTo>
                                  <a:pt x="75467" y="150946"/>
                                </a:lnTo>
                                <a:cubicBezTo>
                                  <a:pt x="33790" y="150946"/>
                                  <a:pt x="0" y="117162"/>
                                  <a:pt x="0" y="75473"/>
                                </a:cubicBezTo>
                                <a:cubicBezTo>
                                  <a:pt x="0" y="33792"/>
                                  <a:pt x="33790" y="0"/>
                                  <a:pt x="7546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378" name="Shape 4378"/>
                        <wps:cNvSpPr/>
                        <wps:spPr>
                          <a:xfrm>
                            <a:off x="371960" y="2983215"/>
                            <a:ext cx="334222" cy="150946"/>
                          </a:xfrm>
                          <a:custGeom>
                            <a:avLst/>
                            <a:gdLst/>
                            <a:ahLst/>
                            <a:cxnLst/>
                            <a:rect l="0" t="0" r="0" b="0"/>
                            <a:pathLst>
                              <a:path w="334222" h="150946">
                                <a:moveTo>
                                  <a:pt x="75467" y="150946"/>
                                </a:moveTo>
                                <a:lnTo>
                                  <a:pt x="258747" y="150946"/>
                                </a:lnTo>
                                <a:cubicBezTo>
                                  <a:pt x="300433" y="150946"/>
                                  <a:pt x="334222" y="117162"/>
                                  <a:pt x="334222" y="75473"/>
                                </a:cubicBezTo>
                                <a:cubicBezTo>
                                  <a:pt x="334222" y="75473"/>
                                  <a:pt x="334222" y="75473"/>
                                  <a:pt x="334222" y="75473"/>
                                </a:cubicBezTo>
                                <a:cubicBezTo>
                                  <a:pt x="334222" y="33792"/>
                                  <a:pt x="300433" y="0"/>
                                  <a:pt x="258747" y="0"/>
                                </a:cubicBezTo>
                                <a:lnTo>
                                  <a:pt x="75467" y="0"/>
                                </a:lnTo>
                                <a:cubicBezTo>
                                  <a:pt x="33790" y="0"/>
                                  <a:pt x="0" y="33792"/>
                                  <a:pt x="0" y="75473"/>
                                </a:cubicBezTo>
                                <a:cubicBezTo>
                                  <a:pt x="0" y="117162"/>
                                  <a:pt x="33790" y="150946"/>
                                  <a:pt x="75467" y="150946"/>
                                </a:cubicBez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379" name="Rectangle 4379"/>
                        <wps:cNvSpPr/>
                        <wps:spPr>
                          <a:xfrm>
                            <a:off x="442704" y="3003457"/>
                            <a:ext cx="2563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380" name="Shape 4380"/>
                        <wps:cNvSpPr/>
                        <wps:spPr>
                          <a:xfrm>
                            <a:off x="431255" y="3414503"/>
                            <a:ext cx="334184" cy="150947"/>
                          </a:xfrm>
                          <a:custGeom>
                            <a:avLst/>
                            <a:gdLst/>
                            <a:ahLst/>
                            <a:cxnLst/>
                            <a:rect l="0" t="0" r="0" b="0"/>
                            <a:pathLst>
                              <a:path w="334184" h="150947">
                                <a:moveTo>
                                  <a:pt x="75467" y="0"/>
                                </a:moveTo>
                                <a:lnTo>
                                  <a:pt x="258755" y="0"/>
                                </a:lnTo>
                                <a:cubicBezTo>
                                  <a:pt x="300433" y="0"/>
                                  <a:pt x="334184" y="33793"/>
                                  <a:pt x="334184" y="75473"/>
                                </a:cubicBezTo>
                                <a:cubicBezTo>
                                  <a:pt x="334184" y="117162"/>
                                  <a:pt x="300433" y="150947"/>
                                  <a:pt x="258755" y="150947"/>
                                </a:cubicBezTo>
                                <a:lnTo>
                                  <a:pt x="75467" y="150947"/>
                                </a:lnTo>
                                <a:cubicBezTo>
                                  <a:pt x="33790" y="150947"/>
                                  <a:pt x="0" y="117154"/>
                                  <a:pt x="0" y="75473"/>
                                </a:cubicBezTo>
                                <a:cubicBezTo>
                                  <a:pt x="0" y="33793"/>
                                  <a:pt x="33790" y="0"/>
                                  <a:pt x="7546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381" name="Shape 4381"/>
                        <wps:cNvSpPr/>
                        <wps:spPr>
                          <a:xfrm>
                            <a:off x="431255" y="3414503"/>
                            <a:ext cx="334184" cy="150947"/>
                          </a:xfrm>
                          <a:custGeom>
                            <a:avLst/>
                            <a:gdLst/>
                            <a:ahLst/>
                            <a:cxnLst/>
                            <a:rect l="0" t="0" r="0" b="0"/>
                            <a:pathLst>
                              <a:path w="334184" h="150947">
                                <a:moveTo>
                                  <a:pt x="75467" y="150947"/>
                                </a:moveTo>
                                <a:lnTo>
                                  <a:pt x="258755" y="150947"/>
                                </a:lnTo>
                                <a:cubicBezTo>
                                  <a:pt x="300433" y="150947"/>
                                  <a:pt x="334184" y="117162"/>
                                  <a:pt x="334184" y="75473"/>
                                </a:cubicBezTo>
                                <a:cubicBezTo>
                                  <a:pt x="334184" y="75473"/>
                                  <a:pt x="334184" y="75473"/>
                                  <a:pt x="334184" y="75473"/>
                                </a:cubicBezTo>
                                <a:cubicBezTo>
                                  <a:pt x="334184" y="33793"/>
                                  <a:pt x="300433" y="0"/>
                                  <a:pt x="258755" y="0"/>
                                </a:cubicBezTo>
                                <a:lnTo>
                                  <a:pt x="75467" y="0"/>
                                </a:lnTo>
                                <a:cubicBezTo>
                                  <a:pt x="33790" y="0"/>
                                  <a:pt x="0" y="33793"/>
                                  <a:pt x="0" y="75473"/>
                                </a:cubicBezTo>
                                <a:cubicBezTo>
                                  <a:pt x="0" y="117154"/>
                                  <a:pt x="33790" y="150947"/>
                                  <a:pt x="75467" y="150947"/>
                                </a:cubicBezTo>
                                <a:close/>
                              </a:path>
                            </a:pathLst>
                          </a:custGeom>
                          <a:ln w="1826" cap="rnd">
                            <a:round/>
                          </a:ln>
                        </wps:spPr>
                        <wps:style>
                          <a:lnRef idx="1">
                            <a:srgbClr val="000000"/>
                          </a:lnRef>
                          <a:fillRef idx="0">
                            <a:srgbClr val="000000">
                              <a:alpha val="0"/>
                            </a:srgbClr>
                          </a:fillRef>
                          <a:effectRef idx="0">
                            <a:scrgbClr r="0" g="0" b="0"/>
                          </a:effectRef>
                          <a:fontRef idx="none"/>
                        </wps:style>
                        <wps:bodyPr/>
                      </wps:wsp>
                      <wps:wsp>
                        <wps:cNvPr id="4382" name="Rectangle 4382"/>
                        <wps:cNvSpPr/>
                        <wps:spPr>
                          <a:xfrm>
                            <a:off x="502007" y="3434744"/>
                            <a:ext cx="2563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383" name="Shape 4383"/>
                        <wps:cNvSpPr/>
                        <wps:spPr>
                          <a:xfrm>
                            <a:off x="833217" y="3489976"/>
                            <a:ext cx="137076" cy="0"/>
                          </a:xfrm>
                          <a:custGeom>
                            <a:avLst/>
                            <a:gdLst/>
                            <a:ahLst/>
                            <a:cxnLst/>
                            <a:rect l="0" t="0" r="0" b="0"/>
                            <a:pathLst>
                              <a:path w="137076">
                                <a:moveTo>
                                  <a:pt x="137076" y="0"/>
                                </a:moveTo>
                                <a:lnTo>
                                  <a:pt x="0" y="0"/>
                                </a:lnTo>
                              </a:path>
                            </a:pathLst>
                          </a:custGeom>
                          <a:ln w="5477" cap="rnd">
                            <a:custDash>
                              <a:ds d="301878" sp="215627"/>
                            </a:custDash>
                            <a:round/>
                          </a:ln>
                        </wps:spPr>
                        <wps:style>
                          <a:lnRef idx="1">
                            <a:srgbClr val="000000"/>
                          </a:lnRef>
                          <a:fillRef idx="0">
                            <a:srgbClr val="000000">
                              <a:alpha val="0"/>
                            </a:srgbClr>
                          </a:fillRef>
                          <a:effectRef idx="0">
                            <a:scrgbClr r="0" g="0" b="0"/>
                          </a:effectRef>
                          <a:fontRef idx="none"/>
                        </wps:style>
                        <wps:bodyPr/>
                      </wps:wsp>
                      <wps:wsp>
                        <wps:cNvPr id="4384" name="Shape 4384"/>
                        <wps:cNvSpPr/>
                        <wps:spPr>
                          <a:xfrm>
                            <a:off x="765440" y="3465328"/>
                            <a:ext cx="73939" cy="49296"/>
                          </a:xfrm>
                          <a:custGeom>
                            <a:avLst/>
                            <a:gdLst/>
                            <a:ahLst/>
                            <a:cxnLst/>
                            <a:rect l="0" t="0" r="0" b="0"/>
                            <a:pathLst>
                              <a:path w="73939" h="49296">
                                <a:moveTo>
                                  <a:pt x="73939" y="0"/>
                                </a:moveTo>
                                <a:lnTo>
                                  <a:pt x="73939" y="49296"/>
                                </a:lnTo>
                                <a:lnTo>
                                  <a:pt x="0" y="24648"/>
                                </a:lnTo>
                                <a:lnTo>
                                  <a:pt x="73939"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385" name="Shape 4385"/>
                        <wps:cNvSpPr/>
                        <wps:spPr>
                          <a:xfrm>
                            <a:off x="215624" y="3156794"/>
                            <a:ext cx="579102" cy="333182"/>
                          </a:xfrm>
                          <a:custGeom>
                            <a:avLst/>
                            <a:gdLst/>
                            <a:ahLst/>
                            <a:cxnLst/>
                            <a:rect l="0" t="0" r="0" b="0"/>
                            <a:pathLst>
                              <a:path w="579102" h="333182">
                                <a:moveTo>
                                  <a:pt x="215632" y="333182"/>
                                </a:moveTo>
                                <a:cubicBezTo>
                                  <a:pt x="96546" y="333182"/>
                                  <a:pt x="0" y="270428"/>
                                  <a:pt x="0" y="193015"/>
                                </a:cubicBezTo>
                                <a:cubicBezTo>
                                  <a:pt x="0" y="93700"/>
                                  <a:pt x="249908" y="10407"/>
                                  <a:pt x="579102" y="0"/>
                                </a:cubicBezTo>
                              </a:path>
                            </a:pathLst>
                          </a:custGeom>
                          <a:ln w="5477" cap="rnd">
                            <a:custDash>
                              <a:ds d="301878" sp="215627"/>
                            </a:custDash>
                            <a:round/>
                          </a:ln>
                        </wps:spPr>
                        <wps:style>
                          <a:lnRef idx="1">
                            <a:srgbClr val="000000"/>
                          </a:lnRef>
                          <a:fillRef idx="0">
                            <a:srgbClr val="000000">
                              <a:alpha val="0"/>
                            </a:srgbClr>
                          </a:fillRef>
                          <a:effectRef idx="0">
                            <a:scrgbClr r="0" g="0" b="0"/>
                          </a:effectRef>
                          <a:fontRef idx="none"/>
                        </wps:style>
                        <wps:bodyPr/>
                      </wps:wsp>
                      <wps:wsp>
                        <wps:cNvPr id="4386" name="Shape 4386"/>
                        <wps:cNvSpPr/>
                        <wps:spPr>
                          <a:xfrm>
                            <a:off x="788184" y="3132252"/>
                            <a:ext cx="74319" cy="49288"/>
                          </a:xfrm>
                          <a:custGeom>
                            <a:avLst/>
                            <a:gdLst/>
                            <a:ahLst/>
                            <a:cxnLst/>
                            <a:rect l="0" t="0" r="0" b="0"/>
                            <a:pathLst>
                              <a:path w="74319" h="49288">
                                <a:moveTo>
                                  <a:pt x="0" y="0"/>
                                </a:moveTo>
                                <a:lnTo>
                                  <a:pt x="74319" y="23476"/>
                                </a:lnTo>
                                <a:lnTo>
                                  <a:pt x="761" y="4928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387" name="Rectangle 4387"/>
                        <wps:cNvSpPr/>
                        <wps:spPr>
                          <a:xfrm>
                            <a:off x="328951" y="2506389"/>
                            <a:ext cx="31709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QL </w:t>
                              </w:r>
                            </w:p>
                          </w:txbxContent>
                        </wps:txbx>
                        <wps:bodyPr horzOverflow="overflow" vert="horz" lIns="0" tIns="0" rIns="0" bIns="0" rtlCol="0">
                          <a:noAutofit/>
                        </wps:bodyPr>
                      </wps:wsp>
                      <wps:wsp>
                        <wps:cNvPr id="4388" name="Rectangle 4388"/>
                        <wps:cNvSpPr/>
                        <wps:spPr>
                          <a:xfrm>
                            <a:off x="567365" y="2522545"/>
                            <a:ext cx="666495" cy="114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нижается</w:t>
                              </w:r>
                            </w:p>
                          </w:txbxContent>
                        </wps:txbx>
                        <wps:bodyPr horzOverflow="overflow" vert="horz" lIns="0" tIns="0" rIns="0" bIns="0" rtlCol="0">
                          <a:noAutofit/>
                        </wps:bodyPr>
                      </wps:wsp>
                      <wps:wsp>
                        <wps:cNvPr id="4389" name="Rectangle 4389"/>
                        <wps:cNvSpPr/>
                        <wps:spPr>
                          <a:xfrm>
                            <a:off x="1068421" y="2506389"/>
                            <a:ext cx="67462"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390" name="Rectangle 4390"/>
                        <wps:cNvSpPr/>
                        <wps:spPr>
                          <a:xfrm>
                            <a:off x="328951" y="2632091"/>
                            <a:ext cx="785078" cy="11412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 начинается </w:t>
                              </w:r>
                            </w:p>
                          </w:txbxContent>
                        </wps:txbx>
                        <wps:bodyPr horzOverflow="overflow" vert="horz" lIns="0" tIns="0" rIns="0" bIns="0" rtlCol="0">
                          <a:noAutofit/>
                        </wps:bodyPr>
                      </wps:wsp>
                      <wps:wsp>
                        <wps:cNvPr id="4391" name="Rectangle 4391"/>
                        <wps:cNvSpPr/>
                        <wps:spPr>
                          <a:xfrm>
                            <a:off x="328951" y="2741638"/>
                            <a:ext cx="619147" cy="114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бработка </w:t>
                              </w:r>
                            </w:p>
                          </w:txbxContent>
                        </wps:txbx>
                        <wps:bodyPr horzOverflow="overflow" vert="horz" lIns="0" tIns="0" rIns="0" bIns="0" rtlCol="0">
                          <a:noAutofit/>
                        </wps:bodyPr>
                      </wps:wsp>
                      <wps:wsp>
                        <wps:cNvPr id="4392" name="Rectangle 4392"/>
                        <wps:cNvSpPr/>
                        <wps:spPr>
                          <a:xfrm>
                            <a:off x="794498" y="2725482"/>
                            <a:ext cx="2563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393" name="Rectangle 4393"/>
                        <wps:cNvSpPr/>
                        <wps:spPr>
                          <a:xfrm>
                            <a:off x="987180" y="2725482"/>
                            <a:ext cx="33731" cy="1353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394" name="Rectangle 4394"/>
                        <wps:cNvSpPr/>
                        <wps:spPr>
                          <a:xfrm>
                            <a:off x="268735" y="1293870"/>
                            <a:ext cx="1246130" cy="1141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Очередь устройства</w:t>
                              </w:r>
                            </w:p>
                          </w:txbxContent>
                        </wps:txbx>
                        <wps:bodyPr horzOverflow="overflow" vert="horz" lIns="0" tIns="0" rIns="0" bIns="0" rtlCol="0">
                          <a:noAutofit/>
                        </wps:bodyPr>
                      </wps:wsp>
                    </wpg:wgp>
                  </a:graphicData>
                </a:graphic>
              </wp:inline>
            </w:drawing>
          </mc:Choice>
          <mc:Fallback>
            <w:pict>
              <v:group id="Group 60755" o:spid="_x0000_s2042" style="width:283.9pt;height:290.4pt;mso-position-horizontal-relative:char;mso-position-vertical-relative:line" coordsize="36055,3688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">
                <v:shape id="Shape 4261" o:spid="_x0000_s2043" style="position:absolute;left:842;top:1151;width:8625;height:3235;visibility:visible;mso-wrap-style:square;v-text-anchor:top" coordsize="862541,3234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" path="m,323467r862541,l862541,,,,,323467xe" filled="f" strokeweight=".05072mm">
                  <v:stroke endcap="round"/>
                  <v:path arrowok="t" textboxrect="0,0,862541,323467"/>
                </v:shape>
                <v:rect id="Rectangle 4262" o:spid="_x0000_s2044" style="position:absolute;left:2600;top:1830;width:6794;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v:textbox>
                </v:rect>
                <v:rect id="Rectangle 4263" o:spid="_x0000_s2045" style="position:absolute;left:1460;top:2925;width:9827;height:114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изации</w:t>
                        </w:r>
                      </w:p>
                    </w:txbxContent>
                  </v:textbox>
                </v:rect>
                <v:shape id="Shape 69435" o:spid="_x0000_s2046" style="position:absolute;left:9467;top:1151;width:7115;height:3235;visibility:visible;mso-wrap-style:square;v-text-anchor:top" coordsize="711568,3234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" path="m,l711568,r,323467l,323467,,e" stroked="f" strokeweight="0">
                  <v:stroke endcap="round"/>
                  <v:path arrowok="t" textboxrect="0,0,711568,323467"/>
                </v:shape>
                <v:shape id="Shape 4265" o:spid="_x0000_s2047" style="position:absolute;left:9467;top:1151;width:7115;height:3235;visibility:visible;mso-wrap-style:square;v-text-anchor:top" coordsize="711568,3234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" path="m,323467r711568,l711568,,,,,323467xe" filled="f" strokeweight=".05072mm">
                  <v:stroke endcap="round"/>
                  <v:path arrowok="t" textboxrect="0,0,711568,323467"/>
                </v:shape>
                <v:rect id="Rectangle 4266" o:spid="_x0000_s2048" style="position:absolute;left:9619;top:1830;width:9257;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нициализация </w:t>
                        </w:r>
                      </w:p>
                    </w:txbxContent>
                  </v:textbox>
                </v:rect>
                <v:rect id="Rectangle 4267" o:spid="_x0000_s2049" style="position:absolute;left:10026;top:2925;width:3349;height:114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4268" o:spid="_x0000_s2050" style="position:absolute;left:12544;top:2764;width:405;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269" o:spid="_x0000_s2051" style="position:absolute;left:12849;top:2925;width:4221;height:114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69436" o:spid="_x0000_s2052" style="position:absolute;left:16582;top:1151;width:3666;height:3235;visibility:visible;mso-wrap-style:square;v-text-anchor:top" coordsize="366567,3234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" path="m,l366567,r,323467l,323467,,e" stroked="f" strokeweight="0">
                  <v:stroke endcap="round"/>
                  <v:path arrowok="t" textboxrect="0,0,366567,323467"/>
                </v:shape>
                <v:shape id="Shape 4271" o:spid="_x0000_s2053" style="position:absolute;left:16582;top:1151;width:3666;height:3235;visibility:visible;mso-wrap-style:square;v-text-anchor:top" coordsize="366567,3234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" path="m,323467r366567,l366567,,,,,323467xe" filled="f" strokeweight=".05072mm">
                  <v:stroke endcap="round"/>
                  <v:path arrowok="t" textboxrect="0,0,366567,323467"/>
                </v:shape>
                <v:rect id="Rectangle 4272" o:spid="_x0000_s2054" style="position:absolute;left:17655;top:2216;width:2024;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ISR</w:t>
                        </w:r>
                      </w:p>
                    </w:txbxContent>
                  </v:textbox>
                </v:rect>
                <v:shape id="Shape 4274" o:spid="_x0000_s2055" style="position:absolute;left:20248;top:1151;width:5094;height:3235;visibility:visible;mso-wrap-style:square;v-text-anchor:top" coordsize="509416,3234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" path="m,323467r509416,l509416,,,,,323467xe" filled="f" strokeweight=".05072mm">
                  <v:stroke endcap="round"/>
                  <v:path arrowok="t" textboxrect="0,0,509416,323467"/>
                </v:shape>
                <v:rect id="Rectangle 4275" o:spid="_x0000_s2056" style="position:absolute;left:21679;top:1668;width:2564;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4276" o:spid="_x0000_s2057" style="position:absolute;left:23607;top:1668;width:404;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277" o:spid="_x0000_s2058" style="position:absolute;left:20449;top:2925;width:6242;height:114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процедуры</w:t>
                        </w:r>
                      </w:p>
                    </w:txbxContent>
                  </v:textbox>
                </v:rect>
                <v:shape id="Shape 4278" o:spid="_x0000_s2059" style="position:absolute;left:410;top:4709;width:1510;height:1510;visibility:visible;mso-wrap-style:square;v-text-anchor:top" coordsize="150938,1510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" path="m75471,v41678,,75467,33777,75467,75465c150938,117154,117149,151007,75471,151007,33785,151007,,117154,,75465,,33777,33785,,75471,xe" fillcolor="#d9d9d9" stroked="f" strokeweight="0">
                  <v:stroke endcap="round"/>
                  <v:path arrowok="t" textboxrect="0,0,150938,151007"/>
                </v:shape>
                <v:shape id="Shape 4279" o:spid="_x0000_s2060" style="position:absolute;left:410;top:4709;width:1510;height:1510;visibility:visible;mso-wrap-style:square;v-text-anchor:top" coordsize="150938,1510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" path="m150938,75465c150938,33777,117149,,75471,,33785,,,33777,,75465v,41689,33785,75542,75471,75542c117149,151007,150938,117154,150938,75465xe" filled="f" strokeweight=".15214mm">
                  <v:stroke endcap="round"/>
                  <v:path arrowok="t" textboxrect="0,0,150938,151007"/>
                </v:shape>
                <v:rect id="Rectangle 4280" o:spid="_x0000_s2061" style="position:absolute;left:911;top:4911;width:675;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3</w:t>
                        </w:r>
                      </w:p>
                    </w:txbxContent>
                  </v:textbox>
                </v:rect>
                <v:rect id="Rectangle 4281" o:spid="_x0000_s2062" style="position:absolute;left:2224;top:4664;width:2563;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4282" o:spid="_x0000_s2063" style="position:absolute;left:4151;top:4664;width:405;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283" o:spid="_x0000_s2064" style="position:absolute;left:4455;top:4826;width:18076;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а начинает обработку </w:t>
                        </w:r>
                      </w:p>
                    </w:txbxContent>
                  </v:textbox>
                </v:rect>
                <v:rect id="Rectangle 4284" o:spid="_x0000_s2065" style="position:absolute;left:2224;top:5921;width:18835;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ледующего запроса из очереди </w:t>
                        </w:r>
                      </w:p>
                    </w:txbxContent>
                  </v:textbox>
                </v:rect>
                <v:rect id="Rectangle 4285" o:spid="_x0000_s2066" style="position:absolute;left:2224;top:7017;width:6282;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устройства</w:t>
                        </w:r>
                      </w:p>
                    </w:txbxContent>
                  </v:textbox>
                </v:rect>
                <v:rect id="Rectangle 4286" o:spid="_x0000_s2067" style="position:absolute;left:6947;top:6855;width:675;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287" o:spid="_x0000_s2068" style="position:absolute;left:7455;top:7017;width:13732;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сле чего заканчивает </w:t>
                        </w:r>
                      </w:p>
                    </w:txbxContent>
                  </v:textbox>
                </v:rect>
                <v:rect id="Rectangle 4288" o:spid="_x0000_s2069" style="position:absolute;left:2224;top:8112;width:15684;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бслуживание прерывания </w:t>
                        </w:r>
                      </w:p>
                    </w:txbxContent>
                  </v:textbox>
                </v:rect>
                <v:shape id="Shape 4289" o:spid="_x0000_s2070" style="position:absolute;top:10424;width:3342;height:1509;visibility:visible;mso-wrap-style:square;v-text-anchor:top" coordsize="334222,150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" path="m75468,l258755,v41678,,75467,33777,75467,75466c334222,117154,300433,150931,258755,150931r-183287,c33789,150931,,117154,,75466,,33777,33789,,75468,xe" fillcolor="#f2f2f2" stroked="f" strokeweight="0">
                  <v:stroke endcap="round"/>
                  <v:path arrowok="t" textboxrect="0,0,334222,150931"/>
                </v:shape>
                <v:shape id="Shape 4290" o:spid="_x0000_s2071" style="position:absolute;top:10424;width:3342;height:1509;visibility:visible;mso-wrap-style:square;v-text-anchor:top" coordsize="334222,150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" path="m75468,150931r183287,c300433,150931,334222,117154,334222,75466v,,,,,c334222,33777,300433,,258755,l75468,c33789,,,33777,,75466v,41688,33789,75465,75468,75465xe" filled="f" strokeweight=".05072mm">
                  <v:stroke endcap="round"/>
                  <v:path arrowok="t" textboxrect="0,0,334222,150931"/>
                </v:shape>
                <v:rect id="Rectangle 4291" o:spid="_x0000_s2072" style="position:absolute;left:529;top:10626;width:2024;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rect id="Rectangle 4292" o:spid="_x0000_s2073" style="position:absolute;left:2051;top:10626;width:337;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293" o:spid="_x0000_s2074" style="position:absolute;left:2304;top:10626;width:676;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6</w:t>
                        </w:r>
                      </w:p>
                    </w:txbxContent>
                  </v:textbox>
                </v:rect>
                <v:rect id="Rectangle 4294" o:spid="_x0000_s2075" style="position:absolute;left:5167;top:36024;width:5596;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b/>
                            <w:sz w:val="14"/>
                          </w:rPr>
                          <w:t xml:space="preserve">Очередь </w:t>
                        </w:r>
                      </w:p>
                    </w:txbxContent>
                  </v:textbox>
                </v:rect>
                <v:rect id="Rectangle 4295" o:spid="_x0000_s2076" style="position:absolute;left:9374;top:35862;width:2563;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b/>
                            <w:sz w:val="14"/>
                          </w:rPr>
                          <w:t>DPC</w:t>
                        </w:r>
                      </w:p>
                    </w:txbxContent>
                  </v:textbox>
                </v:rect>
                <v:shape id="Shape 4296" o:spid="_x0000_s2077" style="position:absolute;left:22209;top:11502;width:1510;height:1510;visibility:visible;mso-wrap-style:square;v-text-anchor:top" coordsize="150996,1510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" path="m75460,v41686,,75536,33853,75536,75542c150996,117154,117146,151007,75460,151007,33851,151007,,117154,,75542,,33853,33851,,75460,xe" fillcolor="#d9d9d9" stroked="f" strokeweight="0">
                  <v:stroke endcap="round"/>
                  <v:path arrowok="t" textboxrect="0,0,150996,151007"/>
                </v:shape>
                <v:shape id="Shape 4297" o:spid="_x0000_s2078" style="position:absolute;left:22209;top:11502;width:1510;height:1510;visibility:visible;mso-wrap-style:square;v-text-anchor:top" coordsize="150996,1510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" path="m150996,75542c150996,33853,117146,,75460,,33851,,,33853,,75542v,41612,33851,75465,75460,75465c117146,151007,150996,117154,150996,75542xe" filled="f" strokeweight=".15214mm">
                  <v:stroke endcap="round"/>
                  <v:path arrowok="t" textboxrect="0,0,150996,151007"/>
                </v:shape>
                <v:rect id="Rectangle 4298" o:spid="_x0000_s2079" style="position:absolute;left:22710;top:11705;width:675;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rect id="Rectangle 4299" o:spid="_x0000_s2080" style="position:absolute;left:24319;top:11196;width:13557;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прерываний </w:t>
                        </w:r>
                      </w:p>
                    </w:txbxContent>
                  </v:textbox>
                </v:rect>
                <v:rect id="Rectangle 4300" o:spid="_x0000_s2081" style="position:absolute;left:24319;top:12292;width:12640;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ередает управление </w:t>
                        </w:r>
                      </w:p>
                    </w:txbxContent>
                  </v:textbox>
                </v:rect>
                <v:rect id="Rectangle 4301" o:spid="_x0000_s2082" style="position:absolute;left:33823;top:12130;width:2563;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4302" o:spid="_x0000_s2083" style="position:absolute;left:35751;top:12130;width:404;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303" o:spid="_x0000_s2084" style="position:absolute;left:24319;top:13387;width:11789;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процедуре драйвера</w:t>
                        </w:r>
                      </w:p>
                    </w:txbxContent>
                  </v:textbox>
                </v:rect>
                <v:shape id="Shape 4305" o:spid="_x0000_s2085" style="position:absolute;left:19800;top:19696;width:6469;height:1078;visibility:visible;mso-wrap-style:square;v-text-anchor:top" coordsize="646880,1078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" path="m,107820r646880,l646880,,,,,107820xe" filled="f" strokeweight=".05072mm">
                  <v:stroke endcap="round"/>
                  <v:path arrowok="t" textboxrect="0,0,646880,107820"/>
                </v:shape>
                <v:shape id="Shape 69437" o:spid="_x0000_s2086" style="position:absolute;left:19800;top:20774;width:6469;height:3235;visibility:visible;mso-wrap-style:square;v-text-anchor:top" coordsize="646880,3234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" path="m,l646880,r,323468l,323468,,e" stroked="f" strokeweight="0">
                  <v:stroke endcap="round"/>
                  <v:path arrowok="t" textboxrect="0,0,646880,323468"/>
                </v:shape>
                <v:shape id="Shape 4307" o:spid="_x0000_s2087" style="position:absolute;left:19800;top:20774;width:6469;height:3235;visibility:visible;mso-wrap-style:square;v-text-anchor:top" coordsize="646880,3234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" path="m,323468r646880,l646880,,,,,323468xe" filled="f" strokeweight=".05072mm">
                  <v:stroke endcap="round"/>
                  <v:path arrowok="t" textboxrect="0,0,646880,323468"/>
                </v:shape>
                <v:shape id="Shape 4309" o:spid="_x0000_s2088" style="position:absolute;left:19800;top:24010;width:6469;height:1078;visibility:visible;mso-wrap-style:square;v-text-anchor:top" coordsize="646880,1078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" path="m,107820r646880,l646880,,,,,107820xe" filled="f" strokeweight=".05072mm">
                  <v:stroke endcap="round"/>
                  <v:path arrowok="t" textboxrect="0,0,646880,107820"/>
                </v:shape>
                <v:shape id="Shape 69438" o:spid="_x0000_s2089" style="position:absolute;left:19800;top:25088;width:6469;height:3234;visibility:visible;mso-wrap-style:square;v-text-anchor:top" coordsize="646880,3234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" path="m,l646880,r,323467l,323467,,e" stroked="f" strokeweight="0">
                  <v:stroke endcap="round"/>
                  <v:path arrowok="t" textboxrect="0,0,646880,323467"/>
                </v:shape>
                <v:shape id="Shape 4311" o:spid="_x0000_s2090" style="position:absolute;left:19800;top:25088;width:6469;height:3234;visibility:visible;mso-wrap-style:square;v-text-anchor:top" coordsize="646880,3234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" path="m,323467r646880,l646880,,,,,323467xe" filled="f" strokeweight=".05072mm">
                  <v:stroke endcap="round"/>
                  <v:path arrowok="t" textboxrect="0,0,646880,323467"/>
                </v:shape>
                <v:shape id="Shape 4313" o:spid="_x0000_s2091" style="position:absolute;left:19800;top:30479;width:6469;height:1078;visibility:visible;mso-wrap-style:square;v-text-anchor:top" coordsize="646880,1078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" path="m,107820r646880,l646880,,,,,107820xe" filled="f" strokeweight=".05072mm">
                  <v:stroke endcap="round"/>
                  <v:path arrowok="t" textboxrect="0,0,646880,107820"/>
                </v:shape>
                <v:shape id="Shape 69439" o:spid="_x0000_s2092" style="position:absolute;left:19800;top:29400;width:6469;height:1079;visibility:visible;mso-wrap-style:square;v-text-anchor:top" coordsize="646880,1078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" path="m,l646880,r,107820l,107820,,e" stroked="f" strokeweight="0">
                  <v:stroke endcap="round"/>
                  <v:path arrowok="t" textboxrect="0,0,646880,107820"/>
                </v:shape>
                <v:shape id="Shape 4315" o:spid="_x0000_s2093" style="position:absolute;left:19800;top:29400;width:6469;height:1079;visibility:visible;mso-wrap-style:square;v-text-anchor:top" coordsize="646880,1078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" path="m,107820r646880,l646880,,,,,107820xe" filled="f" strokeweight=".05072mm">
                  <v:stroke endcap="round"/>
                  <v:path arrowok="t" textboxrect="0,0,646880,107820"/>
                </v:shape>
                <v:shape id="Shape 69440" o:spid="_x0000_s2094" style="position:absolute;left:19800;top:28322;width:6469;height:1078;visibility:visible;mso-wrap-style:square;v-text-anchor:top" coordsize="646880,1078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" path="m,l646880,r,107820l,107820,,e" stroked="f" strokeweight="0">
                  <v:stroke endcap="round"/>
                  <v:path arrowok="t" textboxrect="0,0,646880,107820"/>
                </v:shape>
                <v:shape id="Shape 4317" o:spid="_x0000_s2095" style="position:absolute;left:19800;top:28322;width:6469;height:1078;visibility:visible;mso-wrap-style:square;v-text-anchor:top" coordsize="646880,1078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" path="m,107820r646880,l646880,,,,,107820xe" filled="f" strokeweight=".05072mm">
                  <v:stroke endcap="round"/>
                  <v:path arrowok="t" textboxrect="0,0,646880,107820"/>
                </v:shape>
                <v:shape id="Shape 4318" o:spid="_x0000_s2096" style="position:absolute;left:23034;top:20774;width:0;height:3235;visibility:visible;mso-wrap-style:square;v-text-anchor:top" coordsize="0,3234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" path="m,l,323468e" filled="f" strokeweight=".15214mm">
                  <v:stroke endcap="round"/>
                  <v:path arrowok="t" textboxrect="0,0,0,323468"/>
                </v:shape>
                <v:shape id="Shape 4319" o:spid="_x0000_s2097" style="position:absolute;left:23034;top:25088;width:0;height:3234;visibility:visible;mso-wrap-style:square;v-text-anchor:top" coordsize="0,3234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" path="m,l,323467e" filled="f" strokeweight=".15214mm">
                  <v:stroke endcap="round"/>
                  <v:path arrowok="t" textboxrect="0,0,0,323467"/>
                </v:shape>
                <v:rect id="Rectangle 4321" o:spid="_x0000_s2098" style="position:absolute;left:16106;top:30687;width:4588;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Passive</w:t>
                        </w:r>
                        <w:proofErr w:type="spellEnd"/>
                        <w:r>
                          <w:rPr>
                            <w:rFonts w:ascii="Arial" w:eastAsia="Arial" w:hAnsi="Arial" w:cs="Arial"/>
                            <w:sz w:val="14"/>
                          </w:rPr>
                          <w:t xml:space="preserve"> </w:t>
                        </w:r>
                      </w:p>
                    </w:txbxContent>
                  </v:textbox>
                </v:rect>
                <v:rect id="Rectangle 4322" o:spid="_x0000_s2099" style="position:absolute;left:17568;top:29609;width:2496;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v:rect id="Rectangle 4323" o:spid="_x0000_s2100" style="position:absolute;left:13736;top:28531;width:2564;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4324" o:spid="_x0000_s2101" style="position:absolute;left:15664;top:28531;width:337;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325" o:spid="_x0000_s2102" style="position:absolute;left:15917;top:28531;width:4724;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ispatch</w:t>
                        </w:r>
                        <w:proofErr w:type="spellEnd"/>
                      </w:p>
                    </w:txbxContent>
                  </v:textbox>
                </v:rect>
                <v:rect id="Rectangle 4326" o:spid="_x0000_s2103" style="position:absolute;left:14588;top:24217;width:6882;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evice</w:t>
                        </w:r>
                        <w:proofErr w:type="spellEnd"/>
                        <w:r>
                          <w:rPr>
                            <w:rFonts w:ascii="Arial" w:eastAsia="Arial" w:hAnsi="Arial" w:cs="Arial"/>
                            <w:sz w:val="14"/>
                          </w:rPr>
                          <w:t xml:space="preserve"> IRQL</w:t>
                        </w:r>
                      </w:p>
                    </w:txbxContent>
                  </v:textbox>
                </v:rect>
                <v:rect id="Rectangle 4327" o:spid="_x0000_s2104" style="position:absolute;left:17723;top:19905;width:2497;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High</w:t>
                        </w:r>
                        <w:proofErr w:type="spellEnd"/>
                      </w:p>
                    </w:txbxContent>
                  </v:textbox>
                </v:rect>
                <v:shape id="Shape 4328" o:spid="_x0000_s2105" style="position:absolute;left:26269;top:15168;width:1687;height:13693;visibility:visible;mso-wrap-style:square;v-text-anchor:top" coordsize="168720,13693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" path="m,1369335c118819,1328484,168720,715402,111516,e" filled="f" strokeweight=".15214mm">
                  <v:stroke endcap="round"/>
                  <v:path arrowok="t" textboxrect="0,0,168720,1369335"/>
                </v:shape>
                <v:shape id="Shape 4329" o:spid="_x0000_s2106" style="position:absolute;left:1078;top:25950;width:1509;height:1510;visibility:visible;mso-wrap-style:square;v-text-anchor:top" coordsize="150943,150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" path="m75468,v41685,,75475,33777,75475,75466c150943,117154,117153,150931,75468,150931,33790,150931,,117154,,75466,,33777,33790,,75468,xe" fillcolor="#d9d9d9" stroked="f" strokeweight="0">
                  <v:stroke endcap="round"/>
                  <v:path arrowok="t" textboxrect="0,0,150943,150931"/>
                </v:shape>
                <v:shape id="Shape 4330" o:spid="_x0000_s2107" style="position:absolute;left:1078;top:25950;width:1509;height:1510;visibility:visible;mso-wrap-style:square;v-text-anchor:top" coordsize="150943,150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" path="m150943,75466c150943,33777,117153,,75468,,33790,,,33777,,75466v,41688,33790,75465,75468,75465c117153,150931,150943,117154,150943,75466xe" filled="f" strokeweight=".15214mm">
                  <v:stroke endcap="round"/>
                  <v:path arrowok="t" textboxrect="0,0,150943,150931"/>
                </v:shape>
                <v:rect id="Rectangle 4331" o:spid="_x0000_s2108" style="position:absolute;left:1579;top:26153;width:675;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shape id="Picture 67474" o:spid="_x0000_s2109" type="#_x0000_t75" style="position:absolute;left:15413;top:11898;width:4175;height:176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">
                  <v:imagedata r:id="rId58" o:title=""/>
                </v:shape>
                <v:shape id="Picture 67475" o:spid="_x0000_s2110" type="#_x0000_t75" style="position:absolute;left:15534;top:13615;width:3231;height:48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">
                  <v:imagedata r:id="rId59" o:title=""/>
                </v:shape>
                <v:shape id="Picture 67476" o:spid="_x0000_s2111" type="#_x0000_t75" style="position:absolute;left:18461;top:11898;width:1402;height:219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">
                  <v:imagedata r:id="rId60" o:title=""/>
                </v:shape>
                <v:shape id="Shape 4338" o:spid="_x0000_s2112" style="position:absolute;left:18451;top:11933;width:1408;height:2157;visibility:visible;mso-wrap-style:square;v-text-anchor:top" coordsize="140803,2156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" path="m111973,c83903,61620,48456,119512,6390,172536,,188588,7911,206922,23962,213540v2662,1065,5477,1826,8291,2130c80252,167515,116537,108938,138216,44427,140803,25333,130001,6922,111973,xe" filled="f" strokecolor="white" strokeweight=".15214mm">
                  <v:stroke endcap="round"/>
                  <v:path arrowok="t" textboxrect="0,0,140803,215670"/>
                </v:shape>
                <v:shape id="Shape 4339" o:spid="_x0000_s2113" style="position:absolute;left:15525;top:11933;width:4329;height:2157;visibility:visible;mso-wrap-style:square;v-text-anchor:top" coordsize="432906,2156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" path="m91130,76c79644,2663,68842,7607,59410,14682,22897,48840,1522,96158,,146215v1065,29973,18865,56827,46021,69455l324889,215670c372964,167515,409249,108786,430928,44199,432906,25028,421724,6846,403620,l91130,76xe" filled="f" strokeweight=".31694mm">
                  <v:stroke endcap="round"/>
                  <v:path arrowok="t" textboxrect="0,0,432906,215670"/>
                </v:shape>
                <v:shape id="Picture 67477" o:spid="_x0000_s2114" type="#_x0000_t75" style="position:absolute;left:15829;top:12376;width:732;height:60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">
                  <v:imagedata r:id="rId61" o:title=""/>
                </v:shape>
                <v:shape id="Shape 4342" o:spid="_x0000_s2115" style="position:absolute;left:15821;top:12373;width:764;height:628;visibility:visible;mso-wrap-style:square;v-text-anchor:top" coordsize="76372,628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" path="m50510,52796c67853,42830,76372,25105,69526,13313,62756,1522,43131,,25863,10042,8520,20008,,37733,6770,49525v6846,11791,26396,13313,43740,3271xe" filled="f" strokeweight=".15214mm">
                  <v:stroke endcap="round"/>
                  <v:path arrowok="t" textboxrect="0,0,76372,62838"/>
                </v:shape>
                <v:shape id="Picture 67478" o:spid="_x0000_s2116" type="#_x0000_t75" style="position:absolute;left:16042;top:13107;width:336;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">
                  <v:imagedata r:id="rId62" o:title=""/>
                </v:shape>
                <v:shape id="Shape 4345" o:spid="_x0000_s2117" style="position:absolute;left:16053;top:13142;width:319;height:261;visibility:visible;mso-wrap-style:square;v-text-anchor:top" coordsize="31873,260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" path="m21071,21985c28297,17801,31873,10422,29058,5477,26244,608,18028,,10802,4184,3575,8368,,15747,2815,20616v2814,4944,11030,5477,18256,1369xe" filled="f" strokeweight=".15214mm">
                  <v:stroke endcap="round"/>
                  <v:path arrowok="t" textboxrect="0,0,31873,26093"/>
                </v:shape>
                <v:shape id="Shape 4346" o:spid="_x0000_s2118" style="position:absolute;left:16444;top:12203;width:2646;height:1197;visibility:visible;mso-wrap-style:square;v-text-anchor:top" coordsize="264566,1196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" path="m,119664l73634,,264566,e" filled="f" strokecolor="white" strokeweight=".15214mm">
                  <v:stroke endcap="round"/>
                  <v:path arrowok="t" textboxrect="0,0,264566,119664"/>
                </v:shape>
                <v:shape id="Picture 67479" o:spid="_x0000_s2119" type="#_x0000_t75" style="position:absolute;left:16459;top:12183;width:2652;height:121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">
                  <v:imagedata r:id="rId63" o:title=""/>
                </v:shape>
                <v:shape id="Picture 67480" o:spid="_x0000_s2120" type="#_x0000_t75" style="position:absolute;left:16459;top:12183;width:2652;height:121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">
                  <v:imagedata r:id="rId63" o:title=""/>
                </v:shape>
                <v:shape id="Shape 4351" o:spid="_x0000_s2121" style="position:absolute;left:16444;top:12203;width:2646;height:1197;visibility:visible;mso-wrap-style:square;v-text-anchor:top" coordsize="264566,1196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" path="m77666,5401l6922,119664r-6922,l190324,119664,264566,r-3499,5401l77666,5401xe" filled="f" strokeweight=".15214mm">
                  <v:stroke endcap="round"/>
                  <v:path arrowok="t" textboxrect="0,0,264566,119664"/>
                </v:shape>
                <v:shape id="Picture 67481" o:spid="_x0000_s2122" type="#_x0000_t75" style="position:absolute;left:16622;top:12152;width:365;height:27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">
                  <v:imagedata r:id="rId64" o:title=""/>
                </v:shape>
                <v:shape id="Shape 4354" o:spid="_x0000_s2123" style="position:absolute;left:16658;top:12172;width:320;height:264;visibility:visible;mso-wrap-style:square;v-text-anchor:top" coordsize="32025,263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" path="m21224,22213c28450,18030,32025,10651,29135,5630,26244,684,18028,,10802,4184,3575,8368,,15823,2891,20768v2890,5021,11106,5630,18333,1445xe" filled="f" strokeweight=".15214mm">
                  <v:stroke endcap="round"/>
                  <v:path arrowok="t" textboxrect="0,0,32025,26398"/>
                </v:shape>
                <v:shape id="Picture 67482" o:spid="_x0000_s2124" type="#_x0000_t75" style="position:absolute;left:18430;top:13168;width:244;height:21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">
                  <v:imagedata r:id="rId65" o:title=""/>
                </v:shape>
                <v:shape id="Shape 4357" o:spid="_x0000_s2125" style="position:absolute;left:18474;top:13206;width:208;height:169;visibility:visible;mso-wrap-style:square;v-text-anchor:top" coordsize="20843,169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" path="m13768,14226c18485,11487,20843,6695,19017,3499,17192,304,11867,,7074,2739,2358,5478,,10270,1825,13465v1826,3196,7151,3499,11943,761xe" filled="f" strokeweight=".15214mm">
                  <v:stroke endcap="round"/>
                  <v:path arrowok="t" textboxrect="0,0,20843,16964"/>
                </v:shape>
                <v:shape id="Shape 4358" o:spid="_x0000_s2126" style="position:absolute;left:8625;top:29478;width:4125;height:2294;visibility:visible;mso-wrap-style:square;v-text-anchor:top" coordsize="412520,2294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" path="m,229447l399360,108314,83675,99771,412520,e" filled="f" strokeweight=".15214mm">
                  <v:stroke endcap="round"/>
                  <v:path arrowok="t" textboxrect="0,0,412520,229447"/>
                </v:shape>
                <v:shape id="Shape 4359" o:spid="_x0000_s2127" style="position:absolute;left:12619;top:29260;width:780;height:472;visibility:visible;mso-wrap-style:square;v-text-anchor:top" coordsize="77970,4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" path="m,l77970,2130,14301,47166,,xe" fillcolor="black" stroked="f" strokeweight="0">
                  <v:stroke endcap="round"/>
                  <v:path arrowok="t" textboxrect="0,0,77970,47166"/>
                </v:shape>
                <v:rect id="Rectangle 4360" o:spid="_x0000_s2128" style="position:absolute;left:8668;width:12394;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b/>
                            <w:sz w:val="14"/>
                          </w:rPr>
                          <w:t>Драйвер устройства</w:t>
                        </w:r>
                      </w:p>
                    </w:txbxContent>
                  </v:textbox>
                </v:rect>
                <v:shape id="Shape 4361" o:spid="_x0000_s2129" style="position:absolute;left:18977;top:4386;width:3818;height:6954;visibility:visible;mso-wrap-style:square;v-text-anchor:top" coordsize="381788,6953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" path="m381788,l,695394e" filled="f" strokeweight=".15214mm">
                  <v:stroke endcap="round"/>
                  <v:path arrowok="t" textboxrect="0,0,381788,695394"/>
                </v:shape>
                <v:shape id="Shape 4362" o:spid="_x0000_s2130" style="position:absolute;left:18651;top:11167;width:572;height:767;visibility:visible;mso-wrap-style:square;v-text-anchor:top" coordsize="57204,766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" path="m13997,l57204,23659,,76683,13997,xe" fillcolor="black" stroked="f" strokeweight="0">
                  <v:stroke endcap="round"/>
                  <v:path arrowok="t" textboxrect="0,0,57204,76683"/>
                </v:shape>
                <v:shape id="Shape 4363" o:spid="_x0000_s2131" style="position:absolute;left:6361;top:10424;width:3341;height:1509;visibility:visible;mso-wrap-style:square;v-text-anchor:top" coordsize="334192,150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" path="m75467,l258732,v41685,,75460,33777,75460,75466c334192,117154,300417,150931,258732,150931r-183265,c33790,150931,,117154,,75466,,33777,33790,,75467,xe" fillcolor="#f2f2f2" stroked="f" strokeweight="0">
                  <v:stroke endcap="round"/>
                  <v:path arrowok="t" textboxrect="0,0,334192,150931"/>
                </v:shape>
                <v:shape id="Shape 4364" o:spid="_x0000_s2132" style="position:absolute;left:6361;top:10424;width:3341;height:1509;visibility:visible;mso-wrap-style:square;v-text-anchor:top" coordsize="334192,150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" path="m75467,150931r183265,c300417,150931,334192,117154,334192,75466v,,,,,c334192,33777,300417,,258732,l75467,c33790,,,33777,,75466v,41688,33790,75465,75467,75465xe" filled="f" strokeweight=".05072mm">
                  <v:stroke endcap="round"/>
                  <v:path arrowok="t" textboxrect="0,0,334192,150931"/>
                </v:shape>
                <v:rect id="Rectangle 4365" o:spid="_x0000_s2133" style="position:absolute;left:6890;top:10626;width:2024;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rect id="Rectangle 4366" o:spid="_x0000_s2134" style="position:absolute;left:8412;top:10626;width:337;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367" o:spid="_x0000_s2135" style="position:absolute;left:8666;top:10626;width:675;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5</w:t>
                        </w:r>
                      </w:p>
                    </w:txbxContent>
                  </v:textbox>
                </v:rect>
                <v:shape id="Shape 4368" o:spid="_x0000_s2136" style="position:absolute;left:3342;top:11178;width:2341;height:0;visibility:visible;mso-wrap-style:square;v-text-anchor:top" coordsize="23410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" path="m,l234101,e" filled="f" strokeweight=".15214mm">
                  <v:stroke endcap="round"/>
                  <v:path arrowok="t" textboxrect="0,0,234101,0"/>
                </v:shape>
                <v:shape id="Shape 4369" o:spid="_x0000_s2137" style="position:absolute;left:5621;top:10932;width:740;height:493;visibility:visible;mso-wrap-style:square;v-text-anchor:top" coordsize="73939,4929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" path="m,l73939,24648,,49296,,xe" fillcolor="black" stroked="f" strokeweight="0">
                  <v:stroke endcap="round"/>
                  <v:path arrowok="t" textboxrect="0,0,73939,49296"/>
                </v:shape>
                <v:shape id="Shape 4370" o:spid="_x0000_s2138" style="position:absolute;left:9702;top:9858;width:6220;height:1320;visibility:visible;mso-wrap-style:square;v-text-anchor:top" coordsize="621936,1320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" path="m,132065c289213,21301,542521,,621936,79878e" filled="f" strokeweight=".15214mm">
                  <v:stroke endcap="round"/>
                  <v:path arrowok="t" textboxrect="0,0,621936,132065"/>
                </v:shape>
                <v:shape id="Shape 4371" o:spid="_x0000_s2139" style="position:absolute;left:15670;top:10508;width:501;height:778;visibility:visible;mso-wrap-style:square;v-text-anchor:top" coordsize="50129,778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" path="m45793,r4336,77824l,18182,45793,xe" fillcolor="black" stroked="f" strokeweight="0">
                  <v:stroke endcap="round"/>
                  <v:path arrowok="t" textboxrect="0,0,50129,77824"/>
                </v:shape>
                <v:shape id="Shape 4372" o:spid="_x0000_s2140" style="position:absolute;left:24387;top:4501;width:2998;height:6785;visibility:visible;mso-wrap-style:square;v-text-anchor:top" coordsize="299786,67850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" path="m299710,678506c299786,345910,173665,60631,,e" filled="f" strokeweight=".15214mm">
                  <v:stroke endcap="round"/>
                  <v:path arrowok="t" textboxrect="0,0,299786,678506"/>
                </v:shape>
                <v:shape id="Shape 4373" o:spid="_x0000_s2141" style="position:absolute;left:23719;top:4269;width:770;height:486;visibility:visible;mso-wrap-style:square;v-text-anchor:top" coordsize="77057,486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" path="m77057,l68614,48611,,11715,77057,xe" fillcolor="black" stroked="f" strokeweight="0">
                  <v:stroke endcap="round"/>
                  <v:path arrowok="t" textboxrect="0,0,77057,48611"/>
                </v:shape>
                <v:shape id="Shape 4374" o:spid="_x0000_s2142" style="position:absolute;left:9702;top:34145;width:3343;height:1509;visibility:visible;mso-wrap-style:square;v-text-anchor:top" coordsize="334245,1509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" path="m75536,l258785,v41686,,75460,33793,75460,75473c334245,117162,300471,150947,258785,150947r-183249,c33850,150947,,117154,,75473,,33793,33850,,75536,xe" fillcolor="#f2f2f2" stroked="f" strokeweight="0">
                  <v:stroke endcap="round"/>
                  <v:path arrowok="t" textboxrect="0,0,334245,150947"/>
                </v:shape>
                <v:shape id="Shape 4375" o:spid="_x0000_s2143" style="position:absolute;left:9702;top:34145;width:3343;height:1509;visibility:visible;mso-wrap-style:square;v-text-anchor:top" coordsize="334245,1509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" path="m75536,150947r183249,c300471,150947,334245,117162,334245,75473v,,,,,c334245,33793,300471,,258785,l75536,c33850,,,33793,,75473v,41681,33850,75474,75536,75474xe" filled="f" strokeweight=".05072mm">
                  <v:stroke endcap="round"/>
                  <v:path arrowok="t" textboxrect="0,0,334245,150947"/>
                </v:shape>
                <v:rect id="Rectangle 4376" o:spid="_x0000_s2144" style="position:absolute;left:10410;top:34347;width:2563;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shape id="Shape 4377" o:spid="_x0000_s2145" style="position:absolute;left:3719;top:29832;width:3342;height:1509;visibility:visible;mso-wrap-style:square;v-text-anchor:top" coordsize="334222,1509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" path="m75467,l258747,v41686,,75475,33792,75475,75473c334222,117162,300433,150946,258747,150946r-183280,c33790,150946,,117162,,75473,,33792,33790,,75467,xe" fillcolor="#f2f2f2" stroked="f" strokeweight="0">
                  <v:stroke endcap="round"/>
                  <v:path arrowok="t" textboxrect="0,0,334222,150946"/>
                </v:shape>
                <v:shape id="Shape 4378" o:spid="_x0000_s2146" style="position:absolute;left:3719;top:29832;width:3342;height:1509;visibility:visible;mso-wrap-style:square;v-text-anchor:top" coordsize="334222,1509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" path="m75467,150946r183280,c300433,150946,334222,117162,334222,75473v,,,,,c334222,33792,300433,,258747,l75467,c33790,,,33792,,75473v,41689,33790,75473,75467,75473xe" filled="f" strokeweight=".05072mm">
                  <v:stroke endcap="round"/>
                  <v:path arrowok="t" textboxrect="0,0,334222,150946"/>
                </v:shape>
                <v:rect id="Rectangle 4379" o:spid="_x0000_s2147" style="position:absolute;left:4427;top:30034;width:2563;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shape id="Shape 4380" o:spid="_x0000_s2148" style="position:absolute;left:4312;top:34145;width:3342;height:1509;visibility:visible;mso-wrap-style:square;v-text-anchor:top" coordsize="334184,1509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" path="m75467,l258755,v41678,,75429,33793,75429,75473c334184,117162,300433,150947,258755,150947r-183288,c33790,150947,,117154,,75473,,33793,33790,,75467,xe" fillcolor="#f2f2f2" stroked="f" strokeweight="0">
                  <v:stroke endcap="round"/>
                  <v:path arrowok="t" textboxrect="0,0,334184,150947"/>
                </v:shape>
                <v:shape id="Shape 4381" o:spid="_x0000_s2149" style="position:absolute;left:4312;top:34145;width:3342;height:1509;visibility:visible;mso-wrap-style:square;v-text-anchor:top" coordsize="334184,1509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" path="m75467,150947r183288,c300433,150947,334184,117162,334184,75473v,,,,,c334184,33793,300433,,258755,l75467,c33790,,,33793,,75473v,41681,33790,75474,75467,75474xe" filled="f" strokeweight=".05072mm">
                  <v:stroke endcap="round"/>
                  <v:path arrowok="t" textboxrect="0,0,334184,150947"/>
                </v:shape>
                <v:rect id="Rectangle 4382" o:spid="_x0000_s2150" style="position:absolute;left:5020;top:34347;width:2563;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shape id="Shape 4383" o:spid="_x0000_s2151" style="position:absolute;left:8332;top:34899;width:1370;height:0;visibility:visible;mso-wrap-style:square;v-text-anchor:top" coordsize="13707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" path="m137076,l,e" filled="f" strokeweight=".15214mm">
                  <v:stroke endcap="round"/>
                  <v:path arrowok="t" textboxrect="0,0,137076,0"/>
                </v:shape>
                <v:shape id="Shape 4384" o:spid="_x0000_s2152" style="position:absolute;left:7654;top:34653;width:739;height:493;visibility:visible;mso-wrap-style:square;v-text-anchor:top" coordsize="73939,4929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" path="m73939,r,49296l,24648,73939,xe" fillcolor="black" stroked="f" strokeweight="0">
                  <v:stroke endcap="round"/>
                  <v:path arrowok="t" textboxrect="0,0,73939,49296"/>
                </v:shape>
                <v:shape id="Shape 4385" o:spid="_x0000_s2153" style="position:absolute;left:2156;top:31567;width:5791;height:3332;visibility:visible;mso-wrap-style:square;v-text-anchor:top" coordsize="579102,3331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" path="m215632,333182c96546,333182,,270428,,193015,,93700,249908,10407,579102,e" filled="f" strokeweight=".15214mm">
                  <v:stroke endcap="round"/>
                  <v:path arrowok="t" textboxrect="0,0,579102,333182"/>
                </v:shape>
                <v:shape id="Shape 4386" o:spid="_x0000_s2154" style="position:absolute;left:7881;top:31322;width:744;height:493;visibility:visible;mso-wrap-style:square;v-text-anchor:top" coordsize="74319,492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" path="m,l74319,23476,761,49288,,xe" fillcolor="black" stroked="f" strokeweight="0">
                  <v:stroke endcap="round"/>
                  <v:path arrowok="t" textboxrect="0,0,74319,49288"/>
                </v:shape>
                <v:rect id="Rectangle 4387" o:spid="_x0000_s2155" style="position:absolute;left:3289;top:25063;width:3171;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QL </w:t>
                        </w:r>
                      </w:p>
                    </w:txbxContent>
                  </v:textbox>
                </v:rect>
                <v:rect id="Rectangle 4388" o:spid="_x0000_s2156" style="position:absolute;left:5673;top:25225;width:6665;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понижается</w:t>
                        </w:r>
                      </w:p>
                    </w:txbxContent>
                  </v:textbox>
                </v:rect>
                <v:rect id="Rectangle 4389" o:spid="_x0000_s2157" style="position:absolute;left:10684;top:25063;width:674;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390" o:spid="_x0000_s2158" style="position:absolute;left:3289;top:26320;width:7851;height:114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 начинается </w:t>
                        </w:r>
                      </w:p>
                    </w:txbxContent>
                  </v:textbox>
                </v:rect>
                <v:rect id="Rectangle 4391" o:spid="_x0000_s2159" style="position:absolute;left:3289;top:27416;width:6191;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бработка </w:t>
                        </w:r>
                      </w:p>
                    </w:txbxContent>
                  </v:textbox>
                </v:rect>
                <v:rect id="Rectangle 4392" o:spid="_x0000_s2160" style="position:absolute;left:7944;top:27254;width:2564;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4393" o:spid="_x0000_s2161" style="position:absolute;left:9871;top:27254;width:338;height:135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394" o:spid="_x0000_s2162" style="position:absolute;left:2687;top:12938;width:12461;height:11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b/>
                            <w:sz w:val="14"/>
                          </w:rPr>
                          <w:t>Очередь устройства</w:t>
                        </w:r>
                      </w:p>
                    </w:txbxContent>
                  </v:textbox>
                </v:rect>
                <w10:anchorlock/>
              </v:group>
            </w:pict>
          </mc:Fallback>
        </mc:AlternateContent>
      </w:r>
      <w:r>
        <w:rPr>
          <w:rFonts w:ascii="Arial" w:eastAsia="Arial" w:hAnsi="Arial" w:cs="Arial"/>
          <w:b/>
          <w:sz w:val="14"/>
        </w:rPr>
        <w:t>IRQL</w:t>
      </w:r>
    </w:p>
    <w:p w:rsidR="0043064D" w:rsidRDefault="008B3C4B">
      <w:pPr>
        <w:spacing w:after="301" w:line="259" w:lineRule="auto"/>
        <w:ind w:left="1684" w:firstLine="0"/>
        <w:jc w:val="left"/>
      </w:pPr>
      <w:r>
        <w:t xml:space="preserve"> </w:t>
      </w:r>
    </w:p>
    <w:p w:rsidR="0043064D" w:rsidRDefault="008B3C4B">
      <w:pPr>
        <w:spacing w:after="387" w:line="265" w:lineRule="auto"/>
        <w:ind w:right="6"/>
        <w:jc w:val="center"/>
      </w:pPr>
      <w:r>
        <w:t xml:space="preserve">Рис. 12. Обслуживание прерывания от устройства (фаза 2) </w:t>
      </w:r>
    </w:p>
    <w:p w:rsidR="0043064D" w:rsidRDefault="008B3C4B">
      <w:pPr>
        <w:pStyle w:val="4"/>
        <w:ind w:left="-5"/>
      </w:pPr>
      <w:r>
        <w:t>Завершение обработки запроса на ввод-вывод</w:t>
      </w:r>
      <w:r>
        <w:rPr>
          <w:rFonts w:ascii="Times New Roman" w:eastAsia="Times New Roman" w:hAnsi="Times New Roman" w:cs="Times New Roman"/>
        </w:rPr>
        <w:t xml:space="preserve"> </w:t>
      </w:r>
    </w:p>
    <w:p w:rsidR="0043064D" w:rsidRDefault="008B3C4B">
      <w:pPr>
        <w:ind w:left="-5" w:right="1"/>
      </w:pPr>
      <w:r>
        <w:t xml:space="preserve">Третья стадия обработки ввода-вывода называется завершением ввода-вывода (I/O </w:t>
      </w:r>
      <w:proofErr w:type="spellStart"/>
      <w:r>
        <w:t>completion</w:t>
      </w:r>
      <w:proofErr w:type="spellEnd"/>
      <w:r>
        <w:t xml:space="preserve">) и начинается с вызова драйвером функции </w:t>
      </w:r>
      <w:proofErr w:type="spellStart"/>
      <w:r>
        <w:rPr>
          <w:rFonts w:ascii="Courier New" w:eastAsia="Courier New" w:hAnsi="Courier New" w:cs="Courier New"/>
        </w:rPr>
        <w:t>IoCompleteRequest</w:t>
      </w:r>
      <w:proofErr w:type="spellEnd"/>
      <w:r>
        <w:t xml:space="preserve"> для уведомления диспетчера ввода-вывода о том, что обработка запроса, указанного в IRP (и принадлежащих ему </w:t>
      </w:r>
      <w:r>
        <w:t xml:space="preserve">блоках стека), закончена. Действия, выполняемые на этом этапе, различны для разных операций ввода-вывода. </w:t>
      </w:r>
    </w:p>
    <w:p w:rsidR="0043064D" w:rsidRDefault="008B3C4B">
      <w:pPr>
        <w:ind w:left="-5" w:right="1"/>
      </w:pPr>
      <w:r>
        <w:t xml:space="preserve">В любом случае подсистема ввода-вывода должна копировать отдельные данные из системной памяти в виртуальное адресное пространство процесса, которому </w:t>
      </w:r>
      <w:r>
        <w:t xml:space="preserve">принадлежит вызывающий поток. Если IRP выполняется синхронно, это адресное пространство является текущим и доступно напрямую, </w:t>
      </w:r>
      <w:proofErr w:type="gramStart"/>
      <w:r>
        <w:t>но</w:t>
      </w:r>
      <w:proofErr w:type="gramEnd"/>
      <w:r>
        <w:t xml:space="preserve"> если IRP обрабатывается асинхронно, диспетчер ввода-вывода должен отложить завершение IRP до тех пор, пока у него не появится в</w:t>
      </w:r>
      <w:r>
        <w:t xml:space="preserve">озможность обращаться к нужному адресному пространству. Чтобы получить доступ к виртуальному адресному пространству процесса, которому принадлежит вызывающий поток, диспетчер ввода-вывода должен передавать данные «в контексте вызывающего потока», т.е. при </w:t>
      </w:r>
      <w:r>
        <w:t xml:space="preserve">выполнении этого потока (иначе говоря, процесс этого потока должен быть текущим, а его адресное пространство — активным на CPU). Эту задачу диспетчер ввода-вывода решает, ставя в очередь данному потоку АРС режима ядра (Рис. 13). </w:t>
      </w:r>
    </w:p>
    <w:p w:rsidR="0043064D" w:rsidRDefault="008B3C4B">
      <w:pPr>
        <w:ind w:left="-5" w:right="1"/>
      </w:pPr>
      <w:r>
        <w:t xml:space="preserve">АРС выполняется только в контексте определенного потока, а DPC—в контексте любого потока. Это означает, что DPC не затрагивает адресное пространство процесса </w:t>
      </w:r>
      <w:r>
        <w:lastRenderedPageBreak/>
        <w:t>пользовательского режима. Вспомните также, что приоритет программного прерывания у DPC выше, чем у</w:t>
      </w:r>
      <w:r>
        <w:t xml:space="preserve"> АРС. </w:t>
      </w:r>
    </w:p>
    <w:p w:rsidR="0043064D" w:rsidRDefault="008B3C4B">
      <w:pPr>
        <w:spacing w:after="234"/>
        <w:ind w:left="-5" w:right="1"/>
      </w:pPr>
      <w:r>
        <w:t>В следующий раз, когда поток начинает выполняться при низком IRQL, ему доставляется отложенный АРС. Ядро передает управление АРС-процедуре диспетчера ввода-вывода, которая копирует данные (если они есть) и код возврата в адресное пространство процес</w:t>
      </w:r>
      <w:r>
        <w:t>са вызывающего потока, освобождает IRP, представляющий данную операцию ввода-вывода, и переводит описатель файла (и любое событие или порт завершения ввода-вывода, если таковой объект предоставлен вызывающим потоком) в свободное состояние. Теперь ввод-выво</w:t>
      </w:r>
      <w:r>
        <w:t xml:space="preserve">д считается завершенным. Вызывающий поток или любые другие потоки, ждущие на описателе файла (или иного объекта), выходят из состояния ожидания и переходят в состояние готовности к выполнению. Вторая фаза завершения ввода-вывода показана на Рис. 14. </w:t>
      </w:r>
    </w:p>
    <w:p w:rsidR="0043064D" w:rsidRDefault="008B3C4B">
      <w:pPr>
        <w:spacing w:after="844" w:line="265" w:lineRule="auto"/>
        <w:ind w:right="287"/>
        <w:jc w:val="center"/>
      </w:pPr>
      <w:r>
        <w:rPr>
          <w:rFonts w:ascii="Arial" w:eastAsia="Arial" w:hAnsi="Arial" w:cs="Arial"/>
          <w:b/>
          <w:sz w:val="14"/>
        </w:rPr>
        <w:t>Диспе</w:t>
      </w:r>
      <w:r>
        <w:rPr>
          <w:rFonts w:ascii="Arial" w:eastAsia="Arial" w:hAnsi="Arial" w:cs="Arial"/>
          <w:b/>
          <w:sz w:val="14"/>
        </w:rPr>
        <w:t>тчер ввода-вывода</w:t>
      </w:r>
    </w:p>
    <w:p w:rsidR="0043064D" w:rsidRDefault="008B3C4B">
      <w:pPr>
        <w:spacing w:after="115" w:line="259" w:lineRule="auto"/>
        <w:ind w:left="2273" w:right="1167"/>
        <w:jc w:val="left"/>
      </w:pPr>
      <w:r>
        <w:rPr>
          <w:rFonts w:ascii="Calibri" w:eastAsia="Calibri" w:hAnsi="Calibri" w:cs="Calibri"/>
          <w:noProof/>
          <w:sz w:val="22"/>
        </w:rPr>
        <mc:AlternateContent>
          <mc:Choice Requires="wpg">
            <w:drawing>
              <wp:anchor distT="0" distB="0" distL="114300" distR="114300" simplePos="0" relativeHeight="251662336" behindDoc="0" locked="0" layoutInCell="1" allowOverlap="1">
                <wp:simplePos x="0" y="0"/>
                <wp:positionH relativeFrom="column">
                  <wp:posOffset>1222386</wp:posOffset>
                </wp:positionH>
                <wp:positionV relativeFrom="paragraph">
                  <wp:posOffset>-520156</wp:posOffset>
                </wp:positionV>
                <wp:extent cx="3344072" cy="2700344"/>
                <wp:effectExtent l="0" t="0" r="0" b="0"/>
                <wp:wrapSquare wrapText="bothSides"/>
                <wp:docPr id="60891" name="Group 60891"/>
                <wp:cNvGraphicFramePr/>
                <a:graphic xmlns:a="http://schemas.openxmlformats.org/drawingml/2006/main">
                  <a:graphicData uri="http://schemas.microsoft.com/office/word/2010/wordprocessingGroup">
                    <wpg:wgp>
                      <wpg:cNvGrpSpPr/>
                      <wpg:grpSpPr>
                        <a:xfrm>
                          <a:off x="0" y="0"/>
                          <a:ext cx="3344072" cy="2700344"/>
                          <a:chOff x="0" y="0"/>
                          <a:chExt cx="3344072" cy="2700344"/>
                        </a:xfrm>
                      </wpg:grpSpPr>
                      <wps:wsp>
                        <wps:cNvPr id="4543" name="Shape 4543"/>
                        <wps:cNvSpPr/>
                        <wps:spPr>
                          <a:xfrm>
                            <a:off x="1228799" y="0"/>
                            <a:ext cx="862346" cy="216024"/>
                          </a:xfrm>
                          <a:custGeom>
                            <a:avLst/>
                            <a:gdLst/>
                            <a:ahLst/>
                            <a:cxnLst/>
                            <a:rect l="0" t="0" r="0" b="0"/>
                            <a:pathLst>
                              <a:path w="862346" h="216024">
                                <a:moveTo>
                                  <a:pt x="0" y="216024"/>
                                </a:moveTo>
                                <a:lnTo>
                                  <a:pt x="862346" y="216024"/>
                                </a:lnTo>
                                <a:lnTo>
                                  <a:pt x="862346" y="0"/>
                                </a:lnTo>
                                <a:lnTo>
                                  <a:pt x="0" y="0"/>
                                </a:ln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550" name="Rectangle 4550"/>
                        <wps:cNvSpPr/>
                        <wps:spPr>
                          <a:xfrm>
                            <a:off x="224443" y="614065"/>
                            <a:ext cx="283301"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APC </w:t>
                              </w:r>
                            </w:p>
                          </w:txbxContent>
                        </wps:txbx>
                        <wps:bodyPr horzOverflow="overflow" vert="horz" lIns="0" tIns="0" rIns="0" bIns="0" rtlCol="0">
                          <a:noAutofit/>
                        </wps:bodyPr>
                      </wps:wsp>
                      <wps:wsp>
                        <wps:cNvPr id="4551" name="Rectangle 4551"/>
                        <wps:cNvSpPr/>
                        <wps:spPr>
                          <a:xfrm>
                            <a:off x="437447" y="630250"/>
                            <a:ext cx="1578672" cy="11432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 очередь для завершения </w:t>
                              </w:r>
                            </w:p>
                          </w:txbxContent>
                        </wps:txbx>
                        <wps:bodyPr horzOverflow="overflow" vert="horz" lIns="0" tIns="0" rIns="0" bIns="0" rtlCol="0">
                          <a:noAutofit/>
                        </wps:bodyPr>
                      </wps:wsp>
                      <wps:wsp>
                        <wps:cNvPr id="4552" name="Rectangle 4552"/>
                        <wps:cNvSpPr/>
                        <wps:spPr>
                          <a:xfrm>
                            <a:off x="224443" y="739992"/>
                            <a:ext cx="1540595" cy="11432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обработки запроса на ввод</w:t>
                              </w:r>
                            </w:p>
                          </w:txbxContent>
                        </wps:txbx>
                        <wps:bodyPr horzOverflow="overflow" vert="horz" lIns="0" tIns="0" rIns="0" bIns="0" rtlCol="0">
                          <a:noAutofit/>
                        </wps:bodyPr>
                      </wps:wsp>
                      <wps:wsp>
                        <wps:cNvPr id="4553" name="Rectangle 4553"/>
                        <wps:cNvSpPr/>
                        <wps:spPr>
                          <a:xfrm>
                            <a:off x="1382803" y="723807"/>
                            <a:ext cx="40421"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554" name="Rectangle 4554"/>
                        <wps:cNvSpPr/>
                        <wps:spPr>
                          <a:xfrm>
                            <a:off x="1413224" y="739992"/>
                            <a:ext cx="388280" cy="11432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 </w:t>
                              </w:r>
                            </w:p>
                          </w:txbxContent>
                        </wps:txbx>
                        <wps:bodyPr horzOverflow="overflow" vert="horz" lIns="0" tIns="0" rIns="0" bIns="0" rtlCol="0">
                          <a:noAutofit/>
                        </wps:bodyPr>
                      </wps:wsp>
                      <wps:wsp>
                        <wps:cNvPr id="4555" name="Rectangle 4555"/>
                        <wps:cNvSpPr/>
                        <wps:spPr>
                          <a:xfrm>
                            <a:off x="224443" y="849733"/>
                            <a:ext cx="1920753" cy="11432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 контексте вызывающего потока </w:t>
                              </w:r>
                            </w:p>
                          </w:txbxContent>
                        </wps:txbx>
                        <wps:bodyPr horzOverflow="overflow" vert="horz" lIns="0" tIns="0" rIns="0" bIns="0" rtlCol="0">
                          <a:noAutofit/>
                        </wps:bodyPr>
                      </wps:wsp>
                      <wps:wsp>
                        <wps:cNvPr id="4556" name="Rectangle 4556"/>
                        <wps:cNvSpPr/>
                        <wps:spPr>
                          <a:xfrm>
                            <a:off x="2071676" y="471324"/>
                            <a:ext cx="256273"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557" name="Rectangle 4557"/>
                        <wps:cNvSpPr/>
                        <wps:spPr>
                          <a:xfrm>
                            <a:off x="2264390" y="471324"/>
                            <a:ext cx="40421"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558" name="Rectangle 4558"/>
                        <wps:cNvSpPr/>
                        <wps:spPr>
                          <a:xfrm>
                            <a:off x="2294810" y="487509"/>
                            <a:ext cx="1221456" cy="11432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а вызывает </w:t>
                              </w:r>
                            </w:p>
                          </w:txbxContent>
                        </wps:txbx>
                        <wps:bodyPr horzOverflow="overflow" vert="horz" lIns="0" tIns="0" rIns="0" bIns="0" rtlCol="0">
                          <a:noAutofit/>
                        </wps:bodyPr>
                      </wps:wsp>
                      <wps:wsp>
                        <wps:cNvPr id="4559" name="Rectangle 4559"/>
                        <wps:cNvSpPr/>
                        <wps:spPr>
                          <a:xfrm>
                            <a:off x="2071676" y="597251"/>
                            <a:ext cx="954901"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 ввода</w:t>
                              </w:r>
                            </w:p>
                          </w:txbxContent>
                        </wps:txbx>
                        <wps:bodyPr horzOverflow="overflow" vert="horz" lIns="0" tIns="0" rIns="0" bIns="0" rtlCol="0">
                          <a:noAutofit/>
                        </wps:bodyPr>
                      </wps:wsp>
                      <wps:wsp>
                        <wps:cNvPr id="4560" name="Rectangle 4560"/>
                        <wps:cNvSpPr/>
                        <wps:spPr>
                          <a:xfrm>
                            <a:off x="2789676" y="581066"/>
                            <a:ext cx="40421"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561" name="Rectangle 4561"/>
                        <wps:cNvSpPr/>
                        <wps:spPr>
                          <a:xfrm>
                            <a:off x="2820097" y="597251"/>
                            <a:ext cx="696887"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а для </w:t>
                              </w:r>
                            </w:p>
                          </w:txbxContent>
                        </wps:txbx>
                        <wps:bodyPr horzOverflow="overflow" vert="horz" lIns="0" tIns="0" rIns="0" bIns="0" rtlCol="0">
                          <a:noAutofit/>
                        </wps:bodyPr>
                      </wps:wsp>
                      <wps:wsp>
                        <wps:cNvPr id="4567" name="Shape 4567"/>
                        <wps:cNvSpPr/>
                        <wps:spPr>
                          <a:xfrm>
                            <a:off x="2522280" y="216024"/>
                            <a:ext cx="334169" cy="151200"/>
                          </a:xfrm>
                          <a:custGeom>
                            <a:avLst/>
                            <a:gdLst/>
                            <a:ahLst/>
                            <a:cxnLst/>
                            <a:rect l="0" t="0" r="0" b="0"/>
                            <a:pathLst>
                              <a:path w="334169" h="151200">
                                <a:moveTo>
                                  <a:pt x="75443" y="151200"/>
                                </a:moveTo>
                                <a:lnTo>
                                  <a:pt x="258650" y="151200"/>
                                </a:lnTo>
                                <a:cubicBezTo>
                                  <a:pt x="300326" y="151200"/>
                                  <a:pt x="334169" y="117363"/>
                                  <a:pt x="334169" y="75600"/>
                                </a:cubicBezTo>
                                <a:cubicBezTo>
                                  <a:pt x="334169" y="75600"/>
                                  <a:pt x="334169" y="75600"/>
                                  <a:pt x="334169" y="75600"/>
                                </a:cubicBezTo>
                                <a:cubicBezTo>
                                  <a:pt x="334169" y="33837"/>
                                  <a:pt x="300326" y="0"/>
                                  <a:pt x="258650" y="0"/>
                                </a:cubicBezTo>
                                <a:lnTo>
                                  <a:pt x="75443" y="0"/>
                                </a:lnTo>
                                <a:cubicBezTo>
                                  <a:pt x="33767" y="0"/>
                                  <a:pt x="0" y="33837"/>
                                  <a:pt x="0" y="75600"/>
                                </a:cubicBezTo>
                                <a:cubicBezTo>
                                  <a:pt x="0" y="117363"/>
                                  <a:pt x="33767" y="151200"/>
                                  <a:pt x="75443" y="151200"/>
                                </a:cubicBez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568" name="Rectangle 4568"/>
                        <wps:cNvSpPr/>
                        <wps:spPr>
                          <a:xfrm>
                            <a:off x="2613313" y="236294"/>
                            <a:ext cx="202338" cy="13562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4569" name="Shape 4569"/>
                        <wps:cNvSpPr/>
                        <wps:spPr>
                          <a:xfrm>
                            <a:off x="1875540" y="540067"/>
                            <a:ext cx="150885" cy="151200"/>
                          </a:xfrm>
                          <a:custGeom>
                            <a:avLst/>
                            <a:gdLst/>
                            <a:ahLst/>
                            <a:cxnLst/>
                            <a:rect l="0" t="0" r="0" b="0"/>
                            <a:pathLst>
                              <a:path w="150885" h="151200">
                                <a:moveTo>
                                  <a:pt x="75443" y="0"/>
                                </a:moveTo>
                                <a:cubicBezTo>
                                  <a:pt x="117118" y="0"/>
                                  <a:pt x="150885" y="33837"/>
                                  <a:pt x="150885" y="75600"/>
                                </a:cubicBezTo>
                                <a:cubicBezTo>
                                  <a:pt x="150885" y="117363"/>
                                  <a:pt x="117118" y="151200"/>
                                  <a:pt x="75443" y="151200"/>
                                </a:cubicBezTo>
                                <a:cubicBezTo>
                                  <a:pt x="33767" y="151200"/>
                                  <a:pt x="0" y="117363"/>
                                  <a:pt x="0" y="75600"/>
                                </a:cubicBezTo>
                                <a:cubicBezTo>
                                  <a:pt x="0" y="33837"/>
                                  <a:pt x="33767" y="0"/>
                                  <a:pt x="75443"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570" name="Shape 4570"/>
                        <wps:cNvSpPr/>
                        <wps:spPr>
                          <a:xfrm>
                            <a:off x="1875540" y="540067"/>
                            <a:ext cx="150885" cy="151200"/>
                          </a:xfrm>
                          <a:custGeom>
                            <a:avLst/>
                            <a:gdLst/>
                            <a:ahLst/>
                            <a:cxnLst/>
                            <a:rect l="0" t="0" r="0" b="0"/>
                            <a:pathLst>
                              <a:path w="150885" h="151200">
                                <a:moveTo>
                                  <a:pt x="150885" y="75600"/>
                                </a:moveTo>
                                <a:cubicBezTo>
                                  <a:pt x="150885" y="33837"/>
                                  <a:pt x="117118" y="0"/>
                                  <a:pt x="75443" y="0"/>
                                </a:cubicBezTo>
                                <a:cubicBezTo>
                                  <a:pt x="33767" y="0"/>
                                  <a:pt x="0" y="33837"/>
                                  <a:pt x="0" y="75600"/>
                                </a:cubicBezTo>
                                <a:cubicBezTo>
                                  <a:pt x="0" y="117363"/>
                                  <a:pt x="33767" y="151200"/>
                                  <a:pt x="75443" y="151200"/>
                                </a:cubicBezTo>
                                <a:cubicBezTo>
                                  <a:pt x="117118" y="151200"/>
                                  <a:pt x="150885" y="117363"/>
                                  <a:pt x="150885" y="75600"/>
                                </a:cubicBezTo>
                                <a:close/>
                              </a:path>
                            </a:pathLst>
                          </a:custGeom>
                          <a:ln w="5476" cap="rnd">
                            <a:round/>
                          </a:ln>
                        </wps:spPr>
                        <wps:style>
                          <a:lnRef idx="1">
                            <a:srgbClr val="000000"/>
                          </a:lnRef>
                          <a:fillRef idx="0">
                            <a:srgbClr val="000000">
                              <a:alpha val="0"/>
                            </a:srgbClr>
                          </a:fillRef>
                          <a:effectRef idx="0">
                            <a:scrgbClr r="0" g="0" b="0"/>
                          </a:effectRef>
                          <a:fontRef idx="none"/>
                        </wps:style>
                        <wps:bodyPr/>
                      </wps:wsp>
                      <wps:wsp>
                        <wps:cNvPr id="4571" name="Rectangle 4571"/>
                        <wps:cNvSpPr/>
                        <wps:spPr>
                          <a:xfrm>
                            <a:off x="1925581" y="560337"/>
                            <a:ext cx="67506"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4572" name="Shape 4572"/>
                        <wps:cNvSpPr/>
                        <wps:spPr>
                          <a:xfrm>
                            <a:off x="0" y="540067"/>
                            <a:ext cx="150909" cy="151200"/>
                          </a:xfrm>
                          <a:custGeom>
                            <a:avLst/>
                            <a:gdLst/>
                            <a:ahLst/>
                            <a:cxnLst/>
                            <a:rect l="0" t="0" r="0" b="0"/>
                            <a:pathLst>
                              <a:path w="150909" h="151200">
                                <a:moveTo>
                                  <a:pt x="75450" y="0"/>
                                </a:moveTo>
                                <a:cubicBezTo>
                                  <a:pt x="117127" y="0"/>
                                  <a:pt x="150909" y="33837"/>
                                  <a:pt x="150909" y="75600"/>
                                </a:cubicBezTo>
                                <a:cubicBezTo>
                                  <a:pt x="150909" y="117363"/>
                                  <a:pt x="117127" y="151200"/>
                                  <a:pt x="75450" y="151200"/>
                                </a:cubicBezTo>
                                <a:cubicBezTo>
                                  <a:pt x="33781" y="151200"/>
                                  <a:pt x="0" y="117363"/>
                                  <a:pt x="0" y="75600"/>
                                </a:cubicBezTo>
                                <a:cubicBezTo>
                                  <a:pt x="0" y="33837"/>
                                  <a:pt x="33781" y="0"/>
                                  <a:pt x="75450"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573" name="Shape 4573"/>
                        <wps:cNvSpPr/>
                        <wps:spPr>
                          <a:xfrm>
                            <a:off x="0" y="540067"/>
                            <a:ext cx="150909" cy="151200"/>
                          </a:xfrm>
                          <a:custGeom>
                            <a:avLst/>
                            <a:gdLst/>
                            <a:ahLst/>
                            <a:cxnLst/>
                            <a:rect l="0" t="0" r="0" b="0"/>
                            <a:pathLst>
                              <a:path w="150909" h="151200">
                                <a:moveTo>
                                  <a:pt x="150909" y="75600"/>
                                </a:moveTo>
                                <a:cubicBezTo>
                                  <a:pt x="150909" y="33837"/>
                                  <a:pt x="117127" y="0"/>
                                  <a:pt x="75450" y="0"/>
                                </a:cubicBezTo>
                                <a:cubicBezTo>
                                  <a:pt x="33781" y="0"/>
                                  <a:pt x="0" y="33837"/>
                                  <a:pt x="0" y="75600"/>
                                </a:cubicBezTo>
                                <a:cubicBezTo>
                                  <a:pt x="0" y="117363"/>
                                  <a:pt x="33781" y="151200"/>
                                  <a:pt x="75450" y="151200"/>
                                </a:cubicBezTo>
                                <a:cubicBezTo>
                                  <a:pt x="117127" y="151200"/>
                                  <a:pt x="150909" y="117363"/>
                                  <a:pt x="150909" y="75600"/>
                                </a:cubicBezTo>
                                <a:close/>
                              </a:path>
                            </a:pathLst>
                          </a:custGeom>
                          <a:ln w="5476" cap="rnd">
                            <a:round/>
                          </a:ln>
                        </wps:spPr>
                        <wps:style>
                          <a:lnRef idx="1">
                            <a:srgbClr val="000000"/>
                          </a:lnRef>
                          <a:fillRef idx="0">
                            <a:srgbClr val="000000">
                              <a:alpha val="0"/>
                            </a:srgbClr>
                          </a:fillRef>
                          <a:effectRef idx="0">
                            <a:scrgbClr r="0" g="0" b="0"/>
                          </a:effectRef>
                          <a:fontRef idx="none"/>
                        </wps:style>
                        <wps:bodyPr/>
                      </wps:wsp>
                      <wps:wsp>
                        <wps:cNvPr id="4574" name="Rectangle 4574"/>
                        <wps:cNvSpPr/>
                        <wps:spPr>
                          <a:xfrm>
                            <a:off x="50075" y="560337"/>
                            <a:ext cx="67506"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4576" name="Shape 4576"/>
                        <wps:cNvSpPr/>
                        <wps:spPr>
                          <a:xfrm>
                            <a:off x="754543" y="1620186"/>
                            <a:ext cx="797627" cy="324043"/>
                          </a:xfrm>
                          <a:custGeom>
                            <a:avLst/>
                            <a:gdLst/>
                            <a:ahLst/>
                            <a:cxnLst/>
                            <a:rect l="0" t="0" r="0" b="0"/>
                            <a:pathLst>
                              <a:path w="797627" h="324043">
                                <a:moveTo>
                                  <a:pt x="0" y="324043"/>
                                </a:moveTo>
                                <a:lnTo>
                                  <a:pt x="797627" y="324043"/>
                                </a:lnTo>
                                <a:lnTo>
                                  <a:pt x="797627" y="0"/>
                                </a:lnTo>
                                <a:lnTo>
                                  <a:pt x="0" y="0"/>
                                </a:ln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577" name="Rectangle 4577"/>
                        <wps:cNvSpPr/>
                        <wps:spPr>
                          <a:xfrm>
                            <a:off x="897976" y="1688193"/>
                            <a:ext cx="679279"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wps:txbx>
                        <wps:bodyPr horzOverflow="overflow" vert="horz" lIns="0" tIns="0" rIns="0" bIns="0" rtlCol="0">
                          <a:noAutofit/>
                        </wps:bodyPr>
                      </wps:wsp>
                      <wps:wsp>
                        <wps:cNvPr id="4578" name="Rectangle 4578"/>
                        <wps:cNvSpPr/>
                        <wps:spPr>
                          <a:xfrm>
                            <a:off x="783975" y="1797934"/>
                            <a:ext cx="982528" cy="11432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изации</w:t>
                              </w:r>
                            </w:p>
                          </w:txbxContent>
                        </wps:txbx>
                        <wps:bodyPr horzOverflow="overflow" vert="horz" lIns="0" tIns="0" rIns="0" bIns="0" rtlCol="0">
                          <a:noAutofit/>
                        </wps:bodyPr>
                      </wps:wsp>
                      <wps:wsp>
                        <wps:cNvPr id="69447" name="Shape 69447"/>
                        <wps:cNvSpPr/>
                        <wps:spPr>
                          <a:xfrm>
                            <a:off x="1552169" y="1620186"/>
                            <a:ext cx="711407" cy="324043"/>
                          </a:xfrm>
                          <a:custGeom>
                            <a:avLst/>
                            <a:gdLst/>
                            <a:ahLst/>
                            <a:cxnLst/>
                            <a:rect l="0" t="0" r="0" b="0"/>
                            <a:pathLst>
                              <a:path w="711407" h="324043">
                                <a:moveTo>
                                  <a:pt x="0" y="0"/>
                                </a:moveTo>
                                <a:lnTo>
                                  <a:pt x="711407" y="0"/>
                                </a:lnTo>
                                <a:lnTo>
                                  <a:pt x="711407" y="324043"/>
                                </a:lnTo>
                                <a:lnTo>
                                  <a:pt x="0" y="324043"/>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580" name="Shape 4580"/>
                        <wps:cNvSpPr/>
                        <wps:spPr>
                          <a:xfrm>
                            <a:off x="1552169" y="1620186"/>
                            <a:ext cx="711407" cy="324043"/>
                          </a:xfrm>
                          <a:custGeom>
                            <a:avLst/>
                            <a:gdLst/>
                            <a:ahLst/>
                            <a:cxnLst/>
                            <a:rect l="0" t="0" r="0" b="0"/>
                            <a:pathLst>
                              <a:path w="711407" h="324043">
                                <a:moveTo>
                                  <a:pt x="0" y="324043"/>
                                </a:moveTo>
                                <a:lnTo>
                                  <a:pt x="711407" y="324043"/>
                                </a:lnTo>
                                <a:lnTo>
                                  <a:pt x="711407" y="0"/>
                                </a:lnTo>
                                <a:lnTo>
                                  <a:pt x="0" y="0"/>
                                </a:ln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581" name="Rectangle 4581"/>
                        <wps:cNvSpPr/>
                        <wps:spPr>
                          <a:xfrm>
                            <a:off x="1567379" y="1688193"/>
                            <a:ext cx="925480"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нициализация </w:t>
                              </w:r>
                            </w:p>
                          </w:txbxContent>
                        </wps:txbx>
                        <wps:bodyPr horzOverflow="overflow" vert="horz" lIns="0" tIns="0" rIns="0" bIns="0" rtlCol="0">
                          <a:noAutofit/>
                        </wps:bodyPr>
                      </wps:wsp>
                      <wps:wsp>
                        <wps:cNvPr id="4582" name="Rectangle 4582"/>
                        <wps:cNvSpPr/>
                        <wps:spPr>
                          <a:xfrm>
                            <a:off x="1608143" y="1797934"/>
                            <a:ext cx="334784" cy="11432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4583" name="Rectangle 4583"/>
                        <wps:cNvSpPr/>
                        <wps:spPr>
                          <a:xfrm>
                            <a:off x="1859873" y="1781749"/>
                            <a:ext cx="40421"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584" name="Rectangle 4584"/>
                        <wps:cNvSpPr/>
                        <wps:spPr>
                          <a:xfrm>
                            <a:off x="1890293" y="1797934"/>
                            <a:ext cx="422023" cy="11432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69448" name="Shape 69448"/>
                        <wps:cNvSpPr/>
                        <wps:spPr>
                          <a:xfrm>
                            <a:off x="2263553" y="1620186"/>
                            <a:ext cx="366484" cy="324043"/>
                          </a:xfrm>
                          <a:custGeom>
                            <a:avLst/>
                            <a:gdLst/>
                            <a:ahLst/>
                            <a:cxnLst/>
                            <a:rect l="0" t="0" r="0" b="0"/>
                            <a:pathLst>
                              <a:path w="366484" h="324043">
                                <a:moveTo>
                                  <a:pt x="0" y="0"/>
                                </a:moveTo>
                                <a:lnTo>
                                  <a:pt x="366484" y="0"/>
                                </a:lnTo>
                                <a:lnTo>
                                  <a:pt x="366484" y="324043"/>
                                </a:lnTo>
                                <a:lnTo>
                                  <a:pt x="0" y="324043"/>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586" name="Shape 4586"/>
                        <wps:cNvSpPr/>
                        <wps:spPr>
                          <a:xfrm>
                            <a:off x="2263553" y="1620186"/>
                            <a:ext cx="366484" cy="324043"/>
                          </a:xfrm>
                          <a:custGeom>
                            <a:avLst/>
                            <a:gdLst/>
                            <a:ahLst/>
                            <a:cxnLst/>
                            <a:rect l="0" t="0" r="0" b="0"/>
                            <a:pathLst>
                              <a:path w="366484" h="324043">
                                <a:moveTo>
                                  <a:pt x="0" y="324043"/>
                                </a:moveTo>
                                <a:lnTo>
                                  <a:pt x="366484" y="324043"/>
                                </a:lnTo>
                                <a:lnTo>
                                  <a:pt x="366484" y="0"/>
                                </a:lnTo>
                                <a:lnTo>
                                  <a:pt x="0" y="0"/>
                                </a:ln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587" name="Rectangle 4587"/>
                        <wps:cNvSpPr/>
                        <wps:spPr>
                          <a:xfrm>
                            <a:off x="2370785" y="1726878"/>
                            <a:ext cx="202343" cy="13562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SR</w:t>
                              </w:r>
                            </w:p>
                          </w:txbxContent>
                        </wps:txbx>
                        <wps:bodyPr horzOverflow="overflow" vert="horz" lIns="0" tIns="0" rIns="0" bIns="0" rtlCol="0">
                          <a:noAutofit/>
                        </wps:bodyPr>
                      </wps:wsp>
                      <wps:wsp>
                        <wps:cNvPr id="4589" name="Shape 4589"/>
                        <wps:cNvSpPr/>
                        <wps:spPr>
                          <a:xfrm>
                            <a:off x="2630045" y="1620186"/>
                            <a:ext cx="509308" cy="324043"/>
                          </a:xfrm>
                          <a:custGeom>
                            <a:avLst/>
                            <a:gdLst/>
                            <a:ahLst/>
                            <a:cxnLst/>
                            <a:rect l="0" t="0" r="0" b="0"/>
                            <a:pathLst>
                              <a:path w="509308" h="324043">
                                <a:moveTo>
                                  <a:pt x="0" y="324043"/>
                                </a:moveTo>
                                <a:lnTo>
                                  <a:pt x="509308" y="324043"/>
                                </a:lnTo>
                                <a:lnTo>
                                  <a:pt x="509308" y="0"/>
                                </a:lnTo>
                                <a:lnTo>
                                  <a:pt x="0" y="0"/>
                                </a:ln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590" name="Rectangle 4590"/>
                        <wps:cNvSpPr/>
                        <wps:spPr>
                          <a:xfrm>
                            <a:off x="2773173" y="1672007"/>
                            <a:ext cx="256273"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591" name="Rectangle 4591"/>
                        <wps:cNvSpPr/>
                        <wps:spPr>
                          <a:xfrm>
                            <a:off x="2965887" y="1672007"/>
                            <a:ext cx="40421"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592" name="Rectangle 4592"/>
                        <wps:cNvSpPr/>
                        <wps:spPr>
                          <a:xfrm>
                            <a:off x="2650122" y="1797934"/>
                            <a:ext cx="624057" cy="11432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оцедуры</w:t>
                              </w:r>
                            </w:p>
                          </w:txbxContent>
                        </wps:txbx>
                        <wps:bodyPr horzOverflow="overflow" vert="horz" lIns="0" tIns="0" rIns="0" bIns="0" rtlCol="0">
                          <a:noAutofit/>
                        </wps:bodyPr>
                      </wps:wsp>
                      <wps:wsp>
                        <wps:cNvPr id="4593" name="Rectangle 4593"/>
                        <wps:cNvSpPr/>
                        <wps:spPr>
                          <a:xfrm>
                            <a:off x="1448739" y="1504831"/>
                            <a:ext cx="1239151" cy="11432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Драйвер устройства</w:t>
                              </w:r>
                            </w:p>
                          </w:txbxContent>
                        </wps:txbx>
                        <wps:bodyPr horzOverflow="overflow" vert="horz" lIns="0" tIns="0" rIns="0" bIns="0" rtlCol="0">
                          <a:noAutofit/>
                        </wps:bodyPr>
                      </wps:wsp>
                      <wps:wsp>
                        <wps:cNvPr id="4594" name="Shape 4594"/>
                        <wps:cNvSpPr/>
                        <wps:spPr>
                          <a:xfrm>
                            <a:off x="2630045" y="885678"/>
                            <a:ext cx="254695" cy="734509"/>
                          </a:xfrm>
                          <a:custGeom>
                            <a:avLst/>
                            <a:gdLst/>
                            <a:ahLst/>
                            <a:cxnLst/>
                            <a:rect l="0" t="0" r="0" b="0"/>
                            <a:pathLst>
                              <a:path w="254695" h="734509">
                                <a:moveTo>
                                  <a:pt x="254695" y="734509"/>
                                </a:moveTo>
                                <a:lnTo>
                                  <a:pt x="0" y="0"/>
                                </a:lnTo>
                              </a:path>
                            </a:pathLst>
                          </a:custGeom>
                          <a:ln w="5476" cap="rnd">
                            <a:round/>
                          </a:ln>
                        </wps:spPr>
                        <wps:style>
                          <a:lnRef idx="1">
                            <a:srgbClr val="000000"/>
                          </a:lnRef>
                          <a:fillRef idx="0">
                            <a:srgbClr val="000000">
                              <a:alpha val="0"/>
                            </a:srgbClr>
                          </a:fillRef>
                          <a:effectRef idx="0">
                            <a:scrgbClr r="0" g="0" b="0"/>
                          </a:effectRef>
                          <a:fontRef idx="none"/>
                        </wps:style>
                        <wps:bodyPr/>
                      </wps:wsp>
                      <wps:wsp>
                        <wps:cNvPr id="4595" name="Shape 4595"/>
                        <wps:cNvSpPr/>
                        <wps:spPr>
                          <a:xfrm>
                            <a:off x="2042168" y="249708"/>
                            <a:ext cx="264506" cy="225581"/>
                          </a:xfrm>
                          <a:custGeom>
                            <a:avLst/>
                            <a:gdLst/>
                            <a:ahLst/>
                            <a:cxnLst/>
                            <a:rect l="0" t="0" r="0" b="0"/>
                            <a:pathLst>
                              <a:path w="264506" h="225581">
                                <a:moveTo>
                                  <a:pt x="264506" y="225581"/>
                                </a:moveTo>
                                <a:cubicBezTo>
                                  <a:pt x="220701" y="161793"/>
                                  <a:pt x="111719" y="68894"/>
                                  <a:pt x="0" y="0"/>
                                </a:cubicBezTo>
                              </a:path>
                            </a:pathLst>
                          </a:custGeom>
                          <a:ln w="5476" cap="rnd">
                            <a:round/>
                          </a:ln>
                        </wps:spPr>
                        <wps:style>
                          <a:lnRef idx="1">
                            <a:srgbClr val="000000"/>
                          </a:lnRef>
                          <a:fillRef idx="0">
                            <a:srgbClr val="000000">
                              <a:alpha val="0"/>
                            </a:srgbClr>
                          </a:fillRef>
                          <a:effectRef idx="0">
                            <a:scrgbClr r="0" g="0" b="0"/>
                          </a:effectRef>
                          <a:fontRef idx="none"/>
                        </wps:style>
                        <wps:bodyPr/>
                      </wps:wsp>
                      <wps:wsp>
                        <wps:cNvPr id="4596" name="Shape 4596"/>
                        <wps:cNvSpPr/>
                        <wps:spPr>
                          <a:xfrm>
                            <a:off x="1983304" y="216024"/>
                            <a:ext cx="76431" cy="58224"/>
                          </a:xfrm>
                          <a:custGeom>
                            <a:avLst/>
                            <a:gdLst/>
                            <a:ahLst/>
                            <a:cxnLst/>
                            <a:rect l="0" t="0" r="0" b="0"/>
                            <a:pathLst>
                              <a:path w="76431" h="58224">
                                <a:moveTo>
                                  <a:pt x="0" y="0"/>
                                </a:moveTo>
                                <a:lnTo>
                                  <a:pt x="76431" y="15318"/>
                                </a:lnTo>
                                <a:lnTo>
                                  <a:pt x="51943" y="5822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598" name="Shape 4598"/>
                        <wps:cNvSpPr/>
                        <wps:spPr>
                          <a:xfrm>
                            <a:off x="959349" y="2268288"/>
                            <a:ext cx="538900" cy="432055"/>
                          </a:xfrm>
                          <a:custGeom>
                            <a:avLst/>
                            <a:gdLst/>
                            <a:ahLst/>
                            <a:cxnLst/>
                            <a:rect l="0" t="0" r="0" b="0"/>
                            <a:pathLst>
                              <a:path w="538900" h="432055">
                                <a:moveTo>
                                  <a:pt x="161685" y="432055"/>
                                </a:moveTo>
                                <a:lnTo>
                                  <a:pt x="377214" y="432055"/>
                                </a:lnTo>
                                <a:cubicBezTo>
                                  <a:pt x="466499" y="432055"/>
                                  <a:pt x="538900" y="359511"/>
                                  <a:pt x="538900" y="270034"/>
                                </a:cubicBezTo>
                                <a:cubicBezTo>
                                  <a:pt x="538900" y="270034"/>
                                  <a:pt x="538900" y="270034"/>
                                  <a:pt x="538900" y="270034"/>
                                </a:cubicBezTo>
                                <a:lnTo>
                                  <a:pt x="538900" y="162014"/>
                                </a:lnTo>
                                <a:cubicBezTo>
                                  <a:pt x="538900" y="72536"/>
                                  <a:pt x="466499" y="0"/>
                                  <a:pt x="377214" y="0"/>
                                </a:cubicBezTo>
                                <a:lnTo>
                                  <a:pt x="161685" y="0"/>
                                </a:lnTo>
                                <a:cubicBezTo>
                                  <a:pt x="72401" y="0"/>
                                  <a:pt x="0" y="72536"/>
                                  <a:pt x="0" y="162014"/>
                                </a:cubicBezTo>
                                <a:lnTo>
                                  <a:pt x="0" y="162014"/>
                                </a:lnTo>
                                <a:lnTo>
                                  <a:pt x="0" y="270034"/>
                                </a:lnTo>
                                <a:cubicBezTo>
                                  <a:pt x="0" y="359511"/>
                                  <a:pt x="72401" y="432055"/>
                                  <a:pt x="161685" y="432055"/>
                                </a:cubicBez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599" name="Rectangle 4599"/>
                        <wps:cNvSpPr/>
                        <wps:spPr>
                          <a:xfrm>
                            <a:off x="1152748" y="2319240"/>
                            <a:ext cx="202338"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4600" name="Shape 4600"/>
                        <wps:cNvSpPr/>
                        <wps:spPr>
                          <a:xfrm>
                            <a:off x="1061714" y="2484312"/>
                            <a:ext cx="334169" cy="151223"/>
                          </a:xfrm>
                          <a:custGeom>
                            <a:avLst/>
                            <a:gdLst/>
                            <a:ahLst/>
                            <a:cxnLst/>
                            <a:rect l="0" t="0" r="0" b="0"/>
                            <a:pathLst>
                              <a:path w="334169" h="151223">
                                <a:moveTo>
                                  <a:pt x="75443" y="0"/>
                                </a:moveTo>
                                <a:lnTo>
                                  <a:pt x="258727" y="0"/>
                                </a:lnTo>
                                <a:cubicBezTo>
                                  <a:pt x="300403" y="0"/>
                                  <a:pt x="334169" y="33852"/>
                                  <a:pt x="334169" y="75607"/>
                                </a:cubicBezTo>
                                <a:cubicBezTo>
                                  <a:pt x="334169" y="117370"/>
                                  <a:pt x="300403" y="151223"/>
                                  <a:pt x="258727" y="151223"/>
                                </a:cubicBezTo>
                                <a:lnTo>
                                  <a:pt x="75443" y="151223"/>
                                </a:lnTo>
                                <a:cubicBezTo>
                                  <a:pt x="33767" y="151223"/>
                                  <a:pt x="0" y="117370"/>
                                  <a:pt x="0" y="75607"/>
                                </a:cubicBezTo>
                                <a:cubicBezTo>
                                  <a:pt x="0" y="33852"/>
                                  <a:pt x="33767" y="0"/>
                                  <a:pt x="75443"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4601" name="Shape 4601"/>
                        <wps:cNvSpPr/>
                        <wps:spPr>
                          <a:xfrm>
                            <a:off x="1061714" y="2484312"/>
                            <a:ext cx="334169" cy="151223"/>
                          </a:xfrm>
                          <a:custGeom>
                            <a:avLst/>
                            <a:gdLst/>
                            <a:ahLst/>
                            <a:cxnLst/>
                            <a:rect l="0" t="0" r="0" b="0"/>
                            <a:pathLst>
                              <a:path w="334169" h="151223">
                                <a:moveTo>
                                  <a:pt x="75443" y="151223"/>
                                </a:moveTo>
                                <a:lnTo>
                                  <a:pt x="258727" y="151223"/>
                                </a:lnTo>
                                <a:cubicBezTo>
                                  <a:pt x="300403" y="151223"/>
                                  <a:pt x="334169" y="117370"/>
                                  <a:pt x="334169" y="75607"/>
                                </a:cubicBezTo>
                                <a:cubicBezTo>
                                  <a:pt x="334169" y="75607"/>
                                  <a:pt x="334169" y="75607"/>
                                  <a:pt x="334169" y="75607"/>
                                </a:cubicBezTo>
                                <a:cubicBezTo>
                                  <a:pt x="334169" y="33852"/>
                                  <a:pt x="300403" y="0"/>
                                  <a:pt x="258727" y="0"/>
                                </a:cubicBezTo>
                                <a:lnTo>
                                  <a:pt x="75443" y="0"/>
                                </a:lnTo>
                                <a:cubicBezTo>
                                  <a:pt x="33767" y="0"/>
                                  <a:pt x="0" y="33852"/>
                                  <a:pt x="0" y="75607"/>
                                </a:cubicBezTo>
                                <a:cubicBezTo>
                                  <a:pt x="0" y="117370"/>
                                  <a:pt x="33767" y="151223"/>
                                  <a:pt x="75443" y="151223"/>
                                </a:cubicBez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602" name="Rectangle 4602"/>
                        <wps:cNvSpPr/>
                        <wps:spPr>
                          <a:xfrm>
                            <a:off x="1134952" y="2504598"/>
                            <a:ext cx="249580"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s:wsp>
                        <wps:cNvPr id="4604" name="Shape 4604"/>
                        <wps:cNvSpPr/>
                        <wps:spPr>
                          <a:xfrm>
                            <a:off x="1700393" y="2268288"/>
                            <a:ext cx="538900" cy="432055"/>
                          </a:xfrm>
                          <a:custGeom>
                            <a:avLst/>
                            <a:gdLst/>
                            <a:ahLst/>
                            <a:cxnLst/>
                            <a:rect l="0" t="0" r="0" b="0"/>
                            <a:pathLst>
                              <a:path w="538900" h="432055">
                                <a:moveTo>
                                  <a:pt x="161685" y="432055"/>
                                </a:moveTo>
                                <a:lnTo>
                                  <a:pt x="377215" y="432055"/>
                                </a:lnTo>
                                <a:cubicBezTo>
                                  <a:pt x="466575" y="432055"/>
                                  <a:pt x="538900" y="359511"/>
                                  <a:pt x="538900" y="270034"/>
                                </a:cubicBezTo>
                                <a:cubicBezTo>
                                  <a:pt x="538900" y="270034"/>
                                  <a:pt x="538900" y="270034"/>
                                  <a:pt x="538900" y="270034"/>
                                </a:cubicBezTo>
                                <a:lnTo>
                                  <a:pt x="538900" y="270034"/>
                                </a:lnTo>
                                <a:lnTo>
                                  <a:pt x="538900" y="162014"/>
                                </a:lnTo>
                                <a:cubicBezTo>
                                  <a:pt x="538900" y="72536"/>
                                  <a:pt x="466575" y="0"/>
                                  <a:pt x="377215" y="0"/>
                                </a:cubicBezTo>
                                <a:lnTo>
                                  <a:pt x="161685" y="0"/>
                                </a:lnTo>
                                <a:cubicBezTo>
                                  <a:pt x="72401" y="0"/>
                                  <a:pt x="0" y="72536"/>
                                  <a:pt x="0" y="162014"/>
                                </a:cubicBezTo>
                                <a:lnTo>
                                  <a:pt x="0" y="162014"/>
                                </a:lnTo>
                                <a:lnTo>
                                  <a:pt x="0" y="270034"/>
                                </a:lnTo>
                                <a:cubicBezTo>
                                  <a:pt x="0" y="359511"/>
                                  <a:pt x="72401" y="432055"/>
                                  <a:pt x="161685" y="432055"/>
                                </a:cubicBez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605" name="Rectangle 4605"/>
                        <wps:cNvSpPr/>
                        <wps:spPr>
                          <a:xfrm>
                            <a:off x="1893792" y="2319240"/>
                            <a:ext cx="202338"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4606" name="Shape 4606"/>
                        <wps:cNvSpPr/>
                        <wps:spPr>
                          <a:xfrm>
                            <a:off x="1802758" y="2484312"/>
                            <a:ext cx="334170" cy="151223"/>
                          </a:xfrm>
                          <a:custGeom>
                            <a:avLst/>
                            <a:gdLst/>
                            <a:ahLst/>
                            <a:cxnLst/>
                            <a:rect l="0" t="0" r="0" b="0"/>
                            <a:pathLst>
                              <a:path w="334170" h="151223">
                                <a:moveTo>
                                  <a:pt x="75443" y="0"/>
                                </a:moveTo>
                                <a:lnTo>
                                  <a:pt x="258727" y="0"/>
                                </a:lnTo>
                                <a:cubicBezTo>
                                  <a:pt x="300403" y="0"/>
                                  <a:pt x="334170" y="33852"/>
                                  <a:pt x="334170" y="75607"/>
                                </a:cubicBezTo>
                                <a:cubicBezTo>
                                  <a:pt x="334170" y="117370"/>
                                  <a:pt x="300403" y="151223"/>
                                  <a:pt x="258727" y="151223"/>
                                </a:cubicBezTo>
                                <a:lnTo>
                                  <a:pt x="75443" y="151223"/>
                                </a:lnTo>
                                <a:cubicBezTo>
                                  <a:pt x="33767" y="151223"/>
                                  <a:pt x="0" y="117370"/>
                                  <a:pt x="0" y="75607"/>
                                </a:cubicBezTo>
                                <a:cubicBezTo>
                                  <a:pt x="0" y="33852"/>
                                  <a:pt x="33767" y="0"/>
                                  <a:pt x="75443"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4607" name="Shape 4607"/>
                        <wps:cNvSpPr/>
                        <wps:spPr>
                          <a:xfrm>
                            <a:off x="1802758" y="2484312"/>
                            <a:ext cx="334170" cy="151223"/>
                          </a:xfrm>
                          <a:custGeom>
                            <a:avLst/>
                            <a:gdLst/>
                            <a:ahLst/>
                            <a:cxnLst/>
                            <a:rect l="0" t="0" r="0" b="0"/>
                            <a:pathLst>
                              <a:path w="334170" h="151223">
                                <a:moveTo>
                                  <a:pt x="75443" y="151223"/>
                                </a:moveTo>
                                <a:lnTo>
                                  <a:pt x="258727" y="151223"/>
                                </a:lnTo>
                                <a:cubicBezTo>
                                  <a:pt x="300403" y="151223"/>
                                  <a:pt x="334170" y="117370"/>
                                  <a:pt x="334170" y="75607"/>
                                </a:cubicBezTo>
                                <a:cubicBezTo>
                                  <a:pt x="334170" y="75607"/>
                                  <a:pt x="334170" y="75607"/>
                                  <a:pt x="334170" y="75607"/>
                                </a:cubicBezTo>
                                <a:cubicBezTo>
                                  <a:pt x="334170" y="33852"/>
                                  <a:pt x="300403" y="0"/>
                                  <a:pt x="258727" y="0"/>
                                </a:cubicBezTo>
                                <a:lnTo>
                                  <a:pt x="75443" y="0"/>
                                </a:lnTo>
                                <a:cubicBezTo>
                                  <a:pt x="33767" y="0"/>
                                  <a:pt x="0" y="33852"/>
                                  <a:pt x="0" y="75607"/>
                                </a:cubicBezTo>
                                <a:cubicBezTo>
                                  <a:pt x="0" y="117370"/>
                                  <a:pt x="33767" y="151223"/>
                                  <a:pt x="75443" y="151223"/>
                                </a:cubicBez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608" name="Rectangle 4608"/>
                        <wps:cNvSpPr/>
                        <wps:spPr>
                          <a:xfrm>
                            <a:off x="1875996" y="2504598"/>
                            <a:ext cx="249580"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s:wsp>
                        <wps:cNvPr id="4609" name="Shape 4609"/>
                        <wps:cNvSpPr/>
                        <wps:spPr>
                          <a:xfrm>
                            <a:off x="1498249" y="2484312"/>
                            <a:ext cx="134383" cy="0"/>
                          </a:xfrm>
                          <a:custGeom>
                            <a:avLst/>
                            <a:gdLst/>
                            <a:ahLst/>
                            <a:cxnLst/>
                            <a:rect l="0" t="0" r="0" b="0"/>
                            <a:pathLst>
                              <a:path w="134383">
                                <a:moveTo>
                                  <a:pt x="0" y="0"/>
                                </a:moveTo>
                                <a:lnTo>
                                  <a:pt x="134383" y="0"/>
                                </a:lnTo>
                              </a:path>
                            </a:pathLst>
                          </a:custGeom>
                          <a:ln w="5476" cap="rnd">
                            <a:custDash>
                              <a:ds d="301810" sp="215579"/>
                            </a:custDash>
                            <a:round/>
                          </a:ln>
                        </wps:spPr>
                        <wps:style>
                          <a:lnRef idx="1">
                            <a:srgbClr val="000000"/>
                          </a:lnRef>
                          <a:fillRef idx="0">
                            <a:srgbClr val="000000">
                              <a:alpha val="0"/>
                            </a:srgbClr>
                          </a:fillRef>
                          <a:effectRef idx="0">
                            <a:scrgbClr r="0" g="0" b="0"/>
                          </a:effectRef>
                          <a:fontRef idx="none"/>
                        </wps:style>
                        <wps:bodyPr/>
                      </wps:wsp>
                      <wps:wsp>
                        <wps:cNvPr id="4610" name="Shape 4610"/>
                        <wps:cNvSpPr/>
                        <wps:spPr>
                          <a:xfrm>
                            <a:off x="1626471" y="2459621"/>
                            <a:ext cx="73922" cy="49384"/>
                          </a:xfrm>
                          <a:custGeom>
                            <a:avLst/>
                            <a:gdLst/>
                            <a:ahLst/>
                            <a:cxnLst/>
                            <a:rect l="0" t="0" r="0" b="0"/>
                            <a:pathLst>
                              <a:path w="73922" h="49384">
                                <a:moveTo>
                                  <a:pt x="0" y="0"/>
                                </a:moveTo>
                                <a:lnTo>
                                  <a:pt x="73922" y="24692"/>
                                </a:lnTo>
                                <a:lnTo>
                                  <a:pt x="0" y="4938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611" name="Shape 4611"/>
                        <wps:cNvSpPr/>
                        <wps:spPr>
                          <a:xfrm>
                            <a:off x="1444405" y="280802"/>
                            <a:ext cx="107765" cy="194487"/>
                          </a:xfrm>
                          <a:custGeom>
                            <a:avLst/>
                            <a:gdLst/>
                            <a:ahLst/>
                            <a:cxnLst/>
                            <a:rect l="0" t="0" r="0" b="0"/>
                            <a:pathLst>
                              <a:path w="107765" h="194487">
                                <a:moveTo>
                                  <a:pt x="107765" y="0"/>
                                </a:moveTo>
                                <a:lnTo>
                                  <a:pt x="0" y="194487"/>
                                </a:lnTo>
                              </a:path>
                            </a:pathLst>
                          </a:custGeom>
                          <a:ln w="5476" cap="rnd">
                            <a:round/>
                          </a:ln>
                        </wps:spPr>
                        <wps:style>
                          <a:lnRef idx="1">
                            <a:srgbClr val="000000"/>
                          </a:lnRef>
                          <a:fillRef idx="0">
                            <a:srgbClr val="000000">
                              <a:alpha val="0"/>
                            </a:srgbClr>
                          </a:fillRef>
                          <a:effectRef idx="0">
                            <a:scrgbClr r="0" g="0" b="0"/>
                          </a:effectRef>
                          <a:fontRef idx="none"/>
                        </wps:style>
                        <wps:bodyPr/>
                      </wps:wsp>
                      <wps:wsp>
                        <wps:cNvPr id="4612" name="Shape 4612"/>
                        <wps:cNvSpPr/>
                        <wps:spPr>
                          <a:xfrm>
                            <a:off x="582059" y="972100"/>
                            <a:ext cx="538976" cy="1451481"/>
                          </a:xfrm>
                          <a:custGeom>
                            <a:avLst/>
                            <a:gdLst/>
                            <a:ahLst/>
                            <a:cxnLst/>
                            <a:rect l="0" t="0" r="0" b="0"/>
                            <a:pathLst>
                              <a:path w="538976" h="1451481">
                                <a:moveTo>
                                  <a:pt x="538976" y="0"/>
                                </a:moveTo>
                                <a:lnTo>
                                  <a:pt x="0" y="756152"/>
                                </a:lnTo>
                                <a:lnTo>
                                  <a:pt x="346946" y="1451481"/>
                                </a:lnTo>
                              </a:path>
                            </a:pathLst>
                          </a:custGeom>
                          <a:ln w="5476" cap="rnd">
                            <a:round/>
                          </a:ln>
                        </wps:spPr>
                        <wps:style>
                          <a:lnRef idx="1">
                            <a:srgbClr val="000000"/>
                          </a:lnRef>
                          <a:fillRef idx="0">
                            <a:srgbClr val="000000">
                              <a:alpha val="0"/>
                            </a:srgbClr>
                          </a:fillRef>
                          <a:effectRef idx="0">
                            <a:scrgbClr r="0" g="0" b="0"/>
                          </a:effectRef>
                          <a:fontRef idx="none"/>
                        </wps:style>
                        <wps:bodyPr/>
                      </wps:wsp>
                      <wps:wsp>
                        <wps:cNvPr id="4613" name="Shape 4613"/>
                        <wps:cNvSpPr/>
                        <wps:spPr>
                          <a:xfrm>
                            <a:off x="904212" y="2407013"/>
                            <a:ext cx="55137" cy="77300"/>
                          </a:xfrm>
                          <a:custGeom>
                            <a:avLst/>
                            <a:gdLst/>
                            <a:ahLst/>
                            <a:cxnLst/>
                            <a:rect l="0" t="0" r="0" b="0"/>
                            <a:pathLst>
                              <a:path w="55137" h="77300">
                                <a:moveTo>
                                  <a:pt x="44110" y="0"/>
                                </a:moveTo>
                                <a:lnTo>
                                  <a:pt x="55137" y="77300"/>
                                </a:lnTo>
                                <a:lnTo>
                                  <a:pt x="0" y="22085"/>
                                </a:lnTo>
                                <a:lnTo>
                                  <a:pt x="4411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614" name="Shape 4614"/>
                        <wps:cNvSpPr/>
                        <wps:spPr>
                          <a:xfrm>
                            <a:off x="43116" y="1188154"/>
                            <a:ext cx="538943" cy="432033"/>
                          </a:xfrm>
                          <a:custGeom>
                            <a:avLst/>
                            <a:gdLst/>
                            <a:ahLst/>
                            <a:cxnLst/>
                            <a:rect l="0" t="0" r="0" b="0"/>
                            <a:pathLst>
                              <a:path w="538943" h="432033">
                                <a:moveTo>
                                  <a:pt x="161683" y="0"/>
                                </a:moveTo>
                                <a:lnTo>
                                  <a:pt x="377265" y="0"/>
                                </a:lnTo>
                                <a:cubicBezTo>
                                  <a:pt x="466557" y="0"/>
                                  <a:pt x="538943" y="72552"/>
                                  <a:pt x="538943" y="162022"/>
                                </a:cubicBezTo>
                                <a:lnTo>
                                  <a:pt x="538943" y="270011"/>
                                </a:lnTo>
                                <a:cubicBezTo>
                                  <a:pt x="538943" y="359481"/>
                                  <a:pt x="466557" y="432033"/>
                                  <a:pt x="377265" y="432033"/>
                                </a:cubicBezTo>
                                <a:lnTo>
                                  <a:pt x="161683" y="432033"/>
                                </a:lnTo>
                                <a:cubicBezTo>
                                  <a:pt x="72391" y="432033"/>
                                  <a:pt x="0" y="359481"/>
                                  <a:pt x="0" y="270011"/>
                                </a:cubicBezTo>
                                <a:lnTo>
                                  <a:pt x="0" y="162022"/>
                                </a:lnTo>
                                <a:cubicBezTo>
                                  <a:pt x="0" y="72552"/>
                                  <a:pt x="72391" y="0"/>
                                  <a:pt x="161683"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615" name="Shape 4615"/>
                        <wps:cNvSpPr/>
                        <wps:spPr>
                          <a:xfrm>
                            <a:off x="43116" y="1188154"/>
                            <a:ext cx="538943" cy="432033"/>
                          </a:xfrm>
                          <a:custGeom>
                            <a:avLst/>
                            <a:gdLst/>
                            <a:ahLst/>
                            <a:cxnLst/>
                            <a:rect l="0" t="0" r="0" b="0"/>
                            <a:pathLst>
                              <a:path w="538943" h="432033">
                                <a:moveTo>
                                  <a:pt x="161683" y="432033"/>
                                </a:moveTo>
                                <a:lnTo>
                                  <a:pt x="377265" y="432033"/>
                                </a:lnTo>
                                <a:cubicBezTo>
                                  <a:pt x="466557" y="432033"/>
                                  <a:pt x="538943" y="359481"/>
                                  <a:pt x="538943" y="270011"/>
                                </a:cubicBezTo>
                                <a:cubicBezTo>
                                  <a:pt x="538943" y="270011"/>
                                  <a:pt x="538943" y="270011"/>
                                  <a:pt x="538943" y="270011"/>
                                </a:cubicBezTo>
                                <a:lnTo>
                                  <a:pt x="538943" y="270011"/>
                                </a:lnTo>
                                <a:lnTo>
                                  <a:pt x="538943" y="162022"/>
                                </a:lnTo>
                                <a:cubicBezTo>
                                  <a:pt x="538943" y="72552"/>
                                  <a:pt x="466557" y="0"/>
                                  <a:pt x="377265" y="0"/>
                                </a:cubicBezTo>
                                <a:lnTo>
                                  <a:pt x="161683" y="0"/>
                                </a:lnTo>
                                <a:cubicBezTo>
                                  <a:pt x="72391" y="0"/>
                                  <a:pt x="0" y="72552"/>
                                  <a:pt x="0" y="162022"/>
                                </a:cubicBezTo>
                                <a:lnTo>
                                  <a:pt x="0" y="162022"/>
                                </a:lnTo>
                                <a:lnTo>
                                  <a:pt x="0" y="270011"/>
                                </a:lnTo>
                                <a:cubicBezTo>
                                  <a:pt x="0" y="359481"/>
                                  <a:pt x="72391" y="432033"/>
                                  <a:pt x="161683" y="432033"/>
                                </a:cubicBez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616" name="Rectangle 4616"/>
                        <wps:cNvSpPr/>
                        <wps:spPr>
                          <a:xfrm>
                            <a:off x="236527" y="1239136"/>
                            <a:ext cx="202338"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4617" name="Shape 4617"/>
                        <wps:cNvSpPr/>
                        <wps:spPr>
                          <a:xfrm>
                            <a:off x="145517" y="1404208"/>
                            <a:ext cx="334147" cy="151200"/>
                          </a:xfrm>
                          <a:custGeom>
                            <a:avLst/>
                            <a:gdLst/>
                            <a:ahLst/>
                            <a:cxnLst/>
                            <a:rect l="0" t="0" r="0" b="0"/>
                            <a:pathLst>
                              <a:path w="334147" h="151200">
                                <a:moveTo>
                                  <a:pt x="75450" y="0"/>
                                </a:moveTo>
                                <a:lnTo>
                                  <a:pt x="258696" y="0"/>
                                </a:lnTo>
                                <a:cubicBezTo>
                                  <a:pt x="300365" y="0"/>
                                  <a:pt x="334147" y="33837"/>
                                  <a:pt x="334147" y="75600"/>
                                </a:cubicBezTo>
                                <a:cubicBezTo>
                                  <a:pt x="334147" y="117363"/>
                                  <a:pt x="300365" y="151200"/>
                                  <a:pt x="258696" y="151200"/>
                                </a:cubicBezTo>
                                <a:lnTo>
                                  <a:pt x="75450" y="151200"/>
                                </a:lnTo>
                                <a:cubicBezTo>
                                  <a:pt x="33782" y="151200"/>
                                  <a:pt x="0" y="117363"/>
                                  <a:pt x="0" y="75600"/>
                                </a:cubicBezTo>
                                <a:cubicBezTo>
                                  <a:pt x="0" y="33837"/>
                                  <a:pt x="33782" y="0"/>
                                  <a:pt x="75450"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4618" name="Shape 4618"/>
                        <wps:cNvSpPr/>
                        <wps:spPr>
                          <a:xfrm>
                            <a:off x="145517" y="1404208"/>
                            <a:ext cx="334147" cy="151200"/>
                          </a:xfrm>
                          <a:custGeom>
                            <a:avLst/>
                            <a:gdLst/>
                            <a:ahLst/>
                            <a:cxnLst/>
                            <a:rect l="0" t="0" r="0" b="0"/>
                            <a:pathLst>
                              <a:path w="334147" h="151200">
                                <a:moveTo>
                                  <a:pt x="75450" y="151200"/>
                                </a:moveTo>
                                <a:lnTo>
                                  <a:pt x="258696" y="151200"/>
                                </a:lnTo>
                                <a:cubicBezTo>
                                  <a:pt x="300365" y="151200"/>
                                  <a:pt x="334147" y="117363"/>
                                  <a:pt x="334147" y="75600"/>
                                </a:cubicBezTo>
                                <a:cubicBezTo>
                                  <a:pt x="334147" y="75600"/>
                                  <a:pt x="334147" y="75600"/>
                                  <a:pt x="334147" y="75600"/>
                                </a:cubicBezTo>
                                <a:cubicBezTo>
                                  <a:pt x="334147" y="33837"/>
                                  <a:pt x="300365" y="0"/>
                                  <a:pt x="258696" y="0"/>
                                </a:cubicBezTo>
                                <a:lnTo>
                                  <a:pt x="75450" y="0"/>
                                </a:lnTo>
                                <a:cubicBezTo>
                                  <a:pt x="33782" y="0"/>
                                  <a:pt x="0" y="33837"/>
                                  <a:pt x="0" y="75600"/>
                                </a:cubicBezTo>
                                <a:cubicBezTo>
                                  <a:pt x="0" y="117363"/>
                                  <a:pt x="33782" y="151200"/>
                                  <a:pt x="75450" y="151200"/>
                                </a:cubicBezTo>
                                <a:close/>
                              </a:path>
                            </a:pathLst>
                          </a:custGeom>
                          <a:ln w="1825" cap="rnd">
                            <a:round/>
                          </a:ln>
                        </wps:spPr>
                        <wps:style>
                          <a:lnRef idx="1">
                            <a:srgbClr val="000000"/>
                          </a:lnRef>
                          <a:fillRef idx="0">
                            <a:srgbClr val="000000">
                              <a:alpha val="0"/>
                            </a:srgbClr>
                          </a:fillRef>
                          <a:effectRef idx="0">
                            <a:scrgbClr r="0" g="0" b="0"/>
                          </a:effectRef>
                          <a:fontRef idx="none"/>
                        </wps:style>
                        <wps:bodyPr/>
                      </wps:wsp>
                      <wps:wsp>
                        <wps:cNvPr id="4619" name="Rectangle 4619"/>
                        <wps:cNvSpPr/>
                        <wps:spPr>
                          <a:xfrm>
                            <a:off x="218769" y="1424478"/>
                            <a:ext cx="249580" cy="1356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g:wgp>
                  </a:graphicData>
                </a:graphic>
              </wp:anchor>
            </w:drawing>
          </mc:Choice>
          <mc:Fallback>
            <w:pict>
              <v:group id="Group 60891" o:spid="_x0000_s2163" style="position:absolute;left:0;text-align:left;margin-left:96.25pt;margin-top:-40.95pt;width:263.3pt;height:212.65pt;z-index:251662336;mso-position-horizontal-relative:text;mso-position-vertical-relative:text" coordsize="33440,2700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">
                <v:shape id="Shape 4543" o:spid="_x0000_s2164" style="position:absolute;left:12287;width:8624;height:2160;visibility:visible;mso-wrap-style:square;v-text-anchor:top" coordsize="862346,2160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" path="m,216024r862346,l862346,,,,,216024xe" filled="f" strokeweight=".05069mm">
                  <v:stroke endcap="round"/>
                  <v:path arrowok="t" textboxrect="0,0,862346,216024"/>
                </v:shape>
                <v:rect id="Rectangle 4550" o:spid="_x0000_s2165" style="position:absolute;left:2244;top:6140;width:2833;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APC </w:t>
                        </w:r>
                      </w:p>
                    </w:txbxContent>
                  </v:textbox>
                </v:rect>
                <v:rect id="Rectangle 4551" o:spid="_x0000_s2166" style="position:absolute;left:4374;top:6302;width:1578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 очередь для завершения </w:t>
                        </w:r>
                      </w:p>
                    </w:txbxContent>
                  </v:textbox>
                </v:rect>
                <v:rect id="Rectangle 4552" o:spid="_x0000_s2167" style="position:absolute;left:2244;top:7399;width:15406;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обработки запроса на ввод</w:t>
                        </w:r>
                      </w:p>
                    </w:txbxContent>
                  </v:textbox>
                </v:rect>
                <v:rect id="Rectangle 4553" o:spid="_x0000_s2168" style="position:absolute;left:13828;top:7238;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554" o:spid="_x0000_s2169" style="position:absolute;left:14132;top:7399;width:3883;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 </w:t>
                        </w:r>
                      </w:p>
                    </w:txbxContent>
                  </v:textbox>
                </v:rect>
                <v:rect id="Rectangle 4555" o:spid="_x0000_s2170" style="position:absolute;left:2244;top:8497;width:1920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 контексте вызывающего потока </w:t>
                        </w:r>
                      </w:p>
                    </w:txbxContent>
                  </v:textbox>
                </v:rect>
                <v:rect id="Rectangle 4556" o:spid="_x0000_s2171" style="position:absolute;left:20716;top:4713;width:2563;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4557" o:spid="_x0000_s2172" style="position:absolute;left:22643;top:4713;width:405;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558" o:spid="_x0000_s2173" style="position:absolute;left:22948;top:4875;width:12214;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а вызывает </w:t>
                        </w:r>
                      </w:p>
                    </w:txbxContent>
                  </v:textbox>
                </v:rect>
                <v:rect id="Rectangle 4559" o:spid="_x0000_s2174" style="position:absolute;left:20716;top:5972;width:954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 ввода</w:t>
                        </w:r>
                      </w:p>
                    </w:txbxContent>
                  </v:textbox>
                </v:rect>
                <v:rect id="Rectangle 4560" o:spid="_x0000_s2175" style="position:absolute;left:27896;top:5810;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561" o:spid="_x0000_s2176" style="position:absolute;left:28200;top:5972;width:696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а для </w:t>
                        </w:r>
                      </w:p>
                    </w:txbxContent>
                  </v:textbox>
                </v:rect>
                <v:shape id="Shape 4567" o:spid="_x0000_s2177" style="position:absolute;left:25222;top:2160;width:3342;height:1512;visibility:visible;mso-wrap-style:square;v-text-anchor:top" coordsize="334169,1512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" path="m75443,151200r183207,c300326,151200,334169,117363,334169,75600v,,,,,c334169,33837,300326,,258650,l75443,c33767,,,33837,,75600v,41763,33767,75600,75443,75600xe" filled="f" strokeweight=".05069mm">
                  <v:stroke endcap="round"/>
                  <v:path arrowok="t" textboxrect="0,0,334169,151200"/>
                </v:shape>
                <v:rect id="Rectangle 4568" o:spid="_x0000_s2178" style="position:absolute;left:26133;top:2362;width:2023;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shape id="Shape 4569" o:spid="_x0000_s2179" style="position:absolute;left:18755;top:5400;width:1509;height:1512;visibility:visible;mso-wrap-style:square;v-text-anchor:top" coordsize="150885,1512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" path="m75443,v41675,,75442,33837,75442,75600c150885,117363,117118,151200,75443,151200,33767,151200,,117363,,75600,,33837,33767,,75443,xe" fillcolor="#d9d9d9" stroked="f" strokeweight="0">
                  <v:stroke endcap="round"/>
                  <v:path arrowok="t" textboxrect="0,0,150885,151200"/>
                </v:shape>
                <v:shape id="Shape 4570" o:spid="_x0000_s2180" style="position:absolute;left:18755;top:5400;width:1509;height:1512;visibility:visible;mso-wrap-style:square;v-text-anchor:top" coordsize="150885,1512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" path="m150885,75600c150885,33837,117118,,75443,,33767,,,33837,,75600v,41763,33767,75600,75443,75600c117118,151200,150885,117363,150885,75600xe" filled="f" strokeweight=".15211mm">
                  <v:stroke endcap="round"/>
                  <v:path arrowok="t" textboxrect="0,0,150885,151200"/>
                </v:shape>
                <v:rect id="Rectangle 4571" o:spid="_x0000_s2181" style="position:absolute;left:19255;top:5603;width:675;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shape id="Shape 4572" o:spid="_x0000_s2182" style="position:absolute;top:5400;width:1509;height:1512;visibility:visible;mso-wrap-style:square;v-text-anchor:top" coordsize="150909,1512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" path="m75450,v41677,,75459,33837,75459,75600c150909,117363,117127,151200,75450,151200,33781,151200,,117363,,75600,,33837,33781,,75450,xe" fillcolor="#d9d9d9" stroked="f" strokeweight="0">
                  <v:stroke endcap="round"/>
                  <v:path arrowok="t" textboxrect="0,0,150909,151200"/>
                </v:shape>
                <v:shape id="Shape 4573" o:spid="_x0000_s2183" style="position:absolute;top:5400;width:1509;height:1512;visibility:visible;mso-wrap-style:square;v-text-anchor:top" coordsize="150909,1512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" path="m150909,75600c150909,33837,117127,,75450,,33781,,,33837,,75600v,41763,33781,75600,75450,75600c117127,151200,150909,117363,150909,75600xe" filled="f" strokeweight=".15211mm">
                  <v:stroke endcap="round"/>
                  <v:path arrowok="t" textboxrect="0,0,150909,151200"/>
                </v:shape>
                <v:rect id="Rectangle 4574" o:spid="_x0000_s2184" style="position:absolute;left:500;top:5603;width:675;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shape id="Shape 4576" o:spid="_x0000_s2185" style="position:absolute;left:7545;top:16201;width:7976;height:3241;visibility:visible;mso-wrap-style:square;v-text-anchor:top" coordsize="797627,3240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" path="m,324043r797627,l797627,,,,,324043xe" filled="f" strokeweight=".05069mm">
                  <v:stroke endcap="round"/>
                  <v:path arrowok="t" textboxrect="0,0,797627,324043"/>
                </v:shape>
                <v:rect id="Rectangle 4577" o:spid="_x0000_s2186" style="position:absolute;left:8979;top:16881;width:6793;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v:textbox>
                </v:rect>
                <v:rect id="Rectangle 4578" o:spid="_x0000_s2187" style="position:absolute;left:7839;top:17979;width:982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изации</w:t>
                        </w:r>
                      </w:p>
                    </w:txbxContent>
                  </v:textbox>
                </v:rect>
                <v:shape id="Shape 69447" o:spid="_x0000_s2188" style="position:absolute;left:15521;top:16201;width:7114;height:3241;visibility:visible;mso-wrap-style:square;v-text-anchor:top" coordsize="711407,3240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" path="m,l711407,r,324043l,324043,,e" stroked="f" strokeweight="0">
                  <v:stroke endcap="round"/>
                  <v:path arrowok="t" textboxrect="0,0,711407,324043"/>
                </v:shape>
                <v:shape id="Shape 4580" o:spid="_x0000_s2189" style="position:absolute;left:15521;top:16201;width:7114;height:3241;visibility:visible;mso-wrap-style:square;v-text-anchor:top" coordsize="711407,3240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" path="m,324043r711407,l711407,,,,,324043xe" filled="f" strokeweight=".05069mm">
                  <v:stroke endcap="round"/>
                  <v:path arrowok="t" textboxrect="0,0,711407,324043"/>
                </v:shape>
                <v:rect id="Rectangle 4581" o:spid="_x0000_s2190" style="position:absolute;left:15673;top:16881;width:9255;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нициализация </w:t>
                        </w:r>
                      </w:p>
                    </w:txbxContent>
                  </v:textbox>
                </v:rect>
                <v:rect id="Rectangle 4582" o:spid="_x0000_s2191" style="position:absolute;left:16081;top:17979;width:334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4583" o:spid="_x0000_s2192" style="position:absolute;left:18598;top:17817;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584" o:spid="_x0000_s2193" style="position:absolute;left:18902;top:17979;width:4221;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69448" o:spid="_x0000_s2194" style="position:absolute;left:22635;top:16201;width:3665;height:3241;visibility:visible;mso-wrap-style:square;v-text-anchor:top" coordsize="366484,3240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" path="m,l366484,r,324043l,324043,,e" stroked="f" strokeweight="0">
                  <v:stroke endcap="round"/>
                  <v:path arrowok="t" textboxrect="0,0,366484,324043"/>
                </v:shape>
                <v:shape id="Shape 4586" o:spid="_x0000_s2195" style="position:absolute;left:22635;top:16201;width:3665;height:3241;visibility:visible;mso-wrap-style:square;v-text-anchor:top" coordsize="366484,3240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" path="m,324043r366484,l366484,,,,,324043xe" filled="f" strokeweight=".05069mm">
                  <v:stroke endcap="round"/>
                  <v:path arrowok="t" textboxrect="0,0,366484,324043"/>
                </v:shape>
                <v:rect id="Rectangle 4587" o:spid="_x0000_s2196" style="position:absolute;left:23707;top:17268;width:202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ISR</w:t>
                        </w:r>
                      </w:p>
                    </w:txbxContent>
                  </v:textbox>
                </v:rect>
                <v:shape id="Shape 4589" o:spid="_x0000_s2197" style="position:absolute;left:26300;top:16201;width:5093;height:3241;visibility:visible;mso-wrap-style:square;v-text-anchor:top" coordsize="509308,3240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" path="m,324043r509308,l509308,,,,,324043xe" filled="f" strokeweight=".05069mm">
                  <v:stroke endcap="round"/>
                  <v:path arrowok="t" textboxrect="0,0,509308,324043"/>
                </v:shape>
                <v:rect id="Rectangle 4590" o:spid="_x0000_s2198" style="position:absolute;left:27731;top:16720;width:2563;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4591" o:spid="_x0000_s2199" style="position:absolute;left:29658;top:16720;width:405;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592" o:spid="_x0000_s2200" style="position:absolute;left:26501;top:17979;width:624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роцедуры</w:t>
                        </w:r>
                      </w:p>
                    </w:txbxContent>
                  </v:textbox>
                </v:rect>
                <v:rect id="Rectangle 4593" o:spid="_x0000_s2201" style="position:absolute;left:14487;top:15048;width:12391;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b/>
                            <w:sz w:val="14"/>
                          </w:rPr>
                          <w:t>Драйвер устройства</w:t>
                        </w:r>
                      </w:p>
                    </w:txbxContent>
                  </v:textbox>
                </v:rect>
                <v:shape id="Shape 4594" o:spid="_x0000_s2202" style="position:absolute;left:26300;top:8856;width:2547;height:7345;visibility:visible;mso-wrap-style:square;v-text-anchor:top" coordsize="254695,7345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" path="m254695,734509l,e" filled="f" strokeweight=".15211mm">
                  <v:stroke endcap="round"/>
                  <v:path arrowok="t" textboxrect="0,0,254695,734509"/>
                </v:shape>
                <v:shape id="Shape 4595" o:spid="_x0000_s2203" style="position:absolute;left:20421;top:2497;width:2645;height:2255;visibility:visible;mso-wrap-style:square;v-text-anchor:top" coordsize="264506,2255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" path="m264506,225581c220701,161793,111719,68894,,e" filled="f" strokeweight=".15211mm">
                  <v:stroke endcap="round"/>
                  <v:path arrowok="t" textboxrect="0,0,264506,225581"/>
                </v:shape>
                <v:shape id="Shape 4596" o:spid="_x0000_s2204" style="position:absolute;left:19833;top:2160;width:764;height:582;visibility:visible;mso-wrap-style:square;v-text-anchor:top" coordsize="76431,582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" path="m,l76431,15318,51943,58224,,xe" fillcolor="black" stroked="f" strokeweight="0">
                  <v:stroke endcap="round"/>
                  <v:path arrowok="t" textboxrect="0,0,76431,58224"/>
                </v:shape>
                <v:shape id="Shape 4598" o:spid="_x0000_s2205" style="position:absolute;left:9593;top:22682;width:5389;height:4321;visibility:visible;mso-wrap-style:square;v-text-anchor:top" coordsize="538900,4320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" path="m161685,432055r215529,c466499,432055,538900,359511,538900,270034v,,,,,l538900,162014c538900,72536,466499,,377214,l161685,c72401,,,72536,,162014r,l,270034v,89477,72401,162021,161685,162021xe" filled="f" strokeweight=".05069mm">
                  <v:stroke endcap="round"/>
                  <v:path arrowok="t" textboxrect="0,0,538900,432055"/>
                </v:shape>
                <v:rect id="Rectangle 4599" o:spid="_x0000_s2206" style="position:absolute;left:11527;top:23192;width:2023;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shape id="Shape 4600" o:spid="_x0000_s2207" style="position:absolute;left:10617;top:24843;width:3341;height:1512;visibility:visible;mso-wrap-style:square;v-text-anchor:top" coordsize="334169,1512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" path="m75443,l258727,v41676,,75442,33852,75442,75607c334169,117370,300403,151223,258727,151223r-183284,c33767,151223,,117370,,75607,,33852,33767,,75443,xe" stroked="f" strokeweight="0">
                  <v:stroke endcap="round"/>
                  <v:path arrowok="t" textboxrect="0,0,334169,151223"/>
                </v:shape>
                <v:shape id="Shape 4601" o:spid="_x0000_s2208" style="position:absolute;left:10617;top:24843;width:3341;height:1512;visibility:visible;mso-wrap-style:square;v-text-anchor:top" coordsize="334169,1512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" path="m75443,151223r183284,c300403,151223,334169,117370,334169,75607v,,,,,c334169,33852,300403,,258727,l75443,c33767,,,33852,,75607v,41763,33767,75616,75443,75616xe" filled="f" strokeweight=".05069mm">
                  <v:stroke endcap="round"/>
                  <v:path arrowok="t" textboxrect="0,0,334169,151223"/>
                </v:shape>
                <v:rect id="Rectangle 4602" o:spid="_x0000_s2209" style="position:absolute;left:11349;top:25045;width:2496;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v:shape id="Shape 4604" o:spid="_x0000_s2210" style="position:absolute;left:17003;top:22682;width:5389;height:4321;visibility:visible;mso-wrap-style:square;v-text-anchor:top" coordsize="538900,4320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" path="m161685,432055r215530,c466575,432055,538900,359511,538900,270034v,,,,,l538900,270034r,-108020c538900,72536,466575,,377215,l161685,c72401,,,72536,,162014r,l,270034v,89477,72401,162021,161685,162021xe" filled="f" strokeweight=".05069mm">
                  <v:stroke endcap="round"/>
                  <v:path arrowok="t" textboxrect="0,0,538900,432055"/>
                </v:shape>
                <v:rect id="Rectangle 4605" o:spid="_x0000_s2211" style="position:absolute;left:18937;top:23192;width:202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shape id="Shape 4606" o:spid="_x0000_s2212" style="position:absolute;left:18027;top:24843;width:3342;height:1512;visibility:visible;mso-wrap-style:square;v-text-anchor:top" coordsize="334170,1512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" path="m75443,l258727,v41676,,75443,33852,75443,75607c334170,117370,300403,151223,258727,151223r-183284,c33767,151223,,117370,,75607,,33852,33767,,75443,xe" stroked="f" strokeweight="0">
                  <v:stroke endcap="round"/>
                  <v:path arrowok="t" textboxrect="0,0,334170,151223"/>
                </v:shape>
                <v:shape id="Shape 4607" o:spid="_x0000_s2213" style="position:absolute;left:18027;top:24843;width:3342;height:1512;visibility:visible;mso-wrap-style:square;v-text-anchor:top" coordsize="334170,1512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" path="m75443,151223r183284,c300403,151223,334170,117370,334170,75607v,,,,,c334170,33852,300403,,258727,l75443,c33767,,,33852,,75607v,41763,33767,75616,75443,75616xe" filled="f" strokeweight=".05069mm">
                  <v:stroke endcap="round"/>
                  <v:path arrowok="t" textboxrect="0,0,334170,151223"/>
                </v:shape>
                <v:rect id="Rectangle 4608" o:spid="_x0000_s2214" style="position:absolute;left:18759;top:25045;width:2496;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v:shape id="Shape 4609" o:spid="_x0000_s2215" style="position:absolute;left:14982;top:24843;width:1344;height:0;visibility:visible;mso-wrap-style:square;v-text-anchor:top" coordsize="13438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" path="m,l134383,e" filled="f" strokeweight=".15211mm">
                  <v:stroke endcap="round"/>
                  <v:path arrowok="t" textboxrect="0,0,134383,0"/>
                </v:shape>
                <v:shape id="Shape 4610" o:spid="_x0000_s2216" style="position:absolute;left:16264;top:24596;width:739;height:494;visibility:visible;mso-wrap-style:square;v-text-anchor:top" coordsize="73922,493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" path="m,l73922,24692,,49384,,xe" fillcolor="black" stroked="f" strokeweight="0">
                  <v:stroke endcap="round"/>
                  <v:path arrowok="t" textboxrect="0,0,73922,49384"/>
                </v:shape>
                <v:shape id="Shape 4611" o:spid="_x0000_s2217" style="position:absolute;left:14444;top:2808;width:1077;height:1944;visibility:visible;mso-wrap-style:square;v-text-anchor:top" coordsize="107765,19448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" path="m107765,l,194487e" filled="f" strokeweight=".15211mm">
                  <v:stroke endcap="round"/>
                  <v:path arrowok="t" textboxrect="0,0,107765,194487"/>
                </v:shape>
                <v:shape id="Shape 4612" o:spid="_x0000_s2218" style="position:absolute;left:5820;top:9721;width:5390;height:14514;visibility:visible;mso-wrap-style:square;v-text-anchor:top" coordsize="538976,14514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" path="m538976,l,756152r346946,695329e" filled="f" strokeweight=".15211mm">
                  <v:stroke endcap="round"/>
                  <v:path arrowok="t" textboxrect="0,0,538976,1451481"/>
                </v:shape>
                <v:shape id="Shape 4613" o:spid="_x0000_s2219" style="position:absolute;left:9042;top:24070;width:551;height:773;visibility:visible;mso-wrap-style:square;v-text-anchor:top" coordsize="55137,773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" path="m44110,l55137,77300,,22085,44110,xe" fillcolor="black" stroked="f" strokeweight="0">
                  <v:stroke endcap="round"/>
                  <v:path arrowok="t" textboxrect="0,0,55137,77300"/>
                </v:shape>
                <v:shape id="Shape 4614" o:spid="_x0000_s2220" style="position:absolute;left:431;top:11881;width:5389;height:4320;visibility:visible;mso-wrap-style:square;v-text-anchor:top" coordsize="538943,43203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" path="m161683,l377265,v89292,,161678,72552,161678,162022l538943,270011v,89470,-72386,162022,-161678,162022l161683,432033c72391,432033,,359481,,270011l,162022c,72552,72391,,161683,xe" fillcolor="#f2f2f2" stroked="f" strokeweight="0">
                  <v:stroke endcap="round"/>
                  <v:path arrowok="t" textboxrect="0,0,538943,432033"/>
                </v:shape>
                <v:shape id="Shape 4615" o:spid="_x0000_s2221" style="position:absolute;left:431;top:11881;width:5389;height:4320;visibility:visible;mso-wrap-style:square;v-text-anchor:top" coordsize="538943,43203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" path="m161683,432033r215582,c466557,432033,538943,359481,538943,270011v,,,,,l538943,270011r,-107989c538943,72552,466557,,377265,l161683,c72391,,,72552,,162022r,l,270011v,89470,72391,162022,161683,162022xe" filled="f" strokeweight=".05069mm">
                  <v:stroke endcap="round"/>
                  <v:path arrowok="t" textboxrect="0,0,538943,432033"/>
                </v:shape>
                <v:rect id="Rectangle 4616" o:spid="_x0000_s2222" style="position:absolute;left:2365;top:12391;width:2023;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shape id="Shape 4617" o:spid="_x0000_s2223" style="position:absolute;left:1455;top:14042;width:3341;height:1512;visibility:visible;mso-wrap-style:square;v-text-anchor:top" coordsize="334147,1512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" path="m75450,l258696,v41669,,75451,33837,75451,75600c334147,117363,300365,151200,258696,151200r-183246,c33782,151200,,117363,,75600,,33837,33782,,75450,xe" stroked="f" strokeweight="0">
                  <v:stroke endcap="round"/>
                  <v:path arrowok="t" textboxrect="0,0,334147,151200"/>
                </v:shape>
                <v:shape id="Shape 4618" o:spid="_x0000_s2224" style="position:absolute;left:1455;top:14042;width:3341;height:1512;visibility:visible;mso-wrap-style:square;v-text-anchor:top" coordsize="334147,1512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" path="m75450,151200r183246,c300365,151200,334147,117363,334147,75600v,,,,,c334147,33837,300365,,258696,l75450,c33782,,,33837,,75600v,41763,33782,75600,75450,75600xe" filled="f" strokeweight=".05069mm">
                  <v:stroke endcap="round"/>
                  <v:path arrowok="t" textboxrect="0,0,334147,151200"/>
                </v:shape>
                <v:rect id="Rectangle 4619" o:spid="_x0000_s2225" style="position:absolute;left:2187;top:14244;width:249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w10:wrap type="square"/>
              </v:group>
            </w:pict>
          </mc:Fallback>
        </mc:AlternateContent>
      </w:r>
      <w:r>
        <w:rPr>
          <w:rFonts w:ascii="Arial" w:eastAsia="Arial" w:hAnsi="Arial" w:cs="Arial"/>
          <w:sz w:val="14"/>
        </w:rPr>
        <w:t xml:space="preserve">Диспетчер ввода-вывода ставит </w:t>
      </w:r>
    </w:p>
    <w:p w:rsidR="0043064D" w:rsidRDefault="008B3C4B">
      <w:pPr>
        <w:spacing w:after="2863" w:line="259" w:lineRule="auto"/>
        <w:ind w:left="5197" w:right="1167"/>
        <w:jc w:val="left"/>
      </w:pPr>
      <w:r>
        <w:rPr>
          <w:rFonts w:ascii="Arial" w:eastAsia="Arial" w:hAnsi="Arial" w:cs="Arial"/>
          <w:sz w:val="14"/>
        </w:rPr>
        <w:t>обработки исходного запроса на ввод-вывод</w:t>
      </w:r>
    </w:p>
    <w:p w:rsidR="0043064D" w:rsidRDefault="008B3C4B">
      <w:pPr>
        <w:spacing w:after="0" w:line="265" w:lineRule="auto"/>
        <w:ind w:right="504"/>
        <w:jc w:val="center"/>
      </w:pPr>
      <w:r>
        <w:rPr>
          <w:rFonts w:ascii="Arial" w:eastAsia="Arial" w:hAnsi="Arial" w:cs="Arial"/>
          <w:b/>
          <w:sz w:val="14"/>
        </w:rPr>
        <w:t>APC-очередь потока</w:t>
      </w:r>
    </w:p>
    <w:p w:rsidR="0043064D" w:rsidRDefault="008B3C4B">
      <w:pPr>
        <w:spacing w:after="301" w:line="259" w:lineRule="auto"/>
        <w:ind w:left="5620" w:firstLine="0"/>
        <w:jc w:val="center"/>
      </w:pPr>
      <w:r>
        <w:t xml:space="preserve"> </w:t>
      </w:r>
    </w:p>
    <w:p w:rsidR="0043064D" w:rsidRDefault="008B3C4B">
      <w:pPr>
        <w:spacing w:after="113" w:line="265" w:lineRule="auto"/>
        <w:ind w:right="2"/>
        <w:jc w:val="center"/>
      </w:pPr>
      <w:r>
        <w:t xml:space="preserve">Рис. 13. Завершение обработки запроса на </w:t>
      </w:r>
      <w:r>
        <w:t xml:space="preserve">ввод-вывод (фаза 1) </w:t>
      </w:r>
    </w:p>
    <w:p w:rsidR="0043064D" w:rsidRDefault="008B3C4B">
      <w:pPr>
        <w:spacing w:after="0" w:line="259" w:lineRule="auto"/>
        <w:ind w:left="1194" w:firstLine="0"/>
        <w:jc w:val="left"/>
      </w:pPr>
      <w:r>
        <w:rPr>
          <w:rFonts w:ascii="Calibri" w:eastAsia="Calibri" w:hAnsi="Calibri" w:cs="Calibri"/>
          <w:noProof/>
          <w:sz w:val="22"/>
        </w:rPr>
        <mc:AlternateContent>
          <mc:Choice Requires="wpg">
            <w:drawing>
              <wp:inline distT="0" distB="0" distL="0" distR="0">
                <wp:extent cx="4334678" cy="3643349"/>
                <wp:effectExtent l="0" t="0" r="0" b="0"/>
                <wp:docPr id="60894" name="Group 60894"/>
                <wp:cNvGraphicFramePr/>
                <a:graphic xmlns:a="http://schemas.openxmlformats.org/drawingml/2006/main">
                  <a:graphicData uri="http://schemas.microsoft.com/office/word/2010/wordprocessingGroup">
                    <wpg:wgp>
                      <wpg:cNvGrpSpPr/>
                      <wpg:grpSpPr>
                        <a:xfrm>
                          <a:off x="0" y="0"/>
                          <a:ext cx="4334678" cy="3643349"/>
                          <a:chOff x="0" y="0"/>
                          <a:chExt cx="4334678" cy="3643349"/>
                        </a:xfrm>
                      </wpg:grpSpPr>
                      <wps:wsp>
                        <wps:cNvPr id="4646" name="Shape 4646"/>
                        <wps:cNvSpPr/>
                        <wps:spPr>
                          <a:xfrm>
                            <a:off x="1412838" y="0"/>
                            <a:ext cx="1015743" cy="432065"/>
                          </a:xfrm>
                          <a:custGeom>
                            <a:avLst/>
                            <a:gdLst/>
                            <a:ahLst/>
                            <a:cxnLst/>
                            <a:rect l="0" t="0" r="0" b="0"/>
                            <a:pathLst>
                              <a:path w="1015743" h="432065">
                                <a:moveTo>
                                  <a:pt x="1015743" y="216071"/>
                                </a:moveTo>
                                <a:cubicBezTo>
                                  <a:pt x="1015743" y="96717"/>
                                  <a:pt x="788320" y="0"/>
                                  <a:pt x="507833" y="0"/>
                                </a:cubicBezTo>
                                <a:cubicBezTo>
                                  <a:pt x="227347" y="0"/>
                                  <a:pt x="0" y="96717"/>
                                  <a:pt x="0" y="216071"/>
                                </a:cubicBezTo>
                                <a:cubicBezTo>
                                  <a:pt x="0" y="335347"/>
                                  <a:pt x="227347" y="432065"/>
                                  <a:pt x="507833" y="432065"/>
                                </a:cubicBezTo>
                                <a:cubicBezTo>
                                  <a:pt x="788320" y="432065"/>
                                  <a:pt x="1015743" y="335347"/>
                                  <a:pt x="1015743" y="216071"/>
                                </a:cubicBezTo>
                                <a:close/>
                              </a:path>
                            </a:pathLst>
                          </a:custGeom>
                          <a:ln w="5488" cap="rnd">
                            <a:round/>
                          </a:ln>
                        </wps:spPr>
                        <wps:style>
                          <a:lnRef idx="1">
                            <a:srgbClr val="000000"/>
                          </a:lnRef>
                          <a:fillRef idx="0">
                            <a:srgbClr val="000000">
                              <a:alpha val="0"/>
                            </a:srgbClr>
                          </a:fillRef>
                          <a:effectRef idx="0">
                            <a:scrgbClr r="0" g="0" b="0"/>
                          </a:effectRef>
                          <a:fontRef idx="none"/>
                        </wps:style>
                        <wps:bodyPr/>
                      </wps:wsp>
                      <wps:wsp>
                        <wps:cNvPr id="4647" name="Rectangle 4647"/>
                        <wps:cNvSpPr/>
                        <wps:spPr>
                          <a:xfrm>
                            <a:off x="1661075" y="122047"/>
                            <a:ext cx="724345"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wps:txbx>
                        <wps:bodyPr horzOverflow="overflow" vert="horz" lIns="0" tIns="0" rIns="0" bIns="0" rtlCol="0">
                          <a:noAutofit/>
                        </wps:bodyPr>
                      </wps:wsp>
                      <wps:wsp>
                        <wps:cNvPr id="4648" name="Rectangle 4648"/>
                        <wps:cNvSpPr/>
                        <wps:spPr>
                          <a:xfrm>
                            <a:off x="1508138" y="231797"/>
                            <a:ext cx="874126"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кружения или </w:t>
                              </w:r>
                            </w:p>
                          </w:txbxContent>
                        </wps:txbx>
                        <wps:bodyPr horzOverflow="overflow" vert="horz" lIns="0" tIns="0" rIns="0" bIns="0" rtlCol="0">
                          <a:noAutofit/>
                        </wps:bodyPr>
                      </wps:wsp>
                      <wps:wsp>
                        <wps:cNvPr id="4649" name="Rectangle 4649"/>
                        <wps:cNvSpPr/>
                        <wps:spPr>
                          <a:xfrm>
                            <a:off x="2165401" y="215612"/>
                            <a:ext cx="223217"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LL</w:t>
                              </w:r>
                            </w:p>
                          </w:txbxContent>
                        </wps:txbx>
                        <wps:bodyPr horzOverflow="overflow" vert="horz" lIns="0" tIns="0" rIns="0" bIns="0" rtlCol="0">
                          <a:noAutofit/>
                        </wps:bodyPr>
                      </wps:wsp>
                      <wps:wsp>
                        <wps:cNvPr id="4650" name="Shape 4650"/>
                        <wps:cNvSpPr/>
                        <wps:spPr>
                          <a:xfrm>
                            <a:off x="267442" y="648135"/>
                            <a:ext cx="3781998" cy="0"/>
                          </a:xfrm>
                          <a:custGeom>
                            <a:avLst/>
                            <a:gdLst/>
                            <a:ahLst/>
                            <a:cxnLst/>
                            <a:rect l="0" t="0" r="0" b="0"/>
                            <a:pathLst>
                              <a:path w="3781998">
                                <a:moveTo>
                                  <a:pt x="0" y="0"/>
                                </a:moveTo>
                                <a:lnTo>
                                  <a:pt x="3781998" y="0"/>
                                </a:lnTo>
                              </a:path>
                            </a:pathLst>
                          </a:custGeom>
                          <a:ln w="16463" cap="rnd">
                            <a:round/>
                          </a:ln>
                        </wps:spPr>
                        <wps:style>
                          <a:lnRef idx="1">
                            <a:srgbClr val="000000"/>
                          </a:lnRef>
                          <a:fillRef idx="0">
                            <a:srgbClr val="000000">
                              <a:alpha val="0"/>
                            </a:srgbClr>
                          </a:fillRef>
                          <a:effectRef idx="0">
                            <a:scrgbClr r="0" g="0" b="0"/>
                          </a:effectRef>
                          <a:fontRef idx="none"/>
                        </wps:style>
                        <wps:bodyPr/>
                      </wps:wsp>
                      <wps:wsp>
                        <wps:cNvPr id="4651" name="Rectangle 4651"/>
                        <wps:cNvSpPr/>
                        <wps:spPr>
                          <a:xfrm>
                            <a:off x="2922920" y="532772"/>
                            <a:ext cx="1455355"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wps:txbx>
                        <wps:bodyPr horzOverflow="overflow" vert="horz" lIns="0" tIns="0" rIns="0" bIns="0" rtlCol="0">
                          <a:noAutofit/>
                        </wps:bodyPr>
                      </wps:wsp>
                      <wps:wsp>
                        <wps:cNvPr id="4652" name="Rectangle 4652"/>
                        <wps:cNvSpPr/>
                        <wps:spPr>
                          <a:xfrm>
                            <a:off x="3505773" y="716984"/>
                            <a:ext cx="687887"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 ядра</w:t>
                              </w:r>
                            </w:p>
                          </w:txbxContent>
                        </wps:txbx>
                        <wps:bodyPr horzOverflow="overflow" vert="horz" lIns="0" tIns="0" rIns="0" bIns="0" rtlCol="0">
                          <a:noAutofit/>
                        </wps:bodyPr>
                      </wps:wsp>
                      <wps:wsp>
                        <wps:cNvPr id="4653" name="Rectangle 4653"/>
                        <wps:cNvSpPr/>
                        <wps:spPr>
                          <a:xfrm>
                            <a:off x="1518506" y="944487"/>
                            <a:ext cx="1045210"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Диспетчер ввода</w:t>
                              </w:r>
                            </w:p>
                          </w:txbxContent>
                        </wps:txbx>
                        <wps:bodyPr horzOverflow="overflow" vert="horz" lIns="0" tIns="0" rIns="0" bIns="0" rtlCol="0">
                          <a:noAutofit/>
                        </wps:bodyPr>
                      </wps:wsp>
                      <wps:wsp>
                        <wps:cNvPr id="4654" name="Rectangle 4654"/>
                        <wps:cNvSpPr/>
                        <wps:spPr>
                          <a:xfrm>
                            <a:off x="2304387" y="928302"/>
                            <a:ext cx="40521" cy="13563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w:t>
                              </w:r>
                            </w:p>
                          </w:txbxContent>
                        </wps:txbx>
                        <wps:bodyPr horzOverflow="overflow" vert="horz" lIns="0" tIns="0" rIns="0" bIns="0" rtlCol="0">
                          <a:noAutofit/>
                        </wps:bodyPr>
                      </wps:wsp>
                      <wps:wsp>
                        <wps:cNvPr id="4655" name="Rectangle 4655"/>
                        <wps:cNvSpPr/>
                        <wps:spPr>
                          <a:xfrm>
                            <a:off x="2334806" y="944487"/>
                            <a:ext cx="472743"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вывода</w:t>
                              </w:r>
                            </w:p>
                          </w:txbxContent>
                        </wps:txbx>
                        <wps:bodyPr horzOverflow="overflow" vert="horz" lIns="0" tIns="0" rIns="0" bIns="0" rtlCol="0">
                          <a:noAutofit/>
                        </wps:bodyPr>
                      </wps:wsp>
                      <wps:wsp>
                        <wps:cNvPr id="4657" name="Shape 4657"/>
                        <wps:cNvSpPr/>
                        <wps:spPr>
                          <a:xfrm>
                            <a:off x="1564098" y="1080200"/>
                            <a:ext cx="540281" cy="324067"/>
                          </a:xfrm>
                          <a:custGeom>
                            <a:avLst/>
                            <a:gdLst/>
                            <a:ahLst/>
                            <a:cxnLst/>
                            <a:rect l="0" t="0" r="0" b="0"/>
                            <a:pathLst>
                              <a:path w="540281" h="324067">
                                <a:moveTo>
                                  <a:pt x="0" y="324067"/>
                                </a:moveTo>
                                <a:lnTo>
                                  <a:pt x="540281" y="324067"/>
                                </a:lnTo>
                                <a:lnTo>
                                  <a:pt x="540281"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4659" name="Shape 4659"/>
                        <wps:cNvSpPr/>
                        <wps:spPr>
                          <a:xfrm>
                            <a:off x="2104410" y="1080200"/>
                            <a:ext cx="540281" cy="324067"/>
                          </a:xfrm>
                          <a:custGeom>
                            <a:avLst/>
                            <a:gdLst/>
                            <a:ahLst/>
                            <a:cxnLst/>
                            <a:rect l="0" t="0" r="0" b="0"/>
                            <a:pathLst>
                              <a:path w="540281" h="324067">
                                <a:moveTo>
                                  <a:pt x="0" y="324067"/>
                                </a:moveTo>
                                <a:lnTo>
                                  <a:pt x="540281" y="324067"/>
                                </a:lnTo>
                                <a:lnTo>
                                  <a:pt x="540281"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4660" name="Rectangle 4660"/>
                        <wps:cNvSpPr/>
                        <wps:spPr>
                          <a:xfrm>
                            <a:off x="2265275" y="1132025"/>
                            <a:ext cx="250198" cy="13563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s:wsp>
                        <wps:cNvPr id="4661" name="Rectangle 4661"/>
                        <wps:cNvSpPr/>
                        <wps:spPr>
                          <a:xfrm>
                            <a:off x="2453359" y="1132025"/>
                            <a:ext cx="40521" cy="13563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662" name="Rectangle 4662"/>
                        <wps:cNvSpPr/>
                        <wps:spPr>
                          <a:xfrm>
                            <a:off x="2146799" y="1257960"/>
                            <a:ext cx="605769"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оцедура</w:t>
                              </w:r>
                            </w:p>
                          </w:txbxContent>
                        </wps:txbx>
                        <wps:bodyPr horzOverflow="overflow" vert="horz" lIns="0" tIns="0" rIns="0" bIns="0" rtlCol="0">
                          <a:noAutofit/>
                        </wps:bodyPr>
                      </wps:wsp>
                      <wps:wsp>
                        <wps:cNvPr id="4663" name="Shape 4663"/>
                        <wps:cNvSpPr/>
                        <wps:spPr>
                          <a:xfrm>
                            <a:off x="2344946" y="438466"/>
                            <a:ext cx="153775" cy="641734"/>
                          </a:xfrm>
                          <a:custGeom>
                            <a:avLst/>
                            <a:gdLst/>
                            <a:ahLst/>
                            <a:cxnLst/>
                            <a:rect l="0" t="0" r="0" b="0"/>
                            <a:pathLst>
                              <a:path w="153775" h="641734">
                                <a:moveTo>
                                  <a:pt x="29581" y="641734"/>
                                </a:moveTo>
                                <a:cubicBezTo>
                                  <a:pt x="153775" y="315989"/>
                                  <a:pt x="141425" y="48092"/>
                                  <a:pt x="0" y="0"/>
                                </a:cubicBezTo>
                              </a:path>
                            </a:pathLst>
                          </a:custGeom>
                          <a:ln w="5488" cap="rnd">
                            <a:round/>
                          </a:ln>
                        </wps:spPr>
                        <wps:style>
                          <a:lnRef idx="1">
                            <a:srgbClr val="000000"/>
                          </a:lnRef>
                          <a:fillRef idx="0">
                            <a:srgbClr val="000000">
                              <a:alpha val="0"/>
                            </a:srgbClr>
                          </a:fillRef>
                          <a:effectRef idx="0">
                            <a:scrgbClr r="0" g="0" b="0"/>
                          </a:effectRef>
                          <a:fontRef idx="none"/>
                        </wps:style>
                        <wps:bodyPr/>
                      </wps:wsp>
                      <wps:wsp>
                        <wps:cNvPr id="4664" name="Shape 4664"/>
                        <wps:cNvSpPr/>
                        <wps:spPr>
                          <a:xfrm>
                            <a:off x="2277321" y="414458"/>
                            <a:ext cx="76087" cy="49160"/>
                          </a:xfrm>
                          <a:custGeom>
                            <a:avLst/>
                            <a:gdLst/>
                            <a:ahLst/>
                            <a:cxnLst/>
                            <a:rect l="0" t="0" r="0" b="0"/>
                            <a:pathLst>
                              <a:path w="76087" h="49160">
                                <a:moveTo>
                                  <a:pt x="76087" y="0"/>
                                </a:moveTo>
                                <a:lnTo>
                                  <a:pt x="71437" y="49160"/>
                                </a:lnTo>
                                <a:lnTo>
                                  <a:pt x="0" y="17607"/>
                                </a:lnTo>
                                <a:lnTo>
                                  <a:pt x="7608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665" name="Shape 4665"/>
                        <wps:cNvSpPr/>
                        <wps:spPr>
                          <a:xfrm>
                            <a:off x="2709525" y="1080200"/>
                            <a:ext cx="151260" cy="151288"/>
                          </a:xfrm>
                          <a:custGeom>
                            <a:avLst/>
                            <a:gdLst/>
                            <a:ahLst/>
                            <a:cxnLst/>
                            <a:rect l="0" t="0" r="0" b="0"/>
                            <a:pathLst>
                              <a:path w="151260" h="151288">
                                <a:moveTo>
                                  <a:pt x="75630" y="0"/>
                                </a:moveTo>
                                <a:cubicBezTo>
                                  <a:pt x="117409" y="0"/>
                                  <a:pt x="151260" y="33839"/>
                                  <a:pt x="151260" y="75605"/>
                                </a:cubicBezTo>
                                <a:cubicBezTo>
                                  <a:pt x="151260" y="117371"/>
                                  <a:pt x="117409" y="151288"/>
                                  <a:pt x="75630" y="151288"/>
                                </a:cubicBezTo>
                                <a:cubicBezTo>
                                  <a:pt x="33851" y="151288"/>
                                  <a:pt x="0" y="117371"/>
                                  <a:pt x="0" y="75605"/>
                                </a:cubicBezTo>
                                <a:cubicBezTo>
                                  <a:pt x="0" y="33839"/>
                                  <a:pt x="33851" y="0"/>
                                  <a:pt x="75630"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666" name="Shape 4666"/>
                        <wps:cNvSpPr/>
                        <wps:spPr>
                          <a:xfrm>
                            <a:off x="2709525" y="1080200"/>
                            <a:ext cx="151260" cy="151288"/>
                          </a:xfrm>
                          <a:custGeom>
                            <a:avLst/>
                            <a:gdLst/>
                            <a:ahLst/>
                            <a:cxnLst/>
                            <a:rect l="0" t="0" r="0" b="0"/>
                            <a:pathLst>
                              <a:path w="151260" h="151288">
                                <a:moveTo>
                                  <a:pt x="151260" y="75605"/>
                                </a:moveTo>
                                <a:cubicBezTo>
                                  <a:pt x="151260" y="33839"/>
                                  <a:pt x="117409" y="0"/>
                                  <a:pt x="75630" y="0"/>
                                </a:cubicBezTo>
                                <a:cubicBezTo>
                                  <a:pt x="33851" y="0"/>
                                  <a:pt x="0" y="33839"/>
                                  <a:pt x="0" y="75605"/>
                                </a:cubicBezTo>
                                <a:cubicBezTo>
                                  <a:pt x="0" y="117371"/>
                                  <a:pt x="33851" y="151288"/>
                                  <a:pt x="75630" y="151288"/>
                                </a:cubicBezTo>
                                <a:cubicBezTo>
                                  <a:pt x="117409" y="151288"/>
                                  <a:pt x="151260" y="117371"/>
                                  <a:pt x="151260" y="75605"/>
                                </a:cubicBezTo>
                                <a:close/>
                              </a:path>
                            </a:pathLst>
                          </a:custGeom>
                          <a:ln w="5488" cap="rnd">
                            <a:round/>
                          </a:ln>
                        </wps:spPr>
                        <wps:style>
                          <a:lnRef idx="1">
                            <a:srgbClr val="000000"/>
                          </a:lnRef>
                          <a:fillRef idx="0">
                            <a:srgbClr val="000000">
                              <a:alpha val="0"/>
                            </a:srgbClr>
                          </a:fillRef>
                          <a:effectRef idx="0">
                            <a:scrgbClr r="0" g="0" b="0"/>
                          </a:effectRef>
                          <a:fontRef idx="none"/>
                        </wps:style>
                        <wps:bodyPr/>
                      </wps:wsp>
                      <wps:wsp>
                        <wps:cNvPr id="4667" name="Rectangle 4667"/>
                        <wps:cNvSpPr/>
                        <wps:spPr>
                          <a:xfrm>
                            <a:off x="2759691" y="1100472"/>
                            <a:ext cx="67673" cy="13563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w:t>
                              </w:r>
                            </w:p>
                          </w:txbxContent>
                        </wps:txbx>
                        <wps:bodyPr horzOverflow="overflow" vert="horz" lIns="0" tIns="0" rIns="0" bIns="0" rtlCol="0">
                          <a:noAutofit/>
                        </wps:bodyPr>
                      </wps:wsp>
                      <wps:wsp>
                        <wps:cNvPr id="4668" name="Rectangle 4668"/>
                        <wps:cNvSpPr/>
                        <wps:spPr>
                          <a:xfrm>
                            <a:off x="2921090" y="1095899"/>
                            <a:ext cx="250198"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s:wsp>
                        <wps:cNvPr id="4669" name="Rectangle 4669"/>
                        <wps:cNvSpPr/>
                        <wps:spPr>
                          <a:xfrm>
                            <a:off x="3109174" y="1095899"/>
                            <a:ext cx="40521"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670" name="Rectangle 4670"/>
                        <wps:cNvSpPr/>
                        <wps:spPr>
                          <a:xfrm>
                            <a:off x="3139670" y="1112085"/>
                            <a:ext cx="1415510"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а режима ядра </w:t>
                              </w:r>
                            </w:p>
                          </w:txbxContent>
                        </wps:txbx>
                        <wps:bodyPr horzOverflow="overflow" vert="horz" lIns="0" tIns="0" rIns="0" bIns="0" rtlCol="0">
                          <a:noAutofit/>
                        </wps:bodyPr>
                      </wps:wsp>
                      <wps:wsp>
                        <wps:cNvPr id="4671" name="Rectangle 4671"/>
                        <wps:cNvSpPr/>
                        <wps:spPr>
                          <a:xfrm>
                            <a:off x="2921090" y="1221835"/>
                            <a:ext cx="1826827"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записывает данные в адресное </w:t>
                              </w:r>
                            </w:p>
                          </w:txbxContent>
                        </wps:txbx>
                        <wps:bodyPr horzOverflow="overflow" vert="horz" lIns="0" tIns="0" rIns="0" bIns="0" rtlCol="0">
                          <a:noAutofit/>
                        </wps:bodyPr>
                      </wps:wsp>
                      <wps:wsp>
                        <wps:cNvPr id="4672" name="Rectangle 4672"/>
                        <wps:cNvSpPr/>
                        <wps:spPr>
                          <a:xfrm>
                            <a:off x="2921090" y="1331585"/>
                            <a:ext cx="1180900"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остранство потока</w:t>
                              </w:r>
                            </w:p>
                          </w:txbxContent>
                        </wps:txbx>
                        <wps:bodyPr horzOverflow="overflow" vert="horz" lIns="0" tIns="0" rIns="0" bIns="0" rtlCol="0">
                          <a:noAutofit/>
                        </wps:bodyPr>
                      </wps:wsp>
                      <wps:wsp>
                        <wps:cNvPr id="4673" name="Rectangle 4673"/>
                        <wps:cNvSpPr/>
                        <wps:spPr>
                          <a:xfrm>
                            <a:off x="3808979" y="1315399"/>
                            <a:ext cx="67615" cy="13563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674" name="Rectangle 4674"/>
                        <wps:cNvSpPr/>
                        <wps:spPr>
                          <a:xfrm>
                            <a:off x="3859831" y="1331585"/>
                            <a:ext cx="629755"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ереводит </w:t>
                              </w:r>
                            </w:p>
                          </w:txbxContent>
                        </wps:txbx>
                        <wps:bodyPr horzOverflow="overflow" vert="horz" lIns="0" tIns="0" rIns="0" bIns="0" rtlCol="0">
                          <a:noAutofit/>
                        </wps:bodyPr>
                      </wps:wsp>
                      <wps:wsp>
                        <wps:cNvPr id="4675" name="Rectangle 4675"/>
                        <wps:cNvSpPr/>
                        <wps:spPr>
                          <a:xfrm>
                            <a:off x="2921090" y="1441335"/>
                            <a:ext cx="1766235"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писатель файла в свободное </w:t>
                              </w:r>
                            </w:p>
                          </w:txbxContent>
                        </wps:txbx>
                        <wps:bodyPr horzOverflow="overflow" vert="horz" lIns="0" tIns="0" rIns="0" bIns="0" rtlCol="0">
                          <a:noAutofit/>
                        </wps:bodyPr>
                      </wps:wsp>
                      <wps:wsp>
                        <wps:cNvPr id="4676" name="Rectangle 4676"/>
                        <wps:cNvSpPr/>
                        <wps:spPr>
                          <a:xfrm>
                            <a:off x="2921090" y="1551085"/>
                            <a:ext cx="581471"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остояние</w:t>
                              </w:r>
                            </w:p>
                          </w:txbxContent>
                        </wps:txbx>
                        <wps:bodyPr horzOverflow="overflow" vert="horz" lIns="0" tIns="0" rIns="0" bIns="0" rtlCol="0">
                          <a:noAutofit/>
                        </wps:bodyPr>
                      </wps:wsp>
                      <wps:wsp>
                        <wps:cNvPr id="4677" name="Rectangle 4677"/>
                        <wps:cNvSpPr/>
                        <wps:spPr>
                          <a:xfrm>
                            <a:off x="3358249" y="1534899"/>
                            <a:ext cx="67615"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678" name="Rectangle 4678"/>
                        <wps:cNvSpPr/>
                        <wps:spPr>
                          <a:xfrm>
                            <a:off x="3409101" y="1551085"/>
                            <a:ext cx="1007156"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тавит в очередь </w:t>
                              </w:r>
                            </w:p>
                          </w:txbxContent>
                        </wps:txbx>
                        <wps:bodyPr horzOverflow="overflow" vert="horz" lIns="0" tIns="0" rIns="0" bIns="0" rtlCol="0">
                          <a:noAutofit/>
                        </wps:bodyPr>
                      </wps:wsp>
                      <wps:wsp>
                        <wps:cNvPr id="4679" name="Rectangle 4679"/>
                        <wps:cNvSpPr/>
                        <wps:spPr>
                          <a:xfrm>
                            <a:off x="2921090" y="1660835"/>
                            <a:ext cx="420907"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любые </w:t>
                              </w:r>
                            </w:p>
                          </w:txbxContent>
                        </wps:txbx>
                        <wps:bodyPr horzOverflow="overflow" vert="horz" lIns="0" tIns="0" rIns="0" bIns="0" rtlCol="0">
                          <a:noAutofit/>
                        </wps:bodyPr>
                      </wps:wsp>
                      <wps:wsp>
                        <wps:cNvPr id="4680" name="Rectangle 4680"/>
                        <wps:cNvSpPr/>
                        <wps:spPr>
                          <a:xfrm>
                            <a:off x="3237561" y="1644649"/>
                            <a:ext cx="284003" cy="13563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APC </w:t>
                              </w:r>
                            </w:p>
                          </w:txbxContent>
                        </wps:txbx>
                        <wps:bodyPr horzOverflow="overflow" vert="horz" lIns="0" tIns="0" rIns="0" bIns="0" rtlCol="0">
                          <a:noAutofit/>
                        </wps:bodyPr>
                      </wps:wsp>
                      <wps:wsp>
                        <wps:cNvPr id="4681" name="Rectangle 4681"/>
                        <wps:cNvSpPr/>
                        <wps:spPr>
                          <a:xfrm>
                            <a:off x="3451033" y="1660835"/>
                            <a:ext cx="1109167"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льзовательского </w:t>
                              </w:r>
                            </w:p>
                          </w:txbxContent>
                        </wps:txbx>
                        <wps:bodyPr horzOverflow="overflow" vert="horz" lIns="0" tIns="0" rIns="0" bIns="0" rtlCol="0">
                          <a:noAutofit/>
                        </wps:bodyPr>
                      </wps:wsp>
                      <wps:wsp>
                        <wps:cNvPr id="4682" name="Rectangle 4682"/>
                        <wps:cNvSpPr/>
                        <wps:spPr>
                          <a:xfrm>
                            <a:off x="2921090" y="1770585"/>
                            <a:ext cx="1065266"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режима и удаляет </w:t>
                              </w:r>
                            </w:p>
                          </w:txbxContent>
                        </wps:txbx>
                        <wps:bodyPr horzOverflow="overflow" vert="horz" lIns="0" tIns="0" rIns="0" bIns="0" rtlCol="0">
                          <a:noAutofit/>
                        </wps:bodyPr>
                      </wps:wsp>
                      <wps:wsp>
                        <wps:cNvPr id="4683" name="Rectangle 4683"/>
                        <wps:cNvSpPr/>
                        <wps:spPr>
                          <a:xfrm>
                            <a:off x="3721989" y="1754399"/>
                            <a:ext cx="202839"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4685" name="Shape 4685"/>
                        <wps:cNvSpPr/>
                        <wps:spPr>
                          <a:xfrm>
                            <a:off x="2100673" y="1814740"/>
                            <a:ext cx="648336" cy="108020"/>
                          </a:xfrm>
                          <a:custGeom>
                            <a:avLst/>
                            <a:gdLst/>
                            <a:ahLst/>
                            <a:cxnLst/>
                            <a:rect l="0" t="0" r="0" b="0"/>
                            <a:pathLst>
                              <a:path w="648336" h="108020">
                                <a:moveTo>
                                  <a:pt x="0" y="108020"/>
                                </a:moveTo>
                                <a:lnTo>
                                  <a:pt x="648336" y="108020"/>
                                </a:lnTo>
                                <a:lnTo>
                                  <a:pt x="648336"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69451" name="Shape 69451"/>
                        <wps:cNvSpPr/>
                        <wps:spPr>
                          <a:xfrm>
                            <a:off x="2100673" y="1922760"/>
                            <a:ext cx="648336" cy="324068"/>
                          </a:xfrm>
                          <a:custGeom>
                            <a:avLst/>
                            <a:gdLst/>
                            <a:ahLst/>
                            <a:cxnLst/>
                            <a:rect l="0" t="0" r="0" b="0"/>
                            <a:pathLst>
                              <a:path w="648336" h="324068">
                                <a:moveTo>
                                  <a:pt x="0" y="0"/>
                                </a:moveTo>
                                <a:lnTo>
                                  <a:pt x="648336" y="0"/>
                                </a:lnTo>
                                <a:lnTo>
                                  <a:pt x="648336" y="324068"/>
                                </a:lnTo>
                                <a:lnTo>
                                  <a:pt x="0" y="32406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687" name="Shape 4687"/>
                        <wps:cNvSpPr/>
                        <wps:spPr>
                          <a:xfrm>
                            <a:off x="2100673" y="1922760"/>
                            <a:ext cx="648336" cy="324068"/>
                          </a:xfrm>
                          <a:custGeom>
                            <a:avLst/>
                            <a:gdLst/>
                            <a:ahLst/>
                            <a:cxnLst/>
                            <a:rect l="0" t="0" r="0" b="0"/>
                            <a:pathLst>
                              <a:path w="648336" h="324068">
                                <a:moveTo>
                                  <a:pt x="0" y="324068"/>
                                </a:moveTo>
                                <a:lnTo>
                                  <a:pt x="648336" y="324068"/>
                                </a:lnTo>
                                <a:lnTo>
                                  <a:pt x="648336"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4689" name="Shape 4689"/>
                        <wps:cNvSpPr/>
                        <wps:spPr>
                          <a:xfrm>
                            <a:off x="2100673" y="2246882"/>
                            <a:ext cx="648336" cy="108020"/>
                          </a:xfrm>
                          <a:custGeom>
                            <a:avLst/>
                            <a:gdLst/>
                            <a:ahLst/>
                            <a:cxnLst/>
                            <a:rect l="0" t="0" r="0" b="0"/>
                            <a:pathLst>
                              <a:path w="648336" h="108020">
                                <a:moveTo>
                                  <a:pt x="0" y="108020"/>
                                </a:moveTo>
                                <a:lnTo>
                                  <a:pt x="648336" y="108020"/>
                                </a:lnTo>
                                <a:lnTo>
                                  <a:pt x="648336"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69452" name="Shape 69452"/>
                        <wps:cNvSpPr/>
                        <wps:spPr>
                          <a:xfrm>
                            <a:off x="2100673" y="2354901"/>
                            <a:ext cx="648336" cy="324067"/>
                          </a:xfrm>
                          <a:custGeom>
                            <a:avLst/>
                            <a:gdLst/>
                            <a:ahLst/>
                            <a:cxnLst/>
                            <a:rect l="0" t="0" r="0" b="0"/>
                            <a:pathLst>
                              <a:path w="648336" h="324067">
                                <a:moveTo>
                                  <a:pt x="0" y="0"/>
                                </a:moveTo>
                                <a:lnTo>
                                  <a:pt x="648336" y="0"/>
                                </a:lnTo>
                                <a:lnTo>
                                  <a:pt x="648336" y="324067"/>
                                </a:lnTo>
                                <a:lnTo>
                                  <a:pt x="0" y="324067"/>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691" name="Shape 4691"/>
                        <wps:cNvSpPr/>
                        <wps:spPr>
                          <a:xfrm>
                            <a:off x="2100673" y="2354901"/>
                            <a:ext cx="648336" cy="324067"/>
                          </a:xfrm>
                          <a:custGeom>
                            <a:avLst/>
                            <a:gdLst/>
                            <a:ahLst/>
                            <a:cxnLst/>
                            <a:rect l="0" t="0" r="0" b="0"/>
                            <a:pathLst>
                              <a:path w="648336" h="324067">
                                <a:moveTo>
                                  <a:pt x="0" y="324067"/>
                                </a:moveTo>
                                <a:lnTo>
                                  <a:pt x="648336" y="324067"/>
                                </a:lnTo>
                                <a:lnTo>
                                  <a:pt x="648336"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4693" name="Shape 4693"/>
                        <wps:cNvSpPr/>
                        <wps:spPr>
                          <a:xfrm>
                            <a:off x="2100673" y="2894986"/>
                            <a:ext cx="648336" cy="108020"/>
                          </a:xfrm>
                          <a:custGeom>
                            <a:avLst/>
                            <a:gdLst/>
                            <a:ahLst/>
                            <a:cxnLst/>
                            <a:rect l="0" t="0" r="0" b="0"/>
                            <a:pathLst>
                              <a:path w="648336" h="108020">
                                <a:moveTo>
                                  <a:pt x="0" y="108020"/>
                                </a:moveTo>
                                <a:lnTo>
                                  <a:pt x="648336" y="108020"/>
                                </a:lnTo>
                                <a:lnTo>
                                  <a:pt x="648336"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4695" name="Shape 4695"/>
                        <wps:cNvSpPr/>
                        <wps:spPr>
                          <a:xfrm>
                            <a:off x="2100673" y="2786943"/>
                            <a:ext cx="648336" cy="108020"/>
                          </a:xfrm>
                          <a:custGeom>
                            <a:avLst/>
                            <a:gdLst/>
                            <a:ahLst/>
                            <a:cxnLst/>
                            <a:rect l="0" t="0" r="0" b="0"/>
                            <a:pathLst>
                              <a:path w="648336" h="108020">
                                <a:moveTo>
                                  <a:pt x="0" y="108020"/>
                                </a:moveTo>
                                <a:lnTo>
                                  <a:pt x="648336" y="108020"/>
                                </a:lnTo>
                                <a:lnTo>
                                  <a:pt x="648336"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69453" name="Shape 69453"/>
                        <wps:cNvSpPr/>
                        <wps:spPr>
                          <a:xfrm>
                            <a:off x="2100673" y="2678946"/>
                            <a:ext cx="648336" cy="108020"/>
                          </a:xfrm>
                          <a:custGeom>
                            <a:avLst/>
                            <a:gdLst/>
                            <a:ahLst/>
                            <a:cxnLst/>
                            <a:rect l="0" t="0" r="0" b="0"/>
                            <a:pathLst>
                              <a:path w="648336" h="108020">
                                <a:moveTo>
                                  <a:pt x="0" y="0"/>
                                </a:moveTo>
                                <a:lnTo>
                                  <a:pt x="648336" y="0"/>
                                </a:lnTo>
                                <a:lnTo>
                                  <a:pt x="648336" y="108020"/>
                                </a:lnTo>
                                <a:lnTo>
                                  <a:pt x="0" y="108020"/>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697" name="Shape 4697"/>
                        <wps:cNvSpPr/>
                        <wps:spPr>
                          <a:xfrm>
                            <a:off x="2100673" y="2678946"/>
                            <a:ext cx="648336" cy="108020"/>
                          </a:xfrm>
                          <a:custGeom>
                            <a:avLst/>
                            <a:gdLst/>
                            <a:ahLst/>
                            <a:cxnLst/>
                            <a:rect l="0" t="0" r="0" b="0"/>
                            <a:pathLst>
                              <a:path w="648336" h="108020">
                                <a:moveTo>
                                  <a:pt x="0" y="108020"/>
                                </a:moveTo>
                                <a:lnTo>
                                  <a:pt x="648336" y="108020"/>
                                </a:lnTo>
                                <a:lnTo>
                                  <a:pt x="648336"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4698" name="Shape 4698"/>
                        <wps:cNvSpPr/>
                        <wps:spPr>
                          <a:xfrm>
                            <a:off x="2424845" y="1922760"/>
                            <a:ext cx="0" cy="324068"/>
                          </a:xfrm>
                          <a:custGeom>
                            <a:avLst/>
                            <a:gdLst/>
                            <a:ahLst/>
                            <a:cxnLst/>
                            <a:rect l="0" t="0" r="0" b="0"/>
                            <a:pathLst>
                              <a:path h="324068">
                                <a:moveTo>
                                  <a:pt x="0" y="0"/>
                                </a:moveTo>
                                <a:lnTo>
                                  <a:pt x="0" y="324068"/>
                                </a:lnTo>
                              </a:path>
                            </a:pathLst>
                          </a:custGeom>
                          <a:ln w="5488" cap="rnd">
                            <a:custDash>
                              <a:ds d="1" sp="388878"/>
                            </a:custDash>
                            <a:round/>
                          </a:ln>
                        </wps:spPr>
                        <wps:style>
                          <a:lnRef idx="1">
                            <a:srgbClr val="000000"/>
                          </a:lnRef>
                          <a:fillRef idx="0">
                            <a:srgbClr val="000000">
                              <a:alpha val="0"/>
                            </a:srgbClr>
                          </a:fillRef>
                          <a:effectRef idx="0">
                            <a:scrgbClr r="0" g="0" b="0"/>
                          </a:effectRef>
                          <a:fontRef idx="none"/>
                        </wps:style>
                        <wps:bodyPr/>
                      </wps:wsp>
                      <wps:wsp>
                        <wps:cNvPr id="4699" name="Shape 4699"/>
                        <wps:cNvSpPr/>
                        <wps:spPr>
                          <a:xfrm>
                            <a:off x="2424845" y="2354901"/>
                            <a:ext cx="0" cy="324067"/>
                          </a:xfrm>
                          <a:custGeom>
                            <a:avLst/>
                            <a:gdLst/>
                            <a:ahLst/>
                            <a:cxnLst/>
                            <a:rect l="0" t="0" r="0" b="0"/>
                            <a:pathLst>
                              <a:path h="324067">
                                <a:moveTo>
                                  <a:pt x="0" y="0"/>
                                </a:moveTo>
                                <a:lnTo>
                                  <a:pt x="0" y="324067"/>
                                </a:lnTo>
                              </a:path>
                            </a:pathLst>
                          </a:custGeom>
                          <a:ln w="5488" cap="rnd">
                            <a:custDash>
                              <a:ds d="1" sp="388878"/>
                            </a:custDash>
                            <a:round/>
                          </a:ln>
                        </wps:spPr>
                        <wps:style>
                          <a:lnRef idx="1">
                            <a:srgbClr val="000000"/>
                          </a:lnRef>
                          <a:fillRef idx="0">
                            <a:srgbClr val="000000">
                              <a:alpha val="0"/>
                            </a:srgbClr>
                          </a:fillRef>
                          <a:effectRef idx="0">
                            <a:scrgbClr r="0" g="0" b="0"/>
                          </a:effectRef>
                          <a:fontRef idx="none"/>
                        </wps:style>
                        <wps:bodyPr/>
                      </wps:wsp>
                      <wps:wsp>
                        <wps:cNvPr id="4700" name="Rectangle 4700"/>
                        <wps:cNvSpPr/>
                        <wps:spPr>
                          <a:xfrm>
                            <a:off x="2315594" y="3022691"/>
                            <a:ext cx="290653"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IRQL</w:t>
                              </w:r>
                            </w:p>
                          </w:txbxContent>
                        </wps:txbx>
                        <wps:bodyPr horzOverflow="overflow" vert="horz" lIns="0" tIns="0" rIns="0" bIns="0" rtlCol="0">
                          <a:noAutofit/>
                        </wps:bodyPr>
                      </wps:wsp>
                      <wps:wsp>
                        <wps:cNvPr id="4701" name="Rectangle 4701"/>
                        <wps:cNvSpPr/>
                        <wps:spPr>
                          <a:xfrm>
                            <a:off x="1730453" y="2915867"/>
                            <a:ext cx="459872" cy="135631"/>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Passive</w:t>
                              </w:r>
                              <w:proofErr w:type="spellEnd"/>
                              <w:r>
                                <w:rPr>
                                  <w:rFonts w:ascii="Arial" w:eastAsia="Arial" w:hAnsi="Arial" w:cs="Arial"/>
                                  <w:sz w:val="14"/>
                                </w:rPr>
                                <w:t xml:space="preserve"> </w:t>
                              </w:r>
                            </w:p>
                          </w:txbxContent>
                        </wps:txbx>
                        <wps:bodyPr horzOverflow="overflow" vert="horz" lIns="0" tIns="0" rIns="0" bIns="0" rtlCol="0">
                          <a:noAutofit/>
                        </wps:bodyPr>
                      </wps:wsp>
                      <wps:wsp>
                        <wps:cNvPr id="4702" name="Rectangle 4702"/>
                        <wps:cNvSpPr/>
                        <wps:spPr>
                          <a:xfrm>
                            <a:off x="1876986" y="2807847"/>
                            <a:ext cx="250198"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s:wsp>
                        <wps:cNvPr id="4703" name="Rectangle 4703"/>
                        <wps:cNvSpPr/>
                        <wps:spPr>
                          <a:xfrm>
                            <a:off x="1500590" y="2699850"/>
                            <a:ext cx="256908"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4704" name="Rectangle 4704"/>
                        <wps:cNvSpPr/>
                        <wps:spPr>
                          <a:xfrm>
                            <a:off x="1693705" y="2699850"/>
                            <a:ext cx="33807"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705" name="Rectangle 4705"/>
                        <wps:cNvSpPr/>
                        <wps:spPr>
                          <a:xfrm>
                            <a:off x="1719170" y="2699850"/>
                            <a:ext cx="453215" cy="135631"/>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ispatch</w:t>
                              </w:r>
                              <w:proofErr w:type="spellEnd"/>
                            </w:p>
                          </w:txbxContent>
                        </wps:txbx>
                        <wps:bodyPr horzOverflow="overflow" vert="horz" lIns="0" tIns="0" rIns="0" bIns="0" rtlCol="0">
                          <a:noAutofit/>
                        </wps:bodyPr>
                      </wps:wsp>
                      <wps:wsp>
                        <wps:cNvPr id="4706" name="Rectangle 4706"/>
                        <wps:cNvSpPr/>
                        <wps:spPr>
                          <a:xfrm>
                            <a:off x="1494338" y="2289354"/>
                            <a:ext cx="750640" cy="135631"/>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evice</w:t>
                              </w:r>
                              <w:proofErr w:type="spellEnd"/>
                              <w:r>
                                <w:rPr>
                                  <w:rFonts w:ascii="Arial" w:eastAsia="Arial" w:hAnsi="Arial" w:cs="Arial"/>
                                  <w:sz w:val="14"/>
                                </w:rPr>
                                <w:t xml:space="preserve"> </w:t>
                              </w:r>
                              <w:proofErr w:type="spellStart"/>
                              <w:r>
                                <w:rPr>
                                  <w:rFonts w:ascii="Arial" w:eastAsia="Arial" w:hAnsi="Arial" w:cs="Arial"/>
                                  <w:sz w:val="14"/>
                                </w:rPr>
                                <w:t>printer</w:t>
                              </w:r>
                              <w:proofErr w:type="spellEnd"/>
                            </w:p>
                          </w:txbxContent>
                        </wps:txbx>
                        <wps:bodyPr horzOverflow="overflow" vert="horz" lIns="0" tIns="0" rIns="0" bIns="0" rtlCol="0">
                          <a:noAutofit/>
                        </wps:bodyPr>
                      </wps:wsp>
                      <wps:wsp>
                        <wps:cNvPr id="4707" name="Rectangle 4707"/>
                        <wps:cNvSpPr/>
                        <wps:spPr>
                          <a:xfrm>
                            <a:off x="1892463" y="1835645"/>
                            <a:ext cx="250251" cy="135631"/>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High</w:t>
                              </w:r>
                              <w:proofErr w:type="spellEnd"/>
                            </w:p>
                          </w:txbxContent>
                        </wps:txbx>
                        <wps:bodyPr horzOverflow="overflow" vert="horz" lIns="0" tIns="0" rIns="0" bIns="0" rtlCol="0">
                          <a:noAutofit/>
                        </wps:bodyPr>
                      </wps:wsp>
                      <wps:wsp>
                        <wps:cNvPr id="4708" name="Shape 4708"/>
                        <wps:cNvSpPr/>
                        <wps:spPr>
                          <a:xfrm>
                            <a:off x="2496206" y="1398398"/>
                            <a:ext cx="428315" cy="1442604"/>
                          </a:xfrm>
                          <a:custGeom>
                            <a:avLst/>
                            <a:gdLst/>
                            <a:ahLst/>
                            <a:cxnLst/>
                            <a:rect l="0" t="0" r="0" b="0"/>
                            <a:pathLst>
                              <a:path w="428315" h="1442604">
                                <a:moveTo>
                                  <a:pt x="252811" y="1442604"/>
                                </a:moveTo>
                                <a:cubicBezTo>
                                  <a:pt x="428315" y="636246"/>
                                  <a:pt x="319216" y="13719"/>
                                  <a:pt x="0" y="0"/>
                                </a:cubicBezTo>
                              </a:path>
                            </a:pathLst>
                          </a:custGeom>
                          <a:ln w="5488" cap="rnd">
                            <a:round/>
                          </a:ln>
                        </wps:spPr>
                        <wps:style>
                          <a:lnRef idx="1">
                            <a:srgbClr val="000000"/>
                          </a:lnRef>
                          <a:fillRef idx="0">
                            <a:srgbClr val="000000">
                              <a:alpha val="0"/>
                            </a:srgbClr>
                          </a:fillRef>
                          <a:effectRef idx="0">
                            <a:scrgbClr r="0" g="0" b="0"/>
                          </a:effectRef>
                          <a:fontRef idx="none"/>
                        </wps:style>
                        <wps:bodyPr/>
                      </wps:wsp>
                      <wps:wsp>
                        <wps:cNvPr id="4709" name="Shape 4709"/>
                        <wps:cNvSpPr/>
                        <wps:spPr>
                          <a:xfrm>
                            <a:off x="2428581" y="1373248"/>
                            <a:ext cx="75935" cy="49235"/>
                          </a:xfrm>
                          <a:custGeom>
                            <a:avLst/>
                            <a:gdLst/>
                            <a:ahLst/>
                            <a:cxnLst/>
                            <a:rect l="0" t="0" r="0" b="0"/>
                            <a:pathLst>
                              <a:path w="75935" h="49235">
                                <a:moveTo>
                                  <a:pt x="71665" y="0"/>
                                </a:moveTo>
                                <a:lnTo>
                                  <a:pt x="75935" y="49235"/>
                                </a:lnTo>
                                <a:lnTo>
                                  <a:pt x="0" y="31019"/>
                                </a:lnTo>
                                <a:lnTo>
                                  <a:pt x="7166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710" name="Shape 4710"/>
                        <wps:cNvSpPr/>
                        <wps:spPr>
                          <a:xfrm>
                            <a:off x="3001294" y="2225259"/>
                            <a:ext cx="151260" cy="151212"/>
                          </a:xfrm>
                          <a:custGeom>
                            <a:avLst/>
                            <a:gdLst/>
                            <a:ahLst/>
                            <a:cxnLst/>
                            <a:rect l="0" t="0" r="0" b="0"/>
                            <a:pathLst>
                              <a:path w="151260" h="151212">
                                <a:moveTo>
                                  <a:pt x="75630" y="0"/>
                                </a:moveTo>
                                <a:cubicBezTo>
                                  <a:pt x="117409" y="0"/>
                                  <a:pt x="151260" y="33840"/>
                                  <a:pt x="151260" y="75605"/>
                                </a:cubicBezTo>
                                <a:cubicBezTo>
                                  <a:pt x="151260" y="117372"/>
                                  <a:pt x="117409" y="151212"/>
                                  <a:pt x="75630" y="151212"/>
                                </a:cubicBezTo>
                                <a:cubicBezTo>
                                  <a:pt x="33851" y="151212"/>
                                  <a:pt x="0" y="117372"/>
                                  <a:pt x="0" y="75605"/>
                                </a:cubicBezTo>
                                <a:cubicBezTo>
                                  <a:pt x="0" y="33840"/>
                                  <a:pt x="33851" y="0"/>
                                  <a:pt x="75630"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711" name="Shape 4711"/>
                        <wps:cNvSpPr/>
                        <wps:spPr>
                          <a:xfrm>
                            <a:off x="3001294" y="2225259"/>
                            <a:ext cx="151260" cy="151212"/>
                          </a:xfrm>
                          <a:custGeom>
                            <a:avLst/>
                            <a:gdLst/>
                            <a:ahLst/>
                            <a:cxnLst/>
                            <a:rect l="0" t="0" r="0" b="0"/>
                            <a:pathLst>
                              <a:path w="151260" h="151212">
                                <a:moveTo>
                                  <a:pt x="151260" y="75605"/>
                                </a:moveTo>
                                <a:cubicBezTo>
                                  <a:pt x="151260" y="33840"/>
                                  <a:pt x="117409" y="0"/>
                                  <a:pt x="75630" y="0"/>
                                </a:cubicBezTo>
                                <a:cubicBezTo>
                                  <a:pt x="33851" y="0"/>
                                  <a:pt x="0" y="33840"/>
                                  <a:pt x="0" y="75605"/>
                                </a:cubicBezTo>
                                <a:cubicBezTo>
                                  <a:pt x="0" y="117372"/>
                                  <a:pt x="33851" y="151212"/>
                                  <a:pt x="75630" y="151212"/>
                                </a:cubicBezTo>
                                <a:cubicBezTo>
                                  <a:pt x="117409" y="151212"/>
                                  <a:pt x="151260" y="117372"/>
                                  <a:pt x="151260" y="75605"/>
                                </a:cubicBezTo>
                                <a:close/>
                              </a:path>
                            </a:pathLst>
                          </a:custGeom>
                          <a:ln w="5488" cap="rnd">
                            <a:round/>
                          </a:ln>
                        </wps:spPr>
                        <wps:style>
                          <a:lnRef idx="1">
                            <a:srgbClr val="000000"/>
                          </a:lnRef>
                          <a:fillRef idx="0">
                            <a:srgbClr val="000000">
                              <a:alpha val="0"/>
                            </a:srgbClr>
                          </a:fillRef>
                          <a:effectRef idx="0">
                            <a:scrgbClr r="0" g="0" b="0"/>
                          </a:effectRef>
                          <a:fontRef idx="none"/>
                        </wps:style>
                        <wps:bodyPr/>
                      </wps:wsp>
                      <wps:wsp>
                        <wps:cNvPr id="4712" name="Rectangle 4712"/>
                        <wps:cNvSpPr/>
                        <wps:spPr>
                          <a:xfrm>
                            <a:off x="3051460" y="2245531"/>
                            <a:ext cx="67673"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4713" name="Rectangle 4713"/>
                        <wps:cNvSpPr/>
                        <wps:spPr>
                          <a:xfrm>
                            <a:off x="3215452" y="2248912"/>
                            <a:ext cx="1358710"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прерываний </w:t>
                              </w:r>
                            </w:p>
                          </w:txbxContent>
                        </wps:txbx>
                        <wps:bodyPr horzOverflow="overflow" vert="horz" lIns="0" tIns="0" rIns="0" bIns="0" rtlCol="0">
                          <a:noAutofit/>
                        </wps:bodyPr>
                      </wps:wsp>
                      <wps:wsp>
                        <wps:cNvPr id="4714" name="Rectangle 4714"/>
                        <wps:cNvSpPr/>
                        <wps:spPr>
                          <a:xfrm>
                            <a:off x="3215452" y="2358662"/>
                            <a:ext cx="1266853"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ередает управление </w:t>
                              </w:r>
                            </w:p>
                          </w:txbxContent>
                        </wps:txbx>
                        <wps:bodyPr horzOverflow="overflow" vert="horz" lIns="0" tIns="0" rIns="0" bIns="0" rtlCol="0">
                          <a:noAutofit/>
                        </wps:bodyPr>
                      </wps:wsp>
                      <wps:wsp>
                        <wps:cNvPr id="4715" name="Rectangle 4715"/>
                        <wps:cNvSpPr/>
                        <wps:spPr>
                          <a:xfrm>
                            <a:off x="3215452" y="2452226"/>
                            <a:ext cx="250198"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s:wsp>
                        <wps:cNvPr id="4716" name="Rectangle 4716"/>
                        <wps:cNvSpPr/>
                        <wps:spPr>
                          <a:xfrm>
                            <a:off x="3403612" y="2452226"/>
                            <a:ext cx="40521"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717" name="Rectangle 4717"/>
                        <wps:cNvSpPr/>
                        <wps:spPr>
                          <a:xfrm>
                            <a:off x="3434032" y="2468413"/>
                            <a:ext cx="639615"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е </w:t>
                              </w:r>
                            </w:p>
                          </w:txbxContent>
                        </wps:txbx>
                        <wps:bodyPr horzOverflow="overflow" vert="horz" lIns="0" tIns="0" rIns="0" bIns="0" rtlCol="0">
                          <a:noAutofit/>
                        </wps:bodyPr>
                      </wps:wsp>
                      <wps:wsp>
                        <wps:cNvPr id="4718" name="Rectangle 4718"/>
                        <wps:cNvSpPr/>
                        <wps:spPr>
                          <a:xfrm>
                            <a:off x="3215452" y="2578162"/>
                            <a:ext cx="1024941"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а ввода</w:t>
                              </w:r>
                            </w:p>
                          </w:txbxContent>
                        </wps:txbx>
                        <wps:bodyPr horzOverflow="overflow" vert="horz" lIns="0" tIns="0" rIns="0" bIns="0" rtlCol="0">
                          <a:noAutofit/>
                        </wps:bodyPr>
                      </wps:wsp>
                      <wps:wsp>
                        <wps:cNvPr id="4719" name="Rectangle 4719"/>
                        <wps:cNvSpPr/>
                        <wps:spPr>
                          <a:xfrm>
                            <a:off x="3986084" y="2561976"/>
                            <a:ext cx="40521"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720" name="Rectangle 4720"/>
                        <wps:cNvSpPr/>
                        <wps:spPr>
                          <a:xfrm>
                            <a:off x="4016580" y="2578162"/>
                            <a:ext cx="423070"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4721" name="Shape 4721"/>
                        <wps:cNvSpPr/>
                        <wps:spPr>
                          <a:xfrm>
                            <a:off x="8104" y="2333256"/>
                            <a:ext cx="151283" cy="151211"/>
                          </a:xfrm>
                          <a:custGeom>
                            <a:avLst/>
                            <a:gdLst/>
                            <a:ahLst/>
                            <a:cxnLst/>
                            <a:rect l="0" t="0" r="0" b="0"/>
                            <a:pathLst>
                              <a:path w="151283" h="151211">
                                <a:moveTo>
                                  <a:pt x="75637" y="0"/>
                                </a:moveTo>
                                <a:cubicBezTo>
                                  <a:pt x="117417" y="0"/>
                                  <a:pt x="151283" y="33840"/>
                                  <a:pt x="151283" y="75605"/>
                                </a:cubicBezTo>
                                <a:cubicBezTo>
                                  <a:pt x="151283" y="117371"/>
                                  <a:pt x="117417" y="151211"/>
                                  <a:pt x="75637" y="151211"/>
                                </a:cubicBezTo>
                                <a:cubicBezTo>
                                  <a:pt x="33865" y="151211"/>
                                  <a:pt x="0" y="117371"/>
                                  <a:pt x="0" y="75605"/>
                                </a:cubicBezTo>
                                <a:cubicBezTo>
                                  <a:pt x="0" y="33840"/>
                                  <a:pt x="33865" y="0"/>
                                  <a:pt x="75637"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722" name="Shape 4722"/>
                        <wps:cNvSpPr/>
                        <wps:spPr>
                          <a:xfrm>
                            <a:off x="8104" y="2333256"/>
                            <a:ext cx="151283" cy="151211"/>
                          </a:xfrm>
                          <a:custGeom>
                            <a:avLst/>
                            <a:gdLst/>
                            <a:ahLst/>
                            <a:cxnLst/>
                            <a:rect l="0" t="0" r="0" b="0"/>
                            <a:pathLst>
                              <a:path w="151283" h="151211">
                                <a:moveTo>
                                  <a:pt x="151283" y="75605"/>
                                </a:moveTo>
                                <a:cubicBezTo>
                                  <a:pt x="151283" y="33840"/>
                                  <a:pt x="117417" y="0"/>
                                  <a:pt x="75637" y="0"/>
                                </a:cubicBezTo>
                                <a:cubicBezTo>
                                  <a:pt x="33865" y="0"/>
                                  <a:pt x="0" y="33840"/>
                                  <a:pt x="0" y="75605"/>
                                </a:cubicBezTo>
                                <a:cubicBezTo>
                                  <a:pt x="0" y="117371"/>
                                  <a:pt x="33865" y="151211"/>
                                  <a:pt x="75637" y="151211"/>
                                </a:cubicBezTo>
                                <a:cubicBezTo>
                                  <a:pt x="117417" y="151211"/>
                                  <a:pt x="151283" y="117371"/>
                                  <a:pt x="151283" y="75605"/>
                                </a:cubicBezTo>
                                <a:close/>
                              </a:path>
                            </a:pathLst>
                          </a:custGeom>
                          <a:ln w="5488" cap="rnd">
                            <a:round/>
                          </a:ln>
                        </wps:spPr>
                        <wps:style>
                          <a:lnRef idx="1">
                            <a:srgbClr val="000000"/>
                          </a:lnRef>
                          <a:fillRef idx="0">
                            <a:srgbClr val="000000">
                              <a:alpha val="0"/>
                            </a:srgbClr>
                          </a:fillRef>
                          <a:effectRef idx="0">
                            <a:scrgbClr r="0" g="0" b="0"/>
                          </a:effectRef>
                          <a:fontRef idx="none"/>
                        </wps:style>
                        <wps:bodyPr/>
                      </wps:wsp>
                      <wps:wsp>
                        <wps:cNvPr id="4723" name="Rectangle 4723"/>
                        <wps:cNvSpPr/>
                        <wps:spPr>
                          <a:xfrm>
                            <a:off x="58304" y="2353528"/>
                            <a:ext cx="67673" cy="13563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4724" name="Rectangle 4724"/>
                        <wps:cNvSpPr/>
                        <wps:spPr>
                          <a:xfrm>
                            <a:off x="189883" y="2334426"/>
                            <a:ext cx="964797"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и следующем </w:t>
                              </w:r>
                            </w:p>
                          </w:txbxContent>
                        </wps:txbx>
                        <wps:bodyPr horzOverflow="overflow" vert="horz" lIns="0" tIns="0" rIns="0" bIns="0" rtlCol="0">
                          <a:noAutofit/>
                        </wps:bodyPr>
                      </wps:wsp>
                      <wps:wsp>
                        <wps:cNvPr id="4725" name="Rectangle 4725"/>
                        <wps:cNvSpPr/>
                        <wps:spPr>
                          <a:xfrm>
                            <a:off x="189883" y="2444176"/>
                            <a:ext cx="1561064"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полнении вызывающего </w:t>
                              </w:r>
                            </w:p>
                          </w:txbxContent>
                        </wps:txbx>
                        <wps:bodyPr horzOverflow="overflow" vert="horz" lIns="0" tIns="0" rIns="0" bIns="0" rtlCol="0">
                          <a:noAutofit/>
                        </wps:bodyPr>
                      </wps:wsp>
                      <wps:wsp>
                        <wps:cNvPr id="4726" name="Rectangle 4726"/>
                        <wps:cNvSpPr/>
                        <wps:spPr>
                          <a:xfrm>
                            <a:off x="189883" y="2553926"/>
                            <a:ext cx="1206726"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тока генерируется </w:t>
                              </w:r>
                            </w:p>
                          </w:txbxContent>
                        </wps:txbx>
                        <wps:bodyPr horzOverflow="overflow" vert="horz" lIns="0" tIns="0" rIns="0" bIns="0" rtlCol="0">
                          <a:noAutofit/>
                        </wps:bodyPr>
                      </wps:wsp>
                      <wps:wsp>
                        <wps:cNvPr id="4727" name="Rectangle 4727"/>
                        <wps:cNvSpPr/>
                        <wps:spPr>
                          <a:xfrm>
                            <a:off x="189883" y="2663676"/>
                            <a:ext cx="725347" cy="11433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ерывание </w:t>
                              </w:r>
                            </w:p>
                          </w:txbxContent>
                        </wps:txbx>
                        <wps:bodyPr horzOverflow="overflow" vert="horz" lIns="0" tIns="0" rIns="0" bIns="0" rtlCol="0">
                          <a:noAutofit/>
                        </wps:bodyPr>
                      </wps:wsp>
                      <wps:wsp>
                        <wps:cNvPr id="4728" name="Rectangle 4728"/>
                        <wps:cNvSpPr/>
                        <wps:spPr>
                          <a:xfrm>
                            <a:off x="735242" y="2647490"/>
                            <a:ext cx="250198"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s:wsp>
                        <wps:cNvPr id="4729" name="Rectangle 4729"/>
                        <wps:cNvSpPr/>
                        <wps:spPr>
                          <a:xfrm>
                            <a:off x="923379" y="2647490"/>
                            <a:ext cx="33807"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731" name="Shape 4731"/>
                        <wps:cNvSpPr/>
                        <wps:spPr>
                          <a:xfrm>
                            <a:off x="0" y="3088222"/>
                            <a:ext cx="540281" cy="432088"/>
                          </a:xfrm>
                          <a:custGeom>
                            <a:avLst/>
                            <a:gdLst/>
                            <a:ahLst/>
                            <a:cxnLst/>
                            <a:rect l="0" t="0" r="0" b="0"/>
                            <a:pathLst>
                              <a:path w="540281" h="432088">
                                <a:moveTo>
                                  <a:pt x="162086" y="432088"/>
                                </a:moveTo>
                                <a:lnTo>
                                  <a:pt x="378195" y="432088"/>
                                </a:lnTo>
                                <a:cubicBezTo>
                                  <a:pt x="467716" y="432088"/>
                                  <a:pt x="540281" y="359546"/>
                                  <a:pt x="540281" y="270061"/>
                                </a:cubicBezTo>
                                <a:cubicBezTo>
                                  <a:pt x="540281" y="270061"/>
                                  <a:pt x="540281" y="270061"/>
                                  <a:pt x="540281" y="270061"/>
                                </a:cubicBezTo>
                                <a:lnTo>
                                  <a:pt x="540281" y="162034"/>
                                </a:lnTo>
                                <a:cubicBezTo>
                                  <a:pt x="540281" y="72549"/>
                                  <a:pt x="467716" y="0"/>
                                  <a:pt x="378195" y="0"/>
                                </a:cubicBezTo>
                                <a:lnTo>
                                  <a:pt x="162086" y="0"/>
                                </a:lnTo>
                                <a:cubicBezTo>
                                  <a:pt x="72565" y="0"/>
                                  <a:pt x="0" y="72549"/>
                                  <a:pt x="0" y="162034"/>
                                </a:cubicBezTo>
                                <a:lnTo>
                                  <a:pt x="0" y="162034"/>
                                </a:lnTo>
                                <a:lnTo>
                                  <a:pt x="0" y="270061"/>
                                </a:lnTo>
                                <a:cubicBezTo>
                                  <a:pt x="0" y="359546"/>
                                  <a:pt x="72565" y="432088"/>
                                  <a:pt x="162086" y="432088"/>
                                </a:cubicBez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4732" name="Rectangle 4732"/>
                        <wps:cNvSpPr/>
                        <wps:spPr>
                          <a:xfrm>
                            <a:off x="193885" y="3139186"/>
                            <a:ext cx="202839"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4733" name="Shape 4733"/>
                        <wps:cNvSpPr/>
                        <wps:spPr>
                          <a:xfrm>
                            <a:off x="102657" y="3304270"/>
                            <a:ext cx="334975" cy="151226"/>
                          </a:xfrm>
                          <a:custGeom>
                            <a:avLst/>
                            <a:gdLst/>
                            <a:ahLst/>
                            <a:cxnLst/>
                            <a:rect l="0" t="0" r="0" b="0"/>
                            <a:pathLst>
                              <a:path w="334975" h="151226">
                                <a:moveTo>
                                  <a:pt x="75637" y="0"/>
                                </a:moveTo>
                                <a:lnTo>
                                  <a:pt x="259330" y="0"/>
                                </a:lnTo>
                                <a:cubicBezTo>
                                  <a:pt x="301109" y="0"/>
                                  <a:pt x="334975" y="33855"/>
                                  <a:pt x="334975" y="75613"/>
                                </a:cubicBezTo>
                                <a:cubicBezTo>
                                  <a:pt x="334975" y="117379"/>
                                  <a:pt x="301109" y="151226"/>
                                  <a:pt x="259330" y="151226"/>
                                </a:cubicBezTo>
                                <a:lnTo>
                                  <a:pt x="75637" y="151226"/>
                                </a:lnTo>
                                <a:cubicBezTo>
                                  <a:pt x="33858" y="151226"/>
                                  <a:pt x="0" y="117379"/>
                                  <a:pt x="0" y="75613"/>
                                </a:cubicBezTo>
                                <a:cubicBezTo>
                                  <a:pt x="0" y="33855"/>
                                  <a:pt x="33858" y="0"/>
                                  <a:pt x="75637"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4734" name="Shape 4734"/>
                        <wps:cNvSpPr/>
                        <wps:spPr>
                          <a:xfrm>
                            <a:off x="102657" y="3304270"/>
                            <a:ext cx="334975" cy="151226"/>
                          </a:xfrm>
                          <a:custGeom>
                            <a:avLst/>
                            <a:gdLst/>
                            <a:ahLst/>
                            <a:cxnLst/>
                            <a:rect l="0" t="0" r="0" b="0"/>
                            <a:pathLst>
                              <a:path w="334975" h="151226">
                                <a:moveTo>
                                  <a:pt x="75637" y="151226"/>
                                </a:moveTo>
                                <a:lnTo>
                                  <a:pt x="259330" y="151226"/>
                                </a:lnTo>
                                <a:cubicBezTo>
                                  <a:pt x="301109" y="151226"/>
                                  <a:pt x="334975" y="117379"/>
                                  <a:pt x="334975" y="75613"/>
                                </a:cubicBezTo>
                                <a:cubicBezTo>
                                  <a:pt x="334975" y="75613"/>
                                  <a:pt x="334975" y="75613"/>
                                  <a:pt x="334975" y="75613"/>
                                </a:cubicBezTo>
                                <a:cubicBezTo>
                                  <a:pt x="334975" y="33855"/>
                                  <a:pt x="301109" y="0"/>
                                  <a:pt x="259330" y="0"/>
                                </a:cubicBezTo>
                                <a:lnTo>
                                  <a:pt x="75637" y="0"/>
                                </a:lnTo>
                                <a:cubicBezTo>
                                  <a:pt x="33858" y="0"/>
                                  <a:pt x="0" y="33855"/>
                                  <a:pt x="0" y="75613"/>
                                </a:cubicBezTo>
                                <a:cubicBezTo>
                                  <a:pt x="0" y="117379"/>
                                  <a:pt x="33858" y="151226"/>
                                  <a:pt x="75637" y="151226"/>
                                </a:cubicBez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4735" name="Rectangle 4735"/>
                        <wps:cNvSpPr/>
                        <wps:spPr>
                          <a:xfrm>
                            <a:off x="176083" y="3324549"/>
                            <a:ext cx="250198"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s:wsp>
                        <wps:cNvPr id="4737" name="Shape 4737"/>
                        <wps:cNvSpPr/>
                        <wps:spPr>
                          <a:xfrm>
                            <a:off x="742888" y="3088222"/>
                            <a:ext cx="540266" cy="432088"/>
                          </a:xfrm>
                          <a:custGeom>
                            <a:avLst/>
                            <a:gdLst/>
                            <a:ahLst/>
                            <a:cxnLst/>
                            <a:rect l="0" t="0" r="0" b="0"/>
                            <a:pathLst>
                              <a:path w="540266" h="432088">
                                <a:moveTo>
                                  <a:pt x="162116" y="432088"/>
                                </a:moveTo>
                                <a:lnTo>
                                  <a:pt x="378180" y="432088"/>
                                </a:lnTo>
                                <a:cubicBezTo>
                                  <a:pt x="467685" y="432088"/>
                                  <a:pt x="540266" y="359546"/>
                                  <a:pt x="540266" y="270061"/>
                                </a:cubicBezTo>
                                <a:cubicBezTo>
                                  <a:pt x="540266" y="270061"/>
                                  <a:pt x="540266" y="270061"/>
                                  <a:pt x="540266" y="270061"/>
                                </a:cubicBezTo>
                                <a:lnTo>
                                  <a:pt x="540266" y="162034"/>
                                </a:lnTo>
                                <a:cubicBezTo>
                                  <a:pt x="540266" y="72549"/>
                                  <a:pt x="467685" y="0"/>
                                  <a:pt x="378180" y="0"/>
                                </a:cubicBezTo>
                                <a:lnTo>
                                  <a:pt x="162116" y="0"/>
                                </a:lnTo>
                                <a:cubicBezTo>
                                  <a:pt x="72534" y="0"/>
                                  <a:pt x="0" y="72549"/>
                                  <a:pt x="0" y="162034"/>
                                </a:cubicBezTo>
                                <a:lnTo>
                                  <a:pt x="0" y="162034"/>
                                </a:lnTo>
                                <a:lnTo>
                                  <a:pt x="0" y="270061"/>
                                </a:lnTo>
                                <a:cubicBezTo>
                                  <a:pt x="0" y="359546"/>
                                  <a:pt x="72534" y="432088"/>
                                  <a:pt x="162116" y="432088"/>
                                </a:cubicBez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4738" name="Rectangle 4738"/>
                        <wps:cNvSpPr/>
                        <wps:spPr>
                          <a:xfrm>
                            <a:off x="936797" y="3139186"/>
                            <a:ext cx="202839"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4739" name="Shape 4739"/>
                        <wps:cNvSpPr/>
                        <wps:spPr>
                          <a:xfrm>
                            <a:off x="845538" y="3304270"/>
                            <a:ext cx="334998" cy="151226"/>
                          </a:xfrm>
                          <a:custGeom>
                            <a:avLst/>
                            <a:gdLst/>
                            <a:ahLst/>
                            <a:cxnLst/>
                            <a:rect l="0" t="0" r="0" b="0"/>
                            <a:pathLst>
                              <a:path w="334998" h="151226">
                                <a:moveTo>
                                  <a:pt x="75630" y="0"/>
                                </a:moveTo>
                                <a:lnTo>
                                  <a:pt x="259368" y="0"/>
                                </a:lnTo>
                                <a:cubicBezTo>
                                  <a:pt x="301147" y="0"/>
                                  <a:pt x="334998" y="33855"/>
                                  <a:pt x="334998" y="75613"/>
                                </a:cubicBezTo>
                                <a:cubicBezTo>
                                  <a:pt x="334998" y="117379"/>
                                  <a:pt x="301147" y="151226"/>
                                  <a:pt x="259368" y="151226"/>
                                </a:cubicBezTo>
                                <a:lnTo>
                                  <a:pt x="75630" y="151226"/>
                                </a:lnTo>
                                <a:cubicBezTo>
                                  <a:pt x="33850" y="151226"/>
                                  <a:pt x="0" y="117379"/>
                                  <a:pt x="0" y="75613"/>
                                </a:cubicBezTo>
                                <a:cubicBezTo>
                                  <a:pt x="0" y="33855"/>
                                  <a:pt x="33850" y="0"/>
                                  <a:pt x="75630"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4740" name="Shape 4740"/>
                        <wps:cNvSpPr/>
                        <wps:spPr>
                          <a:xfrm>
                            <a:off x="845538" y="3304270"/>
                            <a:ext cx="334998" cy="151226"/>
                          </a:xfrm>
                          <a:custGeom>
                            <a:avLst/>
                            <a:gdLst/>
                            <a:ahLst/>
                            <a:cxnLst/>
                            <a:rect l="0" t="0" r="0" b="0"/>
                            <a:pathLst>
                              <a:path w="334998" h="151226">
                                <a:moveTo>
                                  <a:pt x="75630" y="151226"/>
                                </a:moveTo>
                                <a:lnTo>
                                  <a:pt x="259368" y="151226"/>
                                </a:lnTo>
                                <a:cubicBezTo>
                                  <a:pt x="301147" y="151226"/>
                                  <a:pt x="334998" y="117379"/>
                                  <a:pt x="334998" y="75613"/>
                                </a:cubicBezTo>
                                <a:cubicBezTo>
                                  <a:pt x="334998" y="75613"/>
                                  <a:pt x="334998" y="75613"/>
                                  <a:pt x="334998" y="75613"/>
                                </a:cubicBezTo>
                                <a:cubicBezTo>
                                  <a:pt x="334998" y="33855"/>
                                  <a:pt x="301147" y="0"/>
                                  <a:pt x="259368" y="0"/>
                                </a:cubicBezTo>
                                <a:lnTo>
                                  <a:pt x="75630" y="0"/>
                                </a:lnTo>
                                <a:cubicBezTo>
                                  <a:pt x="33850" y="0"/>
                                  <a:pt x="0" y="33855"/>
                                  <a:pt x="0" y="75613"/>
                                </a:cubicBezTo>
                                <a:cubicBezTo>
                                  <a:pt x="0" y="117379"/>
                                  <a:pt x="33850" y="151226"/>
                                  <a:pt x="75630" y="151226"/>
                                </a:cubicBez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4741" name="Rectangle 4741"/>
                        <wps:cNvSpPr/>
                        <wps:spPr>
                          <a:xfrm>
                            <a:off x="918957" y="3324549"/>
                            <a:ext cx="250198"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C</w:t>
                              </w:r>
                            </w:p>
                          </w:txbxContent>
                        </wps:txbx>
                        <wps:bodyPr horzOverflow="overflow" vert="horz" lIns="0" tIns="0" rIns="0" bIns="0" rtlCol="0">
                          <a:noAutofit/>
                        </wps:bodyPr>
                      </wps:wsp>
                      <wps:wsp>
                        <wps:cNvPr id="4742" name="Shape 4742"/>
                        <wps:cNvSpPr/>
                        <wps:spPr>
                          <a:xfrm>
                            <a:off x="540281" y="3304270"/>
                            <a:ext cx="134678" cy="0"/>
                          </a:xfrm>
                          <a:custGeom>
                            <a:avLst/>
                            <a:gdLst/>
                            <a:ahLst/>
                            <a:cxnLst/>
                            <a:rect l="0" t="0" r="0" b="0"/>
                            <a:pathLst>
                              <a:path w="134678">
                                <a:moveTo>
                                  <a:pt x="0" y="0"/>
                                </a:moveTo>
                                <a:lnTo>
                                  <a:pt x="134678" y="0"/>
                                </a:lnTo>
                              </a:path>
                            </a:pathLst>
                          </a:custGeom>
                          <a:ln w="5488" cap="rnd">
                            <a:custDash>
                              <a:ds d="302461" sp="216043"/>
                            </a:custDash>
                            <a:round/>
                          </a:ln>
                        </wps:spPr>
                        <wps:style>
                          <a:lnRef idx="1">
                            <a:srgbClr val="000000"/>
                          </a:lnRef>
                          <a:fillRef idx="0">
                            <a:srgbClr val="000000">
                              <a:alpha val="0"/>
                            </a:srgbClr>
                          </a:fillRef>
                          <a:effectRef idx="0">
                            <a:scrgbClr r="0" g="0" b="0"/>
                          </a:effectRef>
                          <a:fontRef idx="none"/>
                        </wps:style>
                        <wps:bodyPr/>
                      </wps:wsp>
                      <wps:wsp>
                        <wps:cNvPr id="4743" name="Shape 4743"/>
                        <wps:cNvSpPr/>
                        <wps:spPr>
                          <a:xfrm>
                            <a:off x="668783" y="3279576"/>
                            <a:ext cx="74105" cy="49388"/>
                          </a:xfrm>
                          <a:custGeom>
                            <a:avLst/>
                            <a:gdLst/>
                            <a:ahLst/>
                            <a:cxnLst/>
                            <a:rect l="0" t="0" r="0" b="0"/>
                            <a:pathLst>
                              <a:path w="74105" h="49388">
                                <a:moveTo>
                                  <a:pt x="0" y="0"/>
                                </a:moveTo>
                                <a:lnTo>
                                  <a:pt x="74105" y="24694"/>
                                </a:lnTo>
                                <a:lnTo>
                                  <a:pt x="0" y="4938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744" name="Rectangle 4744"/>
                        <wps:cNvSpPr/>
                        <wps:spPr>
                          <a:xfrm>
                            <a:off x="164190" y="3541196"/>
                            <a:ext cx="256908"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APC</w:t>
                              </w:r>
                            </w:p>
                          </w:txbxContent>
                        </wps:txbx>
                        <wps:bodyPr horzOverflow="overflow" vert="horz" lIns="0" tIns="0" rIns="0" bIns="0" rtlCol="0">
                          <a:noAutofit/>
                        </wps:bodyPr>
                      </wps:wsp>
                      <wps:wsp>
                        <wps:cNvPr id="4745" name="Rectangle 4745"/>
                        <wps:cNvSpPr/>
                        <wps:spPr>
                          <a:xfrm>
                            <a:off x="357351" y="3541196"/>
                            <a:ext cx="40521" cy="1356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w:t>
                              </w:r>
                            </w:p>
                          </w:txbxContent>
                        </wps:txbx>
                        <wps:bodyPr horzOverflow="overflow" vert="horz" lIns="0" tIns="0" rIns="0" bIns="0" rtlCol="0">
                          <a:noAutofit/>
                        </wps:bodyPr>
                      </wps:wsp>
                      <wps:wsp>
                        <wps:cNvPr id="4746" name="Rectangle 4746"/>
                        <wps:cNvSpPr/>
                        <wps:spPr>
                          <a:xfrm>
                            <a:off x="387824" y="3557381"/>
                            <a:ext cx="950798" cy="11433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b/>
                                  <w:sz w:val="14"/>
                                </w:rPr>
                                <w:t>очередь потока</w:t>
                              </w:r>
                            </w:p>
                          </w:txbxContent>
                        </wps:txbx>
                        <wps:bodyPr horzOverflow="overflow" vert="horz" lIns="0" tIns="0" rIns="0" bIns="0" rtlCol="0">
                          <a:noAutofit/>
                        </wps:bodyPr>
                      </wps:wsp>
                      <wps:wsp>
                        <wps:cNvPr id="4747" name="Shape 4747"/>
                        <wps:cNvSpPr/>
                        <wps:spPr>
                          <a:xfrm>
                            <a:off x="1131894" y="2870650"/>
                            <a:ext cx="649639" cy="570167"/>
                          </a:xfrm>
                          <a:custGeom>
                            <a:avLst/>
                            <a:gdLst/>
                            <a:ahLst/>
                            <a:cxnLst/>
                            <a:rect l="0" t="0" r="0" b="0"/>
                            <a:pathLst>
                              <a:path w="649639" h="570167">
                                <a:moveTo>
                                  <a:pt x="0" y="570167"/>
                                </a:moveTo>
                                <a:lnTo>
                                  <a:pt x="632943" y="204615"/>
                                </a:lnTo>
                                <a:lnTo>
                                  <a:pt x="84397" y="326468"/>
                                </a:lnTo>
                                <a:lnTo>
                                  <a:pt x="649639" y="0"/>
                                </a:lnTo>
                              </a:path>
                            </a:pathLst>
                          </a:custGeom>
                          <a:ln w="5488" cap="rnd">
                            <a:round/>
                          </a:ln>
                        </wps:spPr>
                        <wps:style>
                          <a:lnRef idx="1">
                            <a:srgbClr val="000000"/>
                          </a:lnRef>
                          <a:fillRef idx="0">
                            <a:srgbClr val="000000">
                              <a:alpha val="0"/>
                            </a:srgbClr>
                          </a:fillRef>
                          <a:effectRef idx="0">
                            <a:scrgbClr r="0" g="0" b="0"/>
                          </a:effectRef>
                          <a:fontRef idx="none"/>
                        </wps:style>
                        <wps:bodyPr/>
                      </wps:wsp>
                      <wps:wsp>
                        <wps:cNvPr id="4748" name="Shape 4748"/>
                        <wps:cNvSpPr/>
                        <wps:spPr>
                          <a:xfrm>
                            <a:off x="1763846" y="2836735"/>
                            <a:ext cx="76545" cy="58381"/>
                          </a:xfrm>
                          <a:custGeom>
                            <a:avLst/>
                            <a:gdLst/>
                            <a:ahLst/>
                            <a:cxnLst/>
                            <a:rect l="0" t="0" r="0" b="0"/>
                            <a:pathLst>
                              <a:path w="76545" h="58381">
                                <a:moveTo>
                                  <a:pt x="76545" y="0"/>
                                </a:moveTo>
                                <a:lnTo>
                                  <a:pt x="24702" y="58381"/>
                                </a:lnTo>
                                <a:lnTo>
                                  <a:pt x="0" y="15624"/>
                                </a:lnTo>
                                <a:lnTo>
                                  <a:pt x="76545" y="0"/>
                                </a:lnTo>
                                <a:close/>
                              </a:path>
                            </a:pathLst>
                          </a:custGeom>
                          <a:ln w="0" cap="rnd">
                            <a:round/>
                          </a:ln>
                        </wps:spPr>
                        <wps:style>
                          <a:lnRef idx="0">
                            <a:srgbClr val="000000">
                              <a:alpha val="0"/>
                            </a:srgbClr>
                          </a:lnRef>
                          <a:fillRef idx="1">
                            <a:srgbClr val="000000"/>
                          </a:fillRef>
                          <a:effectRef idx="0">
                            <a:scrgbClr r="0" g="0" b="0"/>
                          </a:effectRef>
                          <a:fontRef idx="none"/>
                        </wps:style>
                        <wps:bodyPr/>
                      </wps:wsp>
                    </wpg:wgp>
                  </a:graphicData>
                </a:graphic>
              </wp:inline>
            </w:drawing>
          </mc:Choice>
          <mc:Fallback>
            <w:pict>
              <v:group id="Group 60894" o:spid="_x0000_s2226" style="width:341.3pt;height:286.9pt;mso-position-horizontal-relative:char;mso-position-vertical-relative:line" coordsize="43346,3643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">
                <v:shape id="Shape 4646" o:spid="_x0000_s2227" style="position:absolute;left:14128;width:10157;height:4320;visibility:visible;mso-wrap-style:square;v-text-anchor:top" coordsize="1015743,4320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" path="m1015743,216071c1015743,96717,788320,,507833,,227347,,,96717,,216071,,335347,227347,432065,507833,432065v280487,,507910,-96718,507910,-215994xe" filled="f" strokeweight=".15244mm">
                  <v:stroke endcap="round"/>
                  <v:path arrowok="t" textboxrect="0,0,1015743,432065"/>
                </v:shape>
                <v:rect id="Rectangle 4647" o:spid="_x0000_s2228" style="position:absolute;left:16610;top:1220;width:7244;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v:textbox>
                </v:rect>
                <v:rect id="Rectangle 4648" o:spid="_x0000_s2229" style="position:absolute;left:15081;top:2317;width:8741;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кружения или </w:t>
                        </w:r>
                      </w:p>
                    </w:txbxContent>
                  </v:textbox>
                </v:rect>
                <v:rect id="Rectangle 4649" o:spid="_x0000_s2230" style="position:absolute;left:21654;top:2156;width:2232;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LL</w:t>
                        </w:r>
                      </w:p>
                    </w:txbxContent>
                  </v:textbox>
                </v:rect>
                <v:shape id="Shape 4650" o:spid="_x0000_s2231" style="position:absolute;left:2674;top:6481;width:37820;height:0;visibility:visible;mso-wrap-style:square;v-text-anchor:top" coordsize="378199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" path="m,l3781998,e" filled="f" strokeweight=".45731mm">
                  <v:stroke endcap="round"/>
                  <v:path arrowok="t" textboxrect="0,0,3781998,0"/>
                </v:shape>
                <v:rect id="Rectangle 4651" o:spid="_x0000_s2232" style="position:absolute;left:29229;top:5327;width:14553;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v:textbox>
                </v:rect>
                <v:rect id="Rectangle 4652" o:spid="_x0000_s2233" style="position:absolute;left:35057;top:7169;width:6879;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Режим ядра</w:t>
                        </w:r>
                      </w:p>
                    </w:txbxContent>
                  </v:textbox>
                </v:rect>
                <v:rect id="Rectangle 4653" o:spid="_x0000_s2234" style="position:absolute;left:15185;top:9444;width:10452;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b/>
                            <w:sz w:val="14"/>
                          </w:rPr>
                          <w:t>Диспетчер ввода</w:t>
                        </w:r>
                      </w:p>
                    </w:txbxContent>
                  </v:textbox>
                </v:rect>
                <v:rect id="Rectangle 4654" o:spid="_x0000_s2235" style="position:absolute;left:23043;top:9283;width:40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b/>
                            <w:sz w:val="14"/>
                          </w:rPr>
                          <w:t>-</w:t>
                        </w:r>
                      </w:p>
                    </w:txbxContent>
                  </v:textbox>
                </v:rect>
                <v:rect id="Rectangle 4655" o:spid="_x0000_s2236" style="position:absolute;left:23348;top:9444;width:4727;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b/>
                            <w:sz w:val="14"/>
                          </w:rPr>
                          <w:t>вывода</w:t>
                        </w:r>
                      </w:p>
                    </w:txbxContent>
                  </v:textbox>
                </v:rect>
                <v:shape id="Shape 4657" o:spid="_x0000_s2237" style="position:absolute;left:15640;top:10802;width:5403;height:3240;visibility:visible;mso-wrap-style:square;v-text-anchor:top" coordsize="540281,3240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" path="m,324067r540281,l540281,,,,,324067xe" filled="f" strokeweight=".05081mm">
                  <v:stroke endcap="round"/>
                  <v:path arrowok="t" textboxrect="0,0,540281,324067"/>
                </v:shape>
                <v:shape id="Shape 4659" o:spid="_x0000_s2238" style="position:absolute;left:21044;top:10802;width:5402;height:3240;visibility:visible;mso-wrap-style:square;v-text-anchor:top" coordsize="540281,3240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" path="m,324067r540281,l540281,,,,,324067xe" filled="f" strokeweight=".05081mm">
                  <v:stroke endcap="round"/>
                  <v:path arrowok="t" textboxrect="0,0,540281,324067"/>
                </v:shape>
                <v:rect id="Rectangle 4660" o:spid="_x0000_s2239" style="position:absolute;left:22652;top:11320;width:2502;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v:rect id="Rectangle 4661" o:spid="_x0000_s2240" style="position:absolute;left:24533;top:11320;width:405;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662" o:spid="_x0000_s2241" style="position:absolute;left:21467;top:12579;width:605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процедура</w:t>
                        </w:r>
                      </w:p>
                    </w:txbxContent>
                  </v:textbox>
                </v:rect>
                <v:shape id="Shape 4663" o:spid="_x0000_s2242" style="position:absolute;left:23449;top:4384;width:1538;height:6418;visibility:visible;mso-wrap-style:square;v-text-anchor:top" coordsize="153775,6417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" path="m29581,641734c153775,315989,141425,48092,,e" filled="f" strokeweight=".15244mm">
                  <v:stroke endcap="round"/>
                  <v:path arrowok="t" textboxrect="0,0,153775,641734"/>
                </v:shape>
                <v:shape id="Shape 4664" o:spid="_x0000_s2243" style="position:absolute;left:22773;top:4144;width:761;height:492;visibility:visible;mso-wrap-style:square;v-text-anchor:top" coordsize="76087,491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" path="m76087,l71437,49160,,17607,76087,xe" fillcolor="black" stroked="f" strokeweight="0">
                  <v:stroke endcap="round"/>
                  <v:path arrowok="t" textboxrect="0,0,76087,49160"/>
                </v:shape>
                <v:shape id="Shape 4665" o:spid="_x0000_s2244" style="position:absolute;left:27095;top:10802;width:1512;height:1512;visibility:visible;mso-wrap-style:square;v-text-anchor:top" coordsize="151260,1512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" path="m75630,v41779,,75630,33839,75630,75605c151260,117371,117409,151288,75630,151288,33851,151288,,117371,,75605,,33839,33851,,75630,xe" fillcolor="#d9d9d9" stroked="f" strokeweight="0">
                  <v:stroke endcap="round"/>
                  <v:path arrowok="t" textboxrect="0,0,151260,151288"/>
                </v:shape>
                <v:shape id="Shape 4666" o:spid="_x0000_s2245" style="position:absolute;left:27095;top:10802;width:1512;height:1512;visibility:visible;mso-wrap-style:square;v-text-anchor:top" coordsize="151260,1512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" path="m151260,75605c151260,33839,117409,,75630,,33851,,,33839,,75605v,41766,33851,75683,75630,75683c117409,151288,151260,117371,151260,75605xe" filled="f" strokeweight=".15244mm">
                  <v:stroke endcap="round"/>
                  <v:path arrowok="t" textboxrect="0,0,151260,151288"/>
                </v:shape>
                <v:rect id="Rectangle 4667" o:spid="_x0000_s2246" style="position:absolute;left:27596;top:11004;width:677;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3</w:t>
                        </w:r>
                      </w:p>
                    </w:txbxContent>
                  </v:textbox>
                </v:rect>
                <v:rect id="Rectangle 4668" o:spid="_x0000_s2247" style="position:absolute;left:29210;top:10958;width:2502;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v:rect id="Rectangle 4669" o:spid="_x0000_s2248" style="position:absolute;left:31091;top:10958;width:405;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670" o:spid="_x0000_s2249" style="position:absolute;left:31396;top:11120;width:14155;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а режима ядра </w:t>
                        </w:r>
                      </w:p>
                    </w:txbxContent>
                  </v:textbox>
                </v:rect>
                <v:rect id="Rectangle 4671" o:spid="_x0000_s2250" style="position:absolute;left:29210;top:12218;width:1826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записывает данные в адресное </w:t>
                        </w:r>
                      </w:p>
                    </w:txbxContent>
                  </v:textbox>
                </v:rect>
                <v:rect id="Rectangle 4672" o:spid="_x0000_s2251" style="position:absolute;left:29210;top:13315;width:11809;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ространство потока</w:t>
                        </w:r>
                      </w:p>
                    </w:txbxContent>
                  </v:textbox>
                </v:rect>
                <v:rect id="Rectangle 4673" o:spid="_x0000_s2252" style="position:absolute;left:38089;top:13153;width:676;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674" o:spid="_x0000_s2253" style="position:absolute;left:38598;top:13315;width:6297;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ереводит </w:t>
                        </w:r>
                      </w:p>
                    </w:txbxContent>
                  </v:textbox>
                </v:rect>
                <v:rect id="Rectangle 4675" o:spid="_x0000_s2254" style="position:absolute;left:29210;top:14413;width:17663;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писатель файла в свободное </w:t>
                        </w:r>
                      </w:p>
                    </w:txbxContent>
                  </v:textbox>
                </v:rect>
                <v:rect id="Rectangle 4676" o:spid="_x0000_s2255" style="position:absolute;left:29210;top:15510;width:5815;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состояние</w:t>
                        </w:r>
                      </w:p>
                    </w:txbxContent>
                  </v:textbox>
                </v:rect>
                <v:rect id="Rectangle 4677" o:spid="_x0000_s2256" style="position:absolute;left:33582;top:15348;width:676;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678" o:spid="_x0000_s2257" style="position:absolute;left:34091;top:15510;width:10071;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тавит в очередь </w:t>
                        </w:r>
                      </w:p>
                    </w:txbxContent>
                  </v:textbox>
                </v:rect>
                <v:rect id="Rectangle 4679" o:spid="_x0000_s2258" style="position:absolute;left:29210;top:16608;width:420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любые </w:t>
                        </w:r>
                      </w:p>
                    </w:txbxContent>
                  </v:textbox>
                </v:rect>
                <v:rect id="Rectangle 4680" o:spid="_x0000_s2259" style="position:absolute;left:32375;top:16446;width:2840;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APC </w:t>
                        </w:r>
                      </w:p>
                    </w:txbxContent>
                  </v:textbox>
                </v:rect>
                <v:rect id="Rectangle 4681" o:spid="_x0000_s2260" style="position:absolute;left:34510;top:16608;width:11092;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льзовательского </w:t>
                        </w:r>
                      </w:p>
                    </w:txbxContent>
                  </v:textbox>
                </v:rect>
                <v:rect id="Rectangle 4682" o:spid="_x0000_s2261" style="position:absolute;left:29210;top:17705;width:10653;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режима и удаляет </w:t>
                        </w:r>
                      </w:p>
                    </w:txbxContent>
                  </v:textbox>
                </v:rect>
                <v:rect id="Rectangle 4683" o:spid="_x0000_s2262" style="position:absolute;left:37219;top:17543;width:2029;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shape id="Shape 4685" o:spid="_x0000_s2263" style="position:absolute;left:21006;top:18147;width:6484;height:1080;visibility:visible;mso-wrap-style:square;v-text-anchor:top" coordsize="648336,108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" path="m,108020r648336,l648336,,,,,108020xe" filled="f" strokeweight=".05081mm">
                  <v:stroke endcap="round"/>
                  <v:path arrowok="t" textboxrect="0,0,648336,108020"/>
                </v:shape>
                <v:shape id="Shape 69451" o:spid="_x0000_s2264" style="position:absolute;left:21006;top:19227;width:6484;height:3241;visibility:visible;mso-wrap-style:square;v-text-anchor:top" coordsize="648336,3240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" path="m,l648336,r,324068l,324068,,e" stroked="f" strokeweight="0">
                  <v:stroke endcap="round"/>
                  <v:path arrowok="t" textboxrect="0,0,648336,324068"/>
                </v:shape>
                <v:shape id="Shape 4687" o:spid="_x0000_s2265" style="position:absolute;left:21006;top:19227;width:6484;height:3241;visibility:visible;mso-wrap-style:square;v-text-anchor:top" coordsize="648336,3240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" path="m,324068r648336,l648336,,,,,324068xe" filled="f" strokeweight=".05081mm">
                  <v:stroke endcap="round"/>
                  <v:path arrowok="t" textboxrect="0,0,648336,324068"/>
                </v:shape>
                <v:shape id="Shape 4689" o:spid="_x0000_s2266" style="position:absolute;left:21006;top:22468;width:6484;height:1081;visibility:visible;mso-wrap-style:square;v-text-anchor:top" coordsize="648336,108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" path="m,108020r648336,l648336,,,,,108020xe" filled="f" strokeweight=".05081mm">
                  <v:stroke endcap="round"/>
                  <v:path arrowok="t" textboxrect="0,0,648336,108020"/>
                </v:shape>
                <v:shape id="Shape 69452" o:spid="_x0000_s2267" style="position:absolute;left:21006;top:23549;width:6484;height:3240;visibility:visible;mso-wrap-style:square;v-text-anchor:top" coordsize="648336,3240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" path="m,l648336,r,324067l,324067,,e" stroked="f" strokeweight="0">
                  <v:stroke endcap="round"/>
                  <v:path arrowok="t" textboxrect="0,0,648336,324067"/>
                </v:shape>
                <v:shape id="Shape 4691" o:spid="_x0000_s2268" style="position:absolute;left:21006;top:23549;width:6484;height:3240;visibility:visible;mso-wrap-style:square;v-text-anchor:top" coordsize="648336,3240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" path="m,324067r648336,l648336,,,,,324067xe" filled="f" strokeweight=".05081mm">
                  <v:stroke endcap="round"/>
                  <v:path arrowok="t" textboxrect="0,0,648336,324067"/>
                </v:shape>
                <v:shape id="Shape 4693" o:spid="_x0000_s2269" style="position:absolute;left:21006;top:28949;width:6484;height:1081;visibility:visible;mso-wrap-style:square;v-text-anchor:top" coordsize="648336,108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" path="m,108020r648336,l648336,,,,,108020xe" filled="f" strokeweight=".05081mm">
                  <v:stroke endcap="round"/>
                  <v:path arrowok="t" textboxrect="0,0,648336,108020"/>
                </v:shape>
                <v:shape id="Shape 4695" o:spid="_x0000_s2270" style="position:absolute;left:21006;top:27869;width:6484;height:1080;visibility:visible;mso-wrap-style:square;v-text-anchor:top" coordsize="648336,108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" path="m,108020r648336,l648336,,,,,108020xe" filled="f" strokeweight=".05081mm">
                  <v:stroke endcap="round"/>
                  <v:path arrowok="t" textboxrect="0,0,648336,108020"/>
                </v:shape>
                <v:shape id="Shape 69453" o:spid="_x0000_s2271" style="position:absolute;left:21006;top:26789;width:6484;height:1080;visibility:visible;mso-wrap-style:square;v-text-anchor:top" coordsize="648336,108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" path="m,l648336,r,108020l,108020,,e" stroked="f" strokeweight="0">
                  <v:stroke endcap="round"/>
                  <v:path arrowok="t" textboxrect="0,0,648336,108020"/>
                </v:shape>
                <v:shape id="Shape 4697" o:spid="_x0000_s2272" style="position:absolute;left:21006;top:26789;width:6484;height:1080;visibility:visible;mso-wrap-style:square;v-text-anchor:top" coordsize="648336,108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" path="m,108020r648336,l648336,,,,,108020xe" filled="f" strokeweight=".05081mm">
                  <v:stroke endcap="round"/>
                  <v:path arrowok="t" textboxrect="0,0,648336,108020"/>
                </v:shape>
                <v:shape id="Shape 4698" o:spid="_x0000_s2273" style="position:absolute;left:24248;top:19227;width:0;height:3241;visibility:visible;mso-wrap-style:square;v-text-anchor:top" coordsize="0,3240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" path="m,l,324068e" filled="f" strokeweight=".15244mm">
                  <v:stroke endcap="round"/>
                  <v:path arrowok="t" textboxrect="0,0,0,324068"/>
                </v:shape>
                <v:shape id="Shape 4699" o:spid="_x0000_s2274" style="position:absolute;left:24248;top:23549;width:0;height:3240;visibility:visible;mso-wrap-style:square;v-text-anchor:top" coordsize="0,3240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" path="m,l,324067e" filled="f" strokeweight=".15244mm">
                  <v:stroke endcap="round"/>
                  <v:path arrowok="t" textboxrect="0,0,0,324067"/>
                </v:shape>
                <v:rect id="Rectangle 4700" o:spid="_x0000_s2275" style="position:absolute;left:23155;top:30226;width:2907;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b/>
                            <w:sz w:val="14"/>
                          </w:rPr>
                          <w:t>IRQL</w:t>
                        </w:r>
                      </w:p>
                    </w:txbxContent>
                  </v:textbox>
                </v:rect>
                <v:rect id="Rectangle 4701" o:spid="_x0000_s2276" style="position:absolute;left:17304;top:29158;width:4599;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Passive</w:t>
                        </w:r>
                        <w:proofErr w:type="spellEnd"/>
                        <w:r>
                          <w:rPr>
                            <w:rFonts w:ascii="Arial" w:eastAsia="Arial" w:hAnsi="Arial" w:cs="Arial"/>
                            <w:sz w:val="14"/>
                          </w:rPr>
                          <w:t xml:space="preserve"> </w:t>
                        </w:r>
                      </w:p>
                    </w:txbxContent>
                  </v:textbox>
                </v:rect>
                <v:rect id="Rectangle 4702" o:spid="_x0000_s2277" style="position:absolute;left:18769;top:28078;width:2502;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v:rect id="Rectangle 4703" o:spid="_x0000_s2278" style="position:absolute;left:15005;top:26998;width:2569;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4704" o:spid="_x0000_s2279" style="position:absolute;left:16937;top:26998;width:338;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705" o:spid="_x0000_s2280" style="position:absolute;left:17191;top:26998;width:4532;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ispatch</w:t>
                        </w:r>
                        <w:proofErr w:type="spellEnd"/>
                      </w:p>
                    </w:txbxContent>
                  </v:textbox>
                </v:rect>
                <v:rect id="Rectangle 4706" o:spid="_x0000_s2281" style="position:absolute;left:14943;top:22893;width:750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evice</w:t>
                        </w:r>
                        <w:proofErr w:type="spellEnd"/>
                        <w:r>
                          <w:rPr>
                            <w:rFonts w:ascii="Arial" w:eastAsia="Arial" w:hAnsi="Arial" w:cs="Arial"/>
                            <w:sz w:val="14"/>
                          </w:rPr>
                          <w:t xml:space="preserve"> </w:t>
                        </w:r>
                        <w:proofErr w:type="spellStart"/>
                        <w:r>
                          <w:rPr>
                            <w:rFonts w:ascii="Arial" w:eastAsia="Arial" w:hAnsi="Arial" w:cs="Arial"/>
                            <w:sz w:val="14"/>
                          </w:rPr>
                          <w:t>printer</w:t>
                        </w:r>
                        <w:proofErr w:type="spellEnd"/>
                      </w:p>
                    </w:txbxContent>
                  </v:textbox>
                </v:rect>
                <v:rect id="Rectangle 4707" o:spid="_x0000_s2282" style="position:absolute;left:18924;top:18356;width:2503;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High</w:t>
                        </w:r>
                        <w:proofErr w:type="spellEnd"/>
                      </w:p>
                    </w:txbxContent>
                  </v:textbox>
                </v:rect>
                <v:shape id="Shape 4708" o:spid="_x0000_s2283" style="position:absolute;left:24962;top:13983;width:4283;height:14427;visibility:visible;mso-wrap-style:square;v-text-anchor:top" coordsize="428315,14426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" path="m252811,1442604c428315,636246,319216,13719,,e" filled="f" strokeweight=".15244mm">
                  <v:stroke endcap="round"/>
                  <v:path arrowok="t" textboxrect="0,0,428315,1442604"/>
                </v:shape>
                <v:shape id="Shape 4709" o:spid="_x0000_s2284" style="position:absolute;left:24285;top:13732;width:760;height:492;visibility:visible;mso-wrap-style:square;v-text-anchor:top" coordsize="75935,492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" path="m71665,r4270,49235l,31019,71665,xe" fillcolor="black" stroked="f" strokeweight="0">
                  <v:stroke endcap="round"/>
                  <v:path arrowok="t" textboxrect="0,0,75935,49235"/>
                </v:shape>
                <v:shape id="Shape 4710" o:spid="_x0000_s2285" style="position:absolute;left:30012;top:22252;width:1513;height:1512;visibility:visible;mso-wrap-style:square;v-text-anchor:top" coordsize="151260,1512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" path="m75630,v41779,,75630,33840,75630,75605c151260,117372,117409,151212,75630,151212,33851,151212,,117372,,75605,,33840,33851,,75630,xe" fillcolor="#d9d9d9" stroked="f" strokeweight="0">
                  <v:stroke endcap="round"/>
                  <v:path arrowok="t" textboxrect="0,0,151260,151212"/>
                </v:shape>
                <v:shape id="Shape 4711" o:spid="_x0000_s2286" style="position:absolute;left:30012;top:22252;width:1513;height:1512;visibility:visible;mso-wrap-style:square;v-text-anchor:top" coordsize="151260,1512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" path="m151260,75605c151260,33840,117409,,75630,,33851,,,33840,,75605v,41767,33851,75607,75630,75607c117409,151212,151260,117372,151260,75605xe" filled="f" strokeweight=".15244mm">
                  <v:stroke endcap="round"/>
                  <v:path arrowok="t" textboxrect="0,0,151260,151212"/>
                </v:shape>
                <v:rect id="Rectangle 4712" o:spid="_x0000_s2287" style="position:absolute;left:30514;top:22455;width:67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rect id="Rectangle 4713" o:spid="_x0000_s2288" style="position:absolute;left:32154;top:22489;width:1358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прерываний </w:t>
                        </w:r>
                      </w:p>
                    </w:txbxContent>
                  </v:textbox>
                </v:rect>
                <v:rect id="Rectangle 4714" o:spid="_x0000_s2289" style="position:absolute;left:32154;top:23586;width:1266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ередает управление </w:t>
                        </w:r>
                      </w:p>
                    </w:txbxContent>
                  </v:textbox>
                </v:rect>
                <v:rect id="Rectangle 4715" o:spid="_x0000_s2290" style="position:absolute;left:32154;top:24522;width:2502;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v:rect id="Rectangle 4716" o:spid="_x0000_s2291" style="position:absolute;left:34036;top:24522;width:405;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717" o:spid="_x0000_s2292" style="position:absolute;left:34340;top:24684;width:639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е </w:t>
                        </w:r>
                      </w:p>
                    </w:txbxContent>
                  </v:textbox>
                </v:rect>
                <v:rect id="Rectangle 4718" o:spid="_x0000_s2293" style="position:absolute;left:32154;top:25781;width:1024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а ввода</w:t>
                        </w:r>
                      </w:p>
                    </w:txbxContent>
                  </v:textbox>
                </v:rect>
                <v:rect id="Rectangle 4719" o:spid="_x0000_s2294" style="position:absolute;left:39860;top:25619;width:406;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720" o:spid="_x0000_s2295" style="position:absolute;left:40165;top:25781;width:4231;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4721" o:spid="_x0000_s2296" style="position:absolute;left:81;top:23332;width:1512;height:1512;visibility:visible;mso-wrap-style:square;v-text-anchor:top" coordsize="151283,1512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" path="m75637,v41780,,75646,33840,75646,75605c151283,117371,117417,151211,75637,151211,33865,151211,,117371,,75605,,33840,33865,,75637,xe" fillcolor="#d9d9d9" stroked="f" strokeweight="0">
                  <v:stroke endcap="round"/>
                  <v:path arrowok="t" textboxrect="0,0,151283,151211"/>
                </v:shape>
                <v:shape id="Shape 4722" o:spid="_x0000_s2297" style="position:absolute;left:81;top:23332;width:1512;height:1512;visibility:visible;mso-wrap-style:square;v-text-anchor:top" coordsize="151283,1512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" path="m151283,75605c151283,33840,117417,,75637,,33865,,,33840,,75605v,41766,33865,75606,75637,75606c117417,151211,151283,117371,151283,75605xe" filled="f" strokeweight=".15244mm">
                  <v:stroke endcap="round"/>
                  <v:path arrowok="t" textboxrect="0,0,151283,151211"/>
                </v:shape>
                <v:rect id="Rectangle 4723" o:spid="_x0000_s2298" style="position:absolute;left:583;top:23535;width:67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rect id="Rectangle 4724" o:spid="_x0000_s2299" style="position:absolute;left:1898;top:23344;width:964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и следующем </w:t>
                        </w:r>
                      </w:p>
                    </w:txbxContent>
                  </v:textbox>
                </v:rect>
                <v:rect id="Rectangle 4725" o:spid="_x0000_s2300" style="position:absolute;left:1898;top:24441;width:15611;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полнении вызывающего </w:t>
                        </w:r>
                      </w:p>
                    </w:txbxContent>
                  </v:textbox>
                </v:rect>
                <v:rect id="Rectangle 4726" o:spid="_x0000_s2301" style="position:absolute;left:1898;top:25539;width:1206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тока генерируется </w:t>
                        </w:r>
                      </w:p>
                    </w:txbxContent>
                  </v:textbox>
                </v:rect>
                <v:rect id="Rectangle 4727" o:spid="_x0000_s2302" style="position:absolute;left:1898;top:26636;width:7254;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ерывание </w:t>
                        </w:r>
                      </w:p>
                    </w:txbxContent>
                  </v:textbox>
                </v:rect>
                <v:rect id="Rectangle 4728" o:spid="_x0000_s2303" style="position:absolute;left:7352;top:26474;width:2502;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v:rect id="Rectangle 4729" o:spid="_x0000_s2304" style="position:absolute;left:9233;top:26474;width:338;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shape id="Shape 4731" o:spid="_x0000_s2305" style="position:absolute;top:30882;width:5402;height:4321;visibility:visible;mso-wrap-style:square;v-text-anchor:top" coordsize="540281,4320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" path="m162086,432088r216109,c467716,432088,540281,359546,540281,270061v,,,,,l540281,162034c540281,72549,467716,,378195,l162086,c72565,,,72549,,162034r,l,270061v,89485,72565,162027,162086,162027xe" filled="f" strokeweight=".05081mm">
                  <v:stroke endcap="round"/>
                  <v:path arrowok="t" textboxrect="0,0,540281,432088"/>
                </v:shape>
                <v:rect id="Rectangle 4732" o:spid="_x0000_s2306" style="position:absolute;left:1938;top:31391;width:2029;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shape id="Shape 4733" o:spid="_x0000_s2307" style="position:absolute;left:1026;top:33042;width:3350;height:1512;visibility:visible;mso-wrap-style:square;v-text-anchor:top" coordsize="334975,1512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" path="m75637,l259330,v41779,,75645,33855,75645,75613c334975,117379,301109,151226,259330,151226r-183693,c33858,151226,,117379,,75613,,33855,33858,,75637,xe" stroked="f" strokeweight="0">
                  <v:stroke endcap="round"/>
                  <v:path arrowok="t" textboxrect="0,0,334975,151226"/>
                </v:shape>
                <v:shape id="Shape 4734" o:spid="_x0000_s2308" style="position:absolute;left:1026;top:33042;width:3350;height:1512;visibility:visible;mso-wrap-style:square;v-text-anchor:top" coordsize="334975,1512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" path="m75637,151226r183693,c301109,151226,334975,117379,334975,75613v,,,,,c334975,33855,301109,,259330,l75637,c33858,,,33855,,75613v,41766,33858,75613,75637,75613xe" filled="f" strokeweight=".05081mm">
                  <v:stroke endcap="round"/>
                  <v:path arrowok="t" textboxrect="0,0,334975,151226"/>
                </v:shape>
                <v:rect id="Rectangle 4735" o:spid="_x0000_s2309" style="position:absolute;left:1760;top:33245;width:2502;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v:shape id="Shape 4737" o:spid="_x0000_s2310" style="position:absolute;left:7428;top:30882;width:5403;height:4321;visibility:visible;mso-wrap-style:square;v-text-anchor:top" coordsize="540266,4320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" path="m162116,432088r216064,c467685,432088,540266,359546,540266,270061v,,,,,l540266,162034c540266,72549,467685,,378180,l162116,c72534,,,72549,,162034r,l,270061v,89485,72534,162027,162116,162027xe" filled="f" strokeweight=".05081mm">
                  <v:stroke endcap="round"/>
                  <v:path arrowok="t" textboxrect="0,0,540266,432088"/>
                </v:shape>
                <v:rect id="Rectangle 4738" o:spid="_x0000_s2311" style="position:absolute;left:9367;top:31391;width:2029;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shape id="Shape 4739" o:spid="_x0000_s2312" style="position:absolute;left:8455;top:33042;width:3350;height:1512;visibility:visible;mso-wrap-style:square;v-text-anchor:top" coordsize="334998,1512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" path="m75630,l259368,v41779,,75630,33855,75630,75613c334998,117379,301147,151226,259368,151226r-183738,c33850,151226,,117379,,75613,,33855,33850,,75630,xe" stroked="f" strokeweight="0">
                  <v:stroke endcap="round"/>
                  <v:path arrowok="t" textboxrect="0,0,334998,151226"/>
                </v:shape>
                <v:shape id="Shape 4740" o:spid="_x0000_s2313" style="position:absolute;left:8455;top:33042;width:3350;height:1512;visibility:visible;mso-wrap-style:square;v-text-anchor:top" coordsize="334998,1512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" path="m75630,151226r183738,c301147,151226,334998,117379,334998,75613v,,,,,c334998,33855,301147,,259368,l75630,c33850,,,33855,,75613v,41766,33850,75613,75630,75613xe" filled="f" strokeweight=".05081mm">
                  <v:stroke endcap="round"/>
                  <v:path arrowok="t" textboxrect="0,0,334998,151226"/>
                </v:shape>
                <v:rect id="Rectangle 4741" o:spid="_x0000_s2314" style="position:absolute;left:9189;top:33245;width:2502;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APC</w:t>
                        </w:r>
                      </w:p>
                    </w:txbxContent>
                  </v:textbox>
                </v:rect>
                <v:shape id="Shape 4742" o:spid="_x0000_s2315" style="position:absolute;left:5402;top:33042;width:1347;height:0;visibility:visible;mso-wrap-style:square;v-text-anchor:top" coordsize="13467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" path="m,l134678,e" filled="f" strokeweight=".15244mm">
                  <v:stroke endcap="round"/>
                  <v:path arrowok="t" textboxrect="0,0,134678,0"/>
                </v:shape>
                <v:shape id="Shape 4743" o:spid="_x0000_s2316" style="position:absolute;left:6687;top:32795;width:741;height:494;visibility:visible;mso-wrap-style:square;v-text-anchor:top" coordsize="74105,493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" path="m,l74105,24694,,49388,,xe" fillcolor="black" stroked="f" strokeweight="0">
                  <v:stroke endcap="round"/>
                  <v:path arrowok="t" textboxrect="0,0,74105,49388"/>
                </v:shape>
                <v:rect id="Rectangle 4744" o:spid="_x0000_s2317" style="position:absolute;left:1641;top:35411;width:2569;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b/>
                            <w:sz w:val="14"/>
                          </w:rPr>
                          <w:t>APC</w:t>
                        </w:r>
                      </w:p>
                    </w:txbxContent>
                  </v:textbox>
                </v:rect>
                <v:rect id="Rectangle 4745" o:spid="_x0000_s2318" style="position:absolute;left:3573;top:35411;width:405;height:1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b/>
                            <w:sz w:val="14"/>
                          </w:rPr>
                          <w:t>-</w:t>
                        </w:r>
                      </w:p>
                    </w:txbxContent>
                  </v:textbox>
                </v:rect>
                <v:rect id="Rectangle 4746" o:spid="_x0000_s2319" style="position:absolute;left:3878;top:35573;width:9508;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b/>
                            <w:sz w:val="14"/>
                          </w:rPr>
                          <w:t>очередь потока</w:t>
                        </w:r>
                      </w:p>
                    </w:txbxContent>
                  </v:textbox>
                </v:rect>
                <v:shape id="Shape 4747" o:spid="_x0000_s2320" style="position:absolute;left:11318;top:28706;width:6497;height:5702;visibility:visible;mso-wrap-style:square;v-text-anchor:top" coordsize="649639,5701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" path="m,570167l632943,204615,84397,326468,649639,e" filled="f" strokeweight=".15244mm">
                  <v:stroke endcap="round"/>
                  <v:path arrowok="t" textboxrect="0,0,649639,570167"/>
                </v:shape>
                <v:shape id="Shape 4748" o:spid="_x0000_s2321" style="position:absolute;left:17638;top:28367;width:765;height:584;visibility:visible;mso-wrap-style:square;v-text-anchor:top" coordsize="76545,583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" path="m76545,l24702,58381,,15624,76545,xe" fillcolor="black" stroked="f" strokeweight="0">
                  <v:stroke endcap="round"/>
                  <v:path arrowok="t" textboxrect="0,0,76545,58381"/>
                </v:shape>
                <w10:anchorlock/>
              </v:group>
            </w:pict>
          </mc:Fallback>
        </mc:AlternateContent>
      </w:r>
    </w:p>
    <w:p w:rsidR="0043064D" w:rsidRDefault="008B3C4B">
      <w:pPr>
        <w:spacing w:after="297" w:line="259" w:lineRule="auto"/>
        <w:ind w:left="1194" w:right="1112" w:firstLine="0"/>
        <w:jc w:val="right"/>
      </w:pPr>
      <w:r>
        <w:t xml:space="preserve"> </w:t>
      </w:r>
    </w:p>
    <w:p w:rsidR="0043064D" w:rsidRDefault="008B3C4B">
      <w:pPr>
        <w:spacing w:after="333" w:line="265" w:lineRule="auto"/>
        <w:ind w:right="2"/>
        <w:jc w:val="center"/>
      </w:pPr>
      <w:r>
        <w:lastRenderedPageBreak/>
        <w:t xml:space="preserve">Рис. 14. Завершение обработки </w:t>
      </w:r>
      <w:r>
        <w:t xml:space="preserve">запроса на ввод-вывод (фаза 2) </w:t>
      </w:r>
    </w:p>
    <w:p w:rsidR="0043064D" w:rsidRDefault="008B3C4B">
      <w:pPr>
        <w:pStyle w:val="4"/>
        <w:ind w:left="-5"/>
      </w:pPr>
      <w:r>
        <w:t xml:space="preserve">Синхронизация </w:t>
      </w:r>
    </w:p>
    <w:p w:rsidR="0043064D" w:rsidRDefault="008B3C4B">
      <w:pPr>
        <w:spacing w:after="142"/>
        <w:ind w:left="-5" w:right="1"/>
      </w:pPr>
      <w:r>
        <w:t xml:space="preserve">Драйверы должны синхронизировать свое обращение к глобальным данным и регистрам устройств в силу двух причин. </w:t>
      </w:r>
    </w:p>
    <w:p w:rsidR="0043064D" w:rsidRDefault="008B3C4B">
      <w:pPr>
        <w:numPr>
          <w:ilvl w:val="0"/>
          <w:numId w:val="11"/>
        </w:numPr>
        <w:spacing w:after="21"/>
        <w:ind w:right="1" w:hanging="361"/>
      </w:pPr>
      <w:r>
        <w:t xml:space="preserve">Выполнение драйвера может быть прервано из-за вытеснения потоками с более высоким приоритетом, по </w:t>
      </w:r>
      <w:r>
        <w:t xml:space="preserve">истечении выделенного кванта времени CPU, а также из-за генерации прерывания. </w:t>
      </w:r>
    </w:p>
    <w:p w:rsidR="0043064D" w:rsidRDefault="008B3C4B">
      <w:pPr>
        <w:numPr>
          <w:ilvl w:val="0"/>
          <w:numId w:val="11"/>
        </w:numPr>
        <w:ind w:right="1" w:hanging="361"/>
      </w:pPr>
      <w:r>
        <w:t xml:space="preserve">В </w:t>
      </w:r>
      <w:proofErr w:type="spellStart"/>
      <w:r>
        <w:t>multi</w:t>
      </w:r>
      <w:proofErr w:type="spellEnd"/>
      <w:r>
        <w:t xml:space="preserve">-CPU системах </w:t>
      </w:r>
      <w:proofErr w:type="spellStart"/>
      <w:r>
        <w:t>Windows</w:t>
      </w:r>
      <w:proofErr w:type="spellEnd"/>
      <w:r>
        <w:t xml:space="preserve"> может выполнять код драйвера сразу на нескольких CPU. </w:t>
      </w:r>
    </w:p>
    <w:p w:rsidR="0043064D" w:rsidRDefault="008B3C4B">
      <w:pPr>
        <w:spacing w:after="0"/>
        <w:ind w:left="-5" w:right="1"/>
      </w:pPr>
      <w:r>
        <w:t>Без синхронизации данные могут быть повреждены. Например, код драйвера устройства выполняется</w:t>
      </w:r>
      <w:r>
        <w:t xml:space="preserve"> при IRQL, уровня «</w:t>
      </w:r>
      <w:proofErr w:type="spellStart"/>
      <w:r>
        <w:t>passive</w:t>
      </w:r>
      <w:proofErr w:type="spellEnd"/>
      <w:r>
        <w:t>». Какая-то программа инициирует операцию ввода-вывода, в результате чего возникает аппаратное прерывание. Оно прерывает выполнение кода драйвера и активизирует его ISR. Если в этот момент драйвер изменял какие-либо данные, которы</w:t>
      </w:r>
      <w:r>
        <w:t xml:space="preserve">е модифицирует и ISR (например, регистры устройства, память из кучи или статические данные), они могут быть повреждены после выполнения ISR. Эту проблему демонстрирует Рис. 15. </w:t>
      </w:r>
    </w:p>
    <w:p w:rsidR="0043064D" w:rsidRDefault="008B3C4B">
      <w:pPr>
        <w:spacing w:after="370" w:line="259" w:lineRule="auto"/>
        <w:ind w:left="1613" w:firstLine="0"/>
        <w:jc w:val="left"/>
      </w:pPr>
      <w:r>
        <w:rPr>
          <w:rFonts w:ascii="Calibri" w:eastAsia="Calibri" w:hAnsi="Calibri" w:cs="Calibri"/>
          <w:noProof/>
          <w:sz w:val="22"/>
        </w:rPr>
        <mc:AlternateContent>
          <mc:Choice Requires="wpg">
            <w:drawing>
              <wp:inline distT="0" distB="0" distL="0" distR="0">
                <wp:extent cx="4063824" cy="2036946"/>
                <wp:effectExtent l="0" t="0" r="0" b="0"/>
                <wp:docPr id="61115" name="Group 61115"/>
                <wp:cNvGraphicFramePr/>
                <a:graphic xmlns:a="http://schemas.openxmlformats.org/drawingml/2006/main">
                  <a:graphicData uri="http://schemas.microsoft.com/office/word/2010/wordprocessingGroup">
                    <wpg:wgp>
                      <wpg:cNvGrpSpPr/>
                      <wpg:grpSpPr>
                        <a:xfrm>
                          <a:off x="0" y="0"/>
                          <a:ext cx="4063824" cy="2036946"/>
                          <a:chOff x="0" y="0"/>
                          <a:chExt cx="4063824" cy="2036946"/>
                        </a:xfrm>
                      </wpg:grpSpPr>
                      <wps:wsp>
                        <wps:cNvPr id="4841" name="Shape 4841"/>
                        <wps:cNvSpPr/>
                        <wps:spPr>
                          <a:xfrm>
                            <a:off x="309910" y="304113"/>
                            <a:ext cx="668939" cy="403487"/>
                          </a:xfrm>
                          <a:custGeom>
                            <a:avLst/>
                            <a:gdLst/>
                            <a:ahLst/>
                            <a:cxnLst/>
                            <a:rect l="0" t="0" r="0" b="0"/>
                            <a:pathLst>
                              <a:path w="668939" h="403487">
                                <a:moveTo>
                                  <a:pt x="0" y="403487"/>
                                </a:moveTo>
                                <a:lnTo>
                                  <a:pt x="609711" y="190321"/>
                                </a:lnTo>
                                <a:lnTo>
                                  <a:pt x="131567" y="187900"/>
                                </a:lnTo>
                                <a:lnTo>
                                  <a:pt x="668939" y="0"/>
                                </a:lnTo>
                              </a:path>
                            </a:pathLst>
                          </a:custGeom>
                          <a:ln w="5446" cap="rnd">
                            <a:round/>
                          </a:ln>
                        </wps:spPr>
                        <wps:style>
                          <a:lnRef idx="1">
                            <a:srgbClr val="000000"/>
                          </a:lnRef>
                          <a:fillRef idx="0">
                            <a:srgbClr val="000000">
                              <a:alpha val="0"/>
                            </a:srgbClr>
                          </a:fillRef>
                          <a:effectRef idx="0">
                            <a:scrgbClr r="0" g="0" b="0"/>
                          </a:effectRef>
                          <a:fontRef idx="none"/>
                        </wps:style>
                        <wps:bodyPr/>
                      </wps:wsp>
                      <wps:wsp>
                        <wps:cNvPr id="4842" name="Shape 4842"/>
                        <wps:cNvSpPr/>
                        <wps:spPr>
                          <a:xfrm>
                            <a:off x="964895" y="281798"/>
                            <a:ext cx="77732" cy="47504"/>
                          </a:xfrm>
                          <a:custGeom>
                            <a:avLst/>
                            <a:gdLst/>
                            <a:ahLst/>
                            <a:cxnLst/>
                            <a:rect l="0" t="0" r="0" b="0"/>
                            <a:pathLst>
                              <a:path w="77732" h="47504">
                                <a:moveTo>
                                  <a:pt x="77732" y="0"/>
                                </a:moveTo>
                                <a:lnTo>
                                  <a:pt x="16229" y="47504"/>
                                </a:lnTo>
                                <a:lnTo>
                                  <a:pt x="0" y="1210"/>
                                </a:lnTo>
                                <a:lnTo>
                                  <a:pt x="7773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843" name="Shape 4843"/>
                        <wps:cNvSpPr/>
                        <wps:spPr>
                          <a:xfrm>
                            <a:off x="0" y="771897"/>
                            <a:ext cx="150473" cy="150078"/>
                          </a:xfrm>
                          <a:custGeom>
                            <a:avLst/>
                            <a:gdLst/>
                            <a:ahLst/>
                            <a:cxnLst/>
                            <a:rect l="0" t="0" r="0" b="0"/>
                            <a:pathLst>
                              <a:path w="150473" h="150078">
                                <a:moveTo>
                                  <a:pt x="75237" y="0"/>
                                </a:moveTo>
                                <a:cubicBezTo>
                                  <a:pt x="116787" y="0"/>
                                  <a:pt x="150473" y="33586"/>
                                  <a:pt x="150473" y="75039"/>
                                </a:cubicBezTo>
                                <a:cubicBezTo>
                                  <a:pt x="150473" y="116493"/>
                                  <a:pt x="116787" y="150078"/>
                                  <a:pt x="75237" y="150078"/>
                                </a:cubicBezTo>
                                <a:cubicBezTo>
                                  <a:pt x="33686" y="150078"/>
                                  <a:pt x="0" y="116493"/>
                                  <a:pt x="0" y="75039"/>
                                </a:cubicBezTo>
                                <a:cubicBezTo>
                                  <a:pt x="0" y="33586"/>
                                  <a:pt x="33686" y="0"/>
                                  <a:pt x="75237"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844" name="Shape 4844"/>
                        <wps:cNvSpPr/>
                        <wps:spPr>
                          <a:xfrm>
                            <a:off x="0" y="771897"/>
                            <a:ext cx="150473" cy="150078"/>
                          </a:xfrm>
                          <a:custGeom>
                            <a:avLst/>
                            <a:gdLst/>
                            <a:ahLst/>
                            <a:cxnLst/>
                            <a:rect l="0" t="0" r="0" b="0"/>
                            <a:pathLst>
                              <a:path w="150473" h="150078">
                                <a:moveTo>
                                  <a:pt x="150473" y="75039"/>
                                </a:moveTo>
                                <a:cubicBezTo>
                                  <a:pt x="150473" y="33586"/>
                                  <a:pt x="116787" y="0"/>
                                  <a:pt x="75237" y="0"/>
                                </a:cubicBezTo>
                                <a:cubicBezTo>
                                  <a:pt x="33686" y="0"/>
                                  <a:pt x="0" y="33586"/>
                                  <a:pt x="0" y="75039"/>
                                </a:cubicBezTo>
                                <a:cubicBezTo>
                                  <a:pt x="0" y="116493"/>
                                  <a:pt x="33686" y="150078"/>
                                  <a:pt x="75237" y="150078"/>
                                </a:cubicBezTo>
                                <a:cubicBezTo>
                                  <a:pt x="116787" y="150078"/>
                                  <a:pt x="150473" y="116493"/>
                                  <a:pt x="150473" y="75039"/>
                                </a:cubicBezTo>
                                <a:close/>
                              </a:path>
                            </a:pathLst>
                          </a:custGeom>
                          <a:ln w="5446" cap="rnd">
                            <a:round/>
                          </a:ln>
                        </wps:spPr>
                        <wps:style>
                          <a:lnRef idx="1">
                            <a:srgbClr val="000000"/>
                          </a:lnRef>
                          <a:fillRef idx="0">
                            <a:srgbClr val="000000">
                              <a:alpha val="0"/>
                            </a:srgbClr>
                          </a:fillRef>
                          <a:effectRef idx="0">
                            <a:scrgbClr r="0" g="0" b="0"/>
                          </a:effectRef>
                          <a:fontRef idx="none"/>
                        </wps:style>
                        <wps:bodyPr/>
                      </wps:wsp>
                      <wps:wsp>
                        <wps:cNvPr id="4845" name="Rectangle 4845"/>
                        <wps:cNvSpPr/>
                        <wps:spPr>
                          <a:xfrm>
                            <a:off x="49930" y="792017"/>
                            <a:ext cx="67315" cy="1346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4846" name="Rectangle 4846"/>
                        <wps:cNvSpPr/>
                        <wps:spPr>
                          <a:xfrm>
                            <a:off x="199584" y="807477"/>
                            <a:ext cx="709287" cy="11348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ерывание</w:t>
                              </w:r>
                            </w:p>
                          </w:txbxContent>
                        </wps:txbx>
                        <wps:bodyPr horzOverflow="overflow" vert="horz" lIns="0" tIns="0" rIns="0" bIns="0" rtlCol="0">
                          <a:noAutofit/>
                        </wps:bodyPr>
                      </wps:wsp>
                      <wps:wsp>
                        <wps:cNvPr id="4847" name="Rectangle 4847"/>
                        <wps:cNvSpPr/>
                        <wps:spPr>
                          <a:xfrm>
                            <a:off x="1068184" y="148132"/>
                            <a:ext cx="686084" cy="13461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Device</w:t>
                              </w:r>
                              <w:proofErr w:type="spellEnd"/>
                              <w:r>
                                <w:rPr>
                                  <w:rFonts w:ascii="Arial" w:eastAsia="Arial" w:hAnsi="Arial" w:cs="Arial"/>
                                  <w:sz w:val="14"/>
                                </w:rPr>
                                <w:t xml:space="preserve"> IRQL</w:t>
                              </w:r>
                            </w:p>
                          </w:txbxContent>
                        </wps:txbx>
                        <wps:bodyPr horzOverflow="overflow" vert="horz" lIns="0" tIns="0" rIns="0" bIns="0" rtlCol="0">
                          <a:noAutofit/>
                        </wps:bodyPr>
                      </wps:wsp>
                      <wps:wsp>
                        <wps:cNvPr id="4848" name="Rectangle 4848"/>
                        <wps:cNvSpPr/>
                        <wps:spPr>
                          <a:xfrm>
                            <a:off x="1018360" y="1756347"/>
                            <a:ext cx="739929" cy="134615"/>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Passive</w:t>
                              </w:r>
                              <w:proofErr w:type="spellEnd"/>
                              <w:r>
                                <w:rPr>
                                  <w:rFonts w:ascii="Arial" w:eastAsia="Arial" w:hAnsi="Arial" w:cs="Arial"/>
                                  <w:sz w:val="14"/>
                                </w:rPr>
                                <w:t xml:space="preserve"> IRQL</w:t>
                              </w:r>
                            </w:p>
                          </w:txbxContent>
                        </wps:txbx>
                        <wps:bodyPr horzOverflow="overflow" vert="horz" lIns="0" tIns="0" rIns="0" bIns="0" rtlCol="0">
                          <a:noAutofit/>
                        </wps:bodyPr>
                      </wps:wsp>
                      <wps:wsp>
                        <wps:cNvPr id="4849" name="Shape 4849"/>
                        <wps:cNvSpPr/>
                        <wps:spPr>
                          <a:xfrm>
                            <a:off x="1257545" y="278697"/>
                            <a:ext cx="0" cy="1456925"/>
                          </a:xfrm>
                          <a:custGeom>
                            <a:avLst/>
                            <a:gdLst/>
                            <a:ahLst/>
                            <a:cxnLst/>
                            <a:rect l="0" t="0" r="0" b="0"/>
                            <a:pathLst>
                              <a:path h="1456925">
                                <a:moveTo>
                                  <a:pt x="0" y="0"/>
                                </a:moveTo>
                                <a:lnTo>
                                  <a:pt x="0" y="1456925"/>
                                </a:lnTo>
                              </a:path>
                            </a:pathLst>
                          </a:custGeom>
                          <a:ln w="16339" cap="rnd">
                            <a:custDash>
                              <a:ds d="1" sp="1157894"/>
                            </a:custDash>
                            <a:round/>
                          </a:ln>
                        </wps:spPr>
                        <wps:style>
                          <a:lnRef idx="1">
                            <a:srgbClr val="000000"/>
                          </a:lnRef>
                          <a:fillRef idx="0">
                            <a:srgbClr val="000000">
                              <a:alpha val="0"/>
                            </a:srgbClr>
                          </a:fillRef>
                          <a:effectRef idx="0">
                            <a:scrgbClr r="0" g="0" b="0"/>
                          </a:effectRef>
                          <a:fontRef idx="none"/>
                        </wps:style>
                        <wps:bodyPr/>
                      </wps:wsp>
                      <wps:wsp>
                        <wps:cNvPr id="69457" name="Shape 69457"/>
                        <wps:cNvSpPr/>
                        <wps:spPr>
                          <a:xfrm>
                            <a:off x="1633766" y="0"/>
                            <a:ext cx="806133" cy="428851"/>
                          </a:xfrm>
                          <a:custGeom>
                            <a:avLst/>
                            <a:gdLst/>
                            <a:ahLst/>
                            <a:cxnLst/>
                            <a:rect l="0" t="0" r="0" b="0"/>
                            <a:pathLst>
                              <a:path w="806133" h="428851">
                                <a:moveTo>
                                  <a:pt x="0" y="0"/>
                                </a:moveTo>
                                <a:lnTo>
                                  <a:pt x="806133" y="0"/>
                                </a:lnTo>
                                <a:lnTo>
                                  <a:pt x="806133" y="428851"/>
                                </a:lnTo>
                                <a:lnTo>
                                  <a:pt x="0" y="428851"/>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4851" name="Shape 4851"/>
                        <wps:cNvSpPr/>
                        <wps:spPr>
                          <a:xfrm>
                            <a:off x="1633766" y="0"/>
                            <a:ext cx="806133" cy="428851"/>
                          </a:xfrm>
                          <a:custGeom>
                            <a:avLst/>
                            <a:gdLst/>
                            <a:ahLst/>
                            <a:cxnLst/>
                            <a:rect l="0" t="0" r="0" b="0"/>
                            <a:pathLst>
                              <a:path w="806133" h="428851">
                                <a:moveTo>
                                  <a:pt x="0" y="428851"/>
                                </a:moveTo>
                                <a:lnTo>
                                  <a:pt x="806133" y="428851"/>
                                </a:lnTo>
                                <a:lnTo>
                                  <a:pt x="806133"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4852" name="Rectangle 4852"/>
                        <wps:cNvSpPr/>
                        <wps:spPr>
                          <a:xfrm>
                            <a:off x="1789609" y="66616"/>
                            <a:ext cx="657675" cy="11348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а </w:t>
                              </w:r>
                            </w:p>
                          </w:txbxContent>
                        </wps:txbx>
                        <wps:bodyPr horzOverflow="overflow" vert="horz" lIns="0" tIns="0" rIns="0" bIns="0" rtlCol="0">
                          <a:noAutofit/>
                        </wps:bodyPr>
                      </wps:wsp>
                      <wps:wsp>
                        <wps:cNvPr id="4853" name="Rectangle 4853"/>
                        <wps:cNvSpPr/>
                        <wps:spPr>
                          <a:xfrm>
                            <a:off x="1720219" y="175544"/>
                            <a:ext cx="842128" cy="1134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бслуживания </w:t>
                              </w:r>
                            </w:p>
                          </w:txbxContent>
                        </wps:txbx>
                        <wps:bodyPr horzOverflow="overflow" vert="horz" lIns="0" tIns="0" rIns="0" bIns="0" rtlCol="0">
                          <a:noAutofit/>
                        </wps:bodyPr>
                      </wps:wsp>
                      <wps:wsp>
                        <wps:cNvPr id="4854" name="Rectangle 4854"/>
                        <wps:cNvSpPr/>
                        <wps:spPr>
                          <a:xfrm>
                            <a:off x="1660081" y="284472"/>
                            <a:ext cx="686141" cy="1134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рерывания</w:t>
                              </w:r>
                            </w:p>
                          </w:txbxContent>
                        </wps:txbx>
                        <wps:bodyPr horzOverflow="overflow" vert="horz" lIns="0" tIns="0" rIns="0" bIns="0" rtlCol="0">
                          <a:noAutofit/>
                        </wps:bodyPr>
                      </wps:wsp>
                      <wps:wsp>
                        <wps:cNvPr id="4855" name="Rectangle 4855"/>
                        <wps:cNvSpPr/>
                        <wps:spPr>
                          <a:xfrm>
                            <a:off x="2175916" y="268407"/>
                            <a:ext cx="33628" cy="1346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856" name="Rectangle 4856"/>
                        <wps:cNvSpPr/>
                        <wps:spPr>
                          <a:xfrm>
                            <a:off x="2201244" y="268407"/>
                            <a:ext cx="40306" cy="1346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4857" name="Rectangle 4857"/>
                        <wps:cNvSpPr/>
                        <wps:spPr>
                          <a:xfrm>
                            <a:off x="2231503" y="268407"/>
                            <a:ext cx="201769" cy="1346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SR</w:t>
                              </w:r>
                            </w:p>
                          </w:txbxContent>
                        </wps:txbx>
                        <wps:bodyPr horzOverflow="overflow" vert="horz" lIns="0" tIns="0" rIns="0" bIns="0" rtlCol="0">
                          <a:noAutofit/>
                        </wps:bodyPr>
                      </wps:wsp>
                      <wps:wsp>
                        <wps:cNvPr id="4858" name="Rectangle 4858"/>
                        <wps:cNvSpPr/>
                        <wps:spPr>
                          <a:xfrm>
                            <a:off x="2383250" y="268407"/>
                            <a:ext cx="40306" cy="1346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69458" name="Shape 69458"/>
                        <wps:cNvSpPr/>
                        <wps:spPr>
                          <a:xfrm>
                            <a:off x="1633766" y="1565274"/>
                            <a:ext cx="806133" cy="428850"/>
                          </a:xfrm>
                          <a:custGeom>
                            <a:avLst/>
                            <a:gdLst/>
                            <a:ahLst/>
                            <a:cxnLst/>
                            <a:rect l="0" t="0" r="0" b="0"/>
                            <a:pathLst>
                              <a:path w="806133" h="428850">
                                <a:moveTo>
                                  <a:pt x="0" y="0"/>
                                </a:moveTo>
                                <a:lnTo>
                                  <a:pt x="806133" y="0"/>
                                </a:lnTo>
                                <a:lnTo>
                                  <a:pt x="806133" y="428850"/>
                                </a:lnTo>
                                <a:lnTo>
                                  <a:pt x="0" y="428850"/>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4860" name="Shape 4860"/>
                        <wps:cNvSpPr/>
                        <wps:spPr>
                          <a:xfrm>
                            <a:off x="1633766" y="1565274"/>
                            <a:ext cx="806133" cy="428850"/>
                          </a:xfrm>
                          <a:custGeom>
                            <a:avLst/>
                            <a:gdLst/>
                            <a:ahLst/>
                            <a:cxnLst/>
                            <a:rect l="0" t="0" r="0" b="0"/>
                            <a:pathLst>
                              <a:path w="806133" h="428850">
                                <a:moveTo>
                                  <a:pt x="0" y="428850"/>
                                </a:moveTo>
                                <a:lnTo>
                                  <a:pt x="806133" y="428850"/>
                                </a:lnTo>
                                <a:lnTo>
                                  <a:pt x="806133"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4861" name="Rectangle 4861"/>
                        <wps:cNvSpPr/>
                        <wps:spPr>
                          <a:xfrm>
                            <a:off x="1699516" y="1631917"/>
                            <a:ext cx="897149" cy="1134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а или </w:t>
                              </w:r>
                            </w:p>
                          </w:txbxContent>
                        </wps:txbx>
                        <wps:bodyPr horzOverflow="overflow" vert="horz" lIns="0" tIns="0" rIns="0" bIns="0" rtlCol="0">
                          <a:noAutofit/>
                        </wps:bodyPr>
                      </wps:wsp>
                      <wps:wsp>
                        <wps:cNvPr id="4862" name="Rectangle 4862"/>
                        <wps:cNvSpPr/>
                        <wps:spPr>
                          <a:xfrm>
                            <a:off x="1790215" y="1740845"/>
                            <a:ext cx="655902" cy="1134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wps:txbx>
                        <wps:bodyPr horzOverflow="overflow" vert="horz" lIns="0" tIns="0" rIns="0" bIns="0" rtlCol="0">
                          <a:noAutofit/>
                        </wps:bodyPr>
                      </wps:wsp>
                      <wps:wsp>
                        <wps:cNvPr id="4863" name="Rectangle 4863"/>
                        <wps:cNvSpPr/>
                        <wps:spPr>
                          <a:xfrm>
                            <a:off x="1668499" y="1849773"/>
                            <a:ext cx="979742" cy="1134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изации</w:t>
                              </w:r>
                            </w:p>
                          </w:txbxContent>
                        </wps:txbx>
                        <wps:bodyPr horzOverflow="overflow" vert="horz" lIns="0" tIns="0" rIns="0" bIns="0" rtlCol="0">
                          <a:noAutofit/>
                        </wps:bodyPr>
                      </wps:wsp>
                      <wps:wsp>
                        <wps:cNvPr id="4864" name="Shape 4864"/>
                        <wps:cNvSpPr/>
                        <wps:spPr>
                          <a:xfrm>
                            <a:off x="2547359" y="64320"/>
                            <a:ext cx="150458" cy="150078"/>
                          </a:xfrm>
                          <a:custGeom>
                            <a:avLst/>
                            <a:gdLst/>
                            <a:ahLst/>
                            <a:cxnLst/>
                            <a:rect l="0" t="0" r="0" b="0"/>
                            <a:pathLst>
                              <a:path w="150458" h="150078">
                                <a:moveTo>
                                  <a:pt x="75229" y="0"/>
                                </a:moveTo>
                                <a:cubicBezTo>
                                  <a:pt x="116787" y="0"/>
                                  <a:pt x="150458" y="33586"/>
                                  <a:pt x="150458" y="75039"/>
                                </a:cubicBezTo>
                                <a:cubicBezTo>
                                  <a:pt x="150458" y="116493"/>
                                  <a:pt x="116787" y="150078"/>
                                  <a:pt x="75229" y="150078"/>
                                </a:cubicBezTo>
                                <a:cubicBezTo>
                                  <a:pt x="33671" y="150078"/>
                                  <a:pt x="0" y="116493"/>
                                  <a:pt x="0" y="75039"/>
                                </a:cubicBezTo>
                                <a:cubicBezTo>
                                  <a:pt x="0" y="33586"/>
                                  <a:pt x="33671" y="0"/>
                                  <a:pt x="75229"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865" name="Shape 4865"/>
                        <wps:cNvSpPr/>
                        <wps:spPr>
                          <a:xfrm>
                            <a:off x="2547359" y="64320"/>
                            <a:ext cx="150458" cy="150078"/>
                          </a:xfrm>
                          <a:custGeom>
                            <a:avLst/>
                            <a:gdLst/>
                            <a:ahLst/>
                            <a:cxnLst/>
                            <a:rect l="0" t="0" r="0" b="0"/>
                            <a:pathLst>
                              <a:path w="150458" h="150078">
                                <a:moveTo>
                                  <a:pt x="150458" y="75039"/>
                                </a:moveTo>
                                <a:cubicBezTo>
                                  <a:pt x="150458" y="33586"/>
                                  <a:pt x="116787" y="0"/>
                                  <a:pt x="75229" y="0"/>
                                </a:cubicBezTo>
                                <a:cubicBezTo>
                                  <a:pt x="33671" y="0"/>
                                  <a:pt x="0" y="33586"/>
                                  <a:pt x="0" y="75039"/>
                                </a:cubicBezTo>
                                <a:cubicBezTo>
                                  <a:pt x="0" y="116493"/>
                                  <a:pt x="33671" y="150078"/>
                                  <a:pt x="75229" y="150078"/>
                                </a:cubicBezTo>
                                <a:cubicBezTo>
                                  <a:pt x="116787" y="150078"/>
                                  <a:pt x="150458" y="116493"/>
                                  <a:pt x="150458" y="75039"/>
                                </a:cubicBezTo>
                                <a:close/>
                              </a:path>
                            </a:pathLst>
                          </a:custGeom>
                          <a:ln w="5446" cap="rnd">
                            <a:round/>
                          </a:ln>
                        </wps:spPr>
                        <wps:style>
                          <a:lnRef idx="1">
                            <a:srgbClr val="000000"/>
                          </a:lnRef>
                          <a:fillRef idx="0">
                            <a:srgbClr val="000000">
                              <a:alpha val="0"/>
                            </a:srgbClr>
                          </a:fillRef>
                          <a:effectRef idx="0">
                            <a:scrgbClr r="0" g="0" b="0"/>
                          </a:effectRef>
                          <a:fontRef idx="none"/>
                        </wps:style>
                        <wps:bodyPr/>
                      </wps:wsp>
                      <wps:wsp>
                        <wps:cNvPr id="4866" name="Rectangle 4866"/>
                        <wps:cNvSpPr/>
                        <wps:spPr>
                          <a:xfrm>
                            <a:off x="2597259" y="84440"/>
                            <a:ext cx="67315" cy="1346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w:t>
                              </w:r>
                            </w:p>
                          </w:txbxContent>
                        </wps:txbx>
                        <wps:bodyPr horzOverflow="overflow" vert="horz" lIns="0" tIns="0" rIns="0" bIns="0" rtlCol="0">
                          <a:noAutofit/>
                        </wps:bodyPr>
                      </wps:wsp>
                      <wps:wsp>
                        <wps:cNvPr id="4867" name="Rectangle 4867"/>
                        <wps:cNvSpPr/>
                        <wps:spPr>
                          <a:xfrm>
                            <a:off x="2714804" y="55270"/>
                            <a:ext cx="980181" cy="1134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и выполнении </w:t>
                              </w:r>
                            </w:p>
                          </w:txbxContent>
                        </wps:txbx>
                        <wps:bodyPr horzOverflow="overflow" vert="horz" lIns="0" tIns="0" rIns="0" bIns="0" rtlCol="0">
                          <a:noAutofit/>
                        </wps:bodyPr>
                      </wps:wsp>
                      <wps:wsp>
                        <wps:cNvPr id="4868" name="Rectangle 4868"/>
                        <wps:cNvSpPr/>
                        <wps:spPr>
                          <a:xfrm>
                            <a:off x="3451775" y="39205"/>
                            <a:ext cx="235394" cy="1346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SR </w:t>
                              </w:r>
                            </w:p>
                          </w:txbxContent>
                        </wps:txbx>
                        <wps:bodyPr horzOverflow="overflow" vert="horz" lIns="0" tIns="0" rIns="0" bIns="0" rtlCol="0">
                          <a:noAutofit/>
                        </wps:bodyPr>
                      </wps:wsp>
                      <wps:wsp>
                        <wps:cNvPr id="4869" name="Rectangle 4869"/>
                        <wps:cNvSpPr/>
                        <wps:spPr>
                          <a:xfrm>
                            <a:off x="2714804" y="164197"/>
                            <a:ext cx="1393074" cy="11348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изменяет общие данные</w:t>
                              </w:r>
                            </w:p>
                          </w:txbxContent>
                        </wps:txbx>
                        <wps:bodyPr horzOverflow="overflow" vert="horz" lIns="0" tIns="0" rIns="0" bIns="0" rtlCol="0">
                          <a:noAutofit/>
                        </wps:bodyPr>
                      </wps:wsp>
                      <wps:wsp>
                        <wps:cNvPr id="4870" name="Rectangle 4870"/>
                        <wps:cNvSpPr/>
                        <wps:spPr>
                          <a:xfrm>
                            <a:off x="3762246" y="148132"/>
                            <a:ext cx="67256" cy="13461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871" name="Rectangle 4871"/>
                        <wps:cNvSpPr/>
                        <wps:spPr>
                          <a:xfrm>
                            <a:off x="2714804" y="273125"/>
                            <a:ext cx="552738" cy="1134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озможно</w:t>
                              </w:r>
                            </w:p>
                          </w:txbxContent>
                        </wps:txbx>
                        <wps:bodyPr horzOverflow="overflow" vert="horz" lIns="0" tIns="0" rIns="0" bIns="0" rtlCol="0">
                          <a:noAutofit/>
                        </wps:bodyPr>
                      </wps:wsp>
                      <wps:wsp>
                        <wps:cNvPr id="4872" name="Rectangle 4872"/>
                        <wps:cNvSpPr/>
                        <wps:spPr>
                          <a:xfrm>
                            <a:off x="3130383" y="257060"/>
                            <a:ext cx="67256" cy="1346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873" name="Rectangle 4873"/>
                        <wps:cNvSpPr/>
                        <wps:spPr>
                          <a:xfrm>
                            <a:off x="3180966" y="273125"/>
                            <a:ext cx="811633" cy="1134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вреждая их </w:t>
                              </w:r>
                            </w:p>
                          </w:txbxContent>
                        </wps:txbx>
                        <wps:bodyPr horzOverflow="overflow" vert="horz" lIns="0" tIns="0" rIns="0" bIns="0" rtlCol="0">
                          <a:noAutofit/>
                        </wps:bodyPr>
                      </wps:wsp>
                      <wps:wsp>
                        <wps:cNvPr id="4874" name="Shape 4874"/>
                        <wps:cNvSpPr/>
                        <wps:spPr>
                          <a:xfrm>
                            <a:off x="2547359" y="1629598"/>
                            <a:ext cx="150458" cy="150101"/>
                          </a:xfrm>
                          <a:custGeom>
                            <a:avLst/>
                            <a:gdLst/>
                            <a:ahLst/>
                            <a:cxnLst/>
                            <a:rect l="0" t="0" r="0" b="0"/>
                            <a:pathLst>
                              <a:path w="150458" h="150101">
                                <a:moveTo>
                                  <a:pt x="75229" y="0"/>
                                </a:moveTo>
                                <a:cubicBezTo>
                                  <a:pt x="116787" y="0"/>
                                  <a:pt x="150458" y="33601"/>
                                  <a:pt x="150458" y="75054"/>
                                </a:cubicBezTo>
                                <a:cubicBezTo>
                                  <a:pt x="150458" y="116500"/>
                                  <a:pt x="116787" y="150101"/>
                                  <a:pt x="75229" y="150101"/>
                                </a:cubicBezTo>
                                <a:cubicBezTo>
                                  <a:pt x="33671" y="150101"/>
                                  <a:pt x="0" y="116500"/>
                                  <a:pt x="0" y="75054"/>
                                </a:cubicBezTo>
                                <a:cubicBezTo>
                                  <a:pt x="0" y="33601"/>
                                  <a:pt x="33671" y="0"/>
                                  <a:pt x="75229"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4875" name="Shape 4875"/>
                        <wps:cNvSpPr/>
                        <wps:spPr>
                          <a:xfrm>
                            <a:off x="2547359" y="1629598"/>
                            <a:ext cx="150458" cy="150101"/>
                          </a:xfrm>
                          <a:custGeom>
                            <a:avLst/>
                            <a:gdLst/>
                            <a:ahLst/>
                            <a:cxnLst/>
                            <a:rect l="0" t="0" r="0" b="0"/>
                            <a:pathLst>
                              <a:path w="150458" h="150101">
                                <a:moveTo>
                                  <a:pt x="150458" y="75054"/>
                                </a:moveTo>
                                <a:cubicBezTo>
                                  <a:pt x="150458" y="33601"/>
                                  <a:pt x="116787" y="0"/>
                                  <a:pt x="75229" y="0"/>
                                </a:cubicBezTo>
                                <a:cubicBezTo>
                                  <a:pt x="33671" y="0"/>
                                  <a:pt x="0" y="33601"/>
                                  <a:pt x="0" y="75054"/>
                                </a:cubicBezTo>
                                <a:cubicBezTo>
                                  <a:pt x="0" y="116500"/>
                                  <a:pt x="33671" y="150101"/>
                                  <a:pt x="75229" y="150101"/>
                                </a:cubicBezTo>
                                <a:cubicBezTo>
                                  <a:pt x="116787" y="150101"/>
                                  <a:pt x="150458" y="116500"/>
                                  <a:pt x="150458" y="75054"/>
                                </a:cubicBezTo>
                                <a:close/>
                              </a:path>
                            </a:pathLst>
                          </a:custGeom>
                          <a:ln w="5446" cap="rnd">
                            <a:round/>
                          </a:ln>
                        </wps:spPr>
                        <wps:style>
                          <a:lnRef idx="1">
                            <a:srgbClr val="000000"/>
                          </a:lnRef>
                          <a:fillRef idx="0">
                            <a:srgbClr val="000000">
                              <a:alpha val="0"/>
                            </a:srgbClr>
                          </a:fillRef>
                          <a:effectRef idx="0">
                            <a:scrgbClr r="0" g="0" b="0"/>
                          </a:effectRef>
                          <a:fontRef idx="none"/>
                        </wps:style>
                        <wps:bodyPr/>
                      </wps:wsp>
                      <wps:wsp>
                        <wps:cNvPr id="4876" name="Rectangle 4876"/>
                        <wps:cNvSpPr/>
                        <wps:spPr>
                          <a:xfrm>
                            <a:off x="2597259" y="1649733"/>
                            <a:ext cx="67315" cy="1346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4877" name="Rectangle 4877"/>
                        <wps:cNvSpPr/>
                        <wps:spPr>
                          <a:xfrm>
                            <a:off x="2732246" y="1622053"/>
                            <a:ext cx="1176696" cy="1134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райвер устройства </w:t>
                              </w:r>
                            </w:p>
                          </w:txbxContent>
                        </wps:txbx>
                        <wps:bodyPr horzOverflow="overflow" vert="horz" lIns="0" tIns="0" rIns="0" bIns="0" rtlCol="0">
                          <a:noAutofit/>
                        </wps:bodyPr>
                      </wps:wsp>
                      <wps:wsp>
                        <wps:cNvPr id="4878" name="Rectangle 4878"/>
                        <wps:cNvSpPr/>
                        <wps:spPr>
                          <a:xfrm>
                            <a:off x="2732246" y="1730980"/>
                            <a:ext cx="1393074" cy="1134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изменяет общие данные</w:t>
                              </w:r>
                            </w:p>
                          </w:txbxContent>
                        </wps:txbx>
                        <wps:bodyPr horzOverflow="overflow" vert="horz" lIns="0" tIns="0" rIns="0" bIns="0" rtlCol="0">
                          <a:noAutofit/>
                        </wps:bodyPr>
                      </wps:wsp>
                      <wps:wsp>
                        <wps:cNvPr id="4879" name="Shape 4879"/>
                        <wps:cNvSpPr/>
                        <wps:spPr>
                          <a:xfrm>
                            <a:off x="2588613" y="674283"/>
                            <a:ext cx="1414411" cy="617208"/>
                          </a:xfrm>
                          <a:custGeom>
                            <a:avLst/>
                            <a:gdLst/>
                            <a:ahLst/>
                            <a:cxnLst/>
                            <a:rect l="0" t="0" r="0" b="0"/>
                            <a:pathLst>
                              <a:path w="1414411" h="617208">
                                <a:moveTo>
                                  <a:pt x="538785" y="1143"/>
                                </a:moveTo>
                                <a:cubicBezTo>
                                  <a:pt x="558710" y="0"/>
                                  <a:pt x="577811" y="2378"/>
                                  <a:pt x="593869" y="8656"/>
                                </a:cubicBezTo>
                                <a:cubicBezTo>
                                  <a:pt x="632167" y="23634"/>
                                  <a:pt x="653249" y="60775"/>
                                  <a:pt x="689802" y="76812"/>
                                </a:cubicBezTo>
                                <a:cubicBezTo>
                                  <a:pt x="766093" y="110171"/>
                                  <a:pt x="910028" y="51622"/>
                                  <a:pt x="996936" y="76736"/>
                                </a:cubicBezTo>
                                <a:cubicBezTo>
                                  <a:pt x="1054798" y="93530"/>
                                  <a:pt x="1087332" y="147312"/>
                                  <a:pt x="1109704" y="183849"/>
                                </a:cubicBezTo>
                                <a:cubicBezTo>
                                  <a:pt x="1140493" y="234304"/>
                                  <a:pt x="1151944" y="252156"/>
                                  <a:pt x="1217694" y="300719"/>
                                </a:cubicBezTo>
                                <a:cubicBezTo>
                                  <a:pt x="1286401" y="351401"/>
                                  <a:pt x="1414411" y="435593"/>
                                  <a:pt x="1409634" y="485670"/>
                                </a:cubicBezTo>
                                <a:cubicBezTo>
                                  <a:pt x="1404781" y="536881"/>
                                  <a:pt x="1261224" y="552388"/>
                                  <a:pt x="1133744" y="553825"/>
                                </a:cubicBezTo>
                                <a:cubicBezTo>
                                  <a:pt x="928608" y="556170"/>
                                  <a:pt x="765182" y="522055"/>
                                  <a:pt x="605851" y="553825"/>
                                </a:cubicBezTo>
                                <a:cubicBezTo>
                                  <a:pt x="508630" y="573266"/>
                                  <a:pt x="412926" y="617208"/>
                                  <a:pt x="305922" y="612238"/>
                                </a:cubicBezTo>
                                <a:cubicBezTo>
                                  <a:pt x="163047" y="605596"/>
                                  <a:pt x="0" y="511540"/>
                                  <a:pt x="13271" y="427272"/>
                                </a:cubicBezTo>
                                <a:cubicBezTo>
                                  <a:pt x="21917" y="372127"/>
                                  <a:pt x="105943" y="321219"/>
                                  <a:pt x="173967" y="290961"/>
                                </a:cubicBezTo>
                                <a:cubicBezTo>
                                  <a:pt x="222654" y="269327"/>
                                  <a:pt x="263150" y="258283"/>
                                  <a:pt x="305922" y="252004"/>
                                </a:cubicBezTo>
                                <a:cubicBezTo>
                                  <a:pt x="305088" y="216603"/>
                                  <a:pt x="334284" y="223260"/>
                                  <a:pt x="353926" y="222806"/>
                                </a:cubicBezTo>
                                <a:cubicBezTo>
                                  <a:pt x="415883" y="221368"/>
                                  <a:pt x="383350" y="149355"/>
                                  <a:pt x="397152" y="96253"/>
                                </a:cubicBezTo>
                                <a:cubicBezTo>
                                  <a:pt x="411826" y="39689"/>
                                  <a:pt x="479011" y="4571"/>
                                  <a:pt x="538785" y="1143"/>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880" name="Shape 4880"/>
                        <wps:cNvSpPr/>
                        <wps:spPr>
                          <a:xfrm>
                            <a:off x="2588613" y="657826"/>
                            <a:ext cx="1414411" cy="633665"/>
                          </a:xfrm>
                          <a:custGeom>
                            <a:avLst/>
                            <a:gdLst/>
                            <a:ahLst/>
                            <a:cxnLst/>
                            <a:rect l="0" t="0" r="0" b="0"/>
                            <a:pathLst>
                              <a:path w="1414411" h="633665">
                                <a:moveTo>
                                  <a:pt x="305922" y="268462"/>
                                </a:moveTo>
                                <a:cubicBezTo>
                                  <a:pt x="305088" y="233060"/>
                                  <a:pt x="334284" y="239717"/>
                                  <a:pt x="353926" y="239263"/>
                                </a:cubicBezTo>
                                <a:cubicBezTo>
                                  <a:pt x="415883" y="237826"/>
                                  <a:pt x="383350" y="165812"/>
                                  <a:pt x="397152" y="112710"/>
                                </a:cubicBezTo>
                                <a:cubicBezTo>
                                  <a:pt x="416717" y="37293"/>
                                  <a:pt x="529637" y="0"/>
                                  <a:pt x="593869" y="25114"/>
                                </a:cubicBezTo>
                                <a:cubicBezTo>
                                  <a:pt x="632167" y="40092"/>
                                  <a:pt x="653249" y="77233"/>
                                  <a:pt x="689802" y="93270"/>
                                </a:cubicBezTo>
                                <a:cubicBezTo>
                                  <a:pt x="766093" y="126629"/>
                                  <a:pt x="910028" y="68080"/>
                                  <a:pt x="996936" y="93194"/>
                                </a:cubicBezTo>
                                <a:cubicBezTo>
                                  <a:pt x="1054798" y="109987"/>
                                  <a:pt x="1087332" y="163770"/>
                                  <a:pt x="1109704" y="200306"/>
                                </a:cubicBezTo>
                                <a:cubicBezTo>
                                  <a:pt x="1140493" y="250761"/>
                                  <a:pt x="1151944" y="268613"/>
                                  <a:pt x="1217694" y="317177"/>
                                </a:cubicBezTo>
                                <a:cubicBezTo>
                                  <a:pt x="1286401" y="367859"/>
                                  <a:pt x="1414411" y="452051"/>
                                  <a:pt x="1409634" y="502127"/>
                                </a:cubicBezTo>
                                <a:cubicBezTo>
                                  <a:pt x="1404781" y="553338"/>
                                  <a:pt x="1261224" y="568846"/>
                                  <a:pt x="1133744" y="570283"/>
                                </a:cubicBezTo>
                                <a:cubicBezTo>
                                  <a:pt x="928608" y="572628"/>
                                  <a:pt x="765182" y="538512"/>
                                  <a:pt x="605851" y="570283"/>
                                </a:cubicBezTo>
                                <a:cubicBezTo>
                                  <a:pt x="508630" y="589723"/>
                                  <a:pt x="412926" y="633665"/>
                                  <a:pt x="305922" y="628695"/>
                                </a:cubicBezTo>
                                <a:cubicBezTo>
                                  <a:pt x="163047" y="622054"/>
                                  <a:pt x="0" y="527998"/>
                                  <a:pt x="13271" y="443730"/>
                                </a:cubicBezTo>
                                <a:cubicBezTo>
                                  <a:pt x="21917" y="388585"/>
                                  <a:pt x="105943" y="337676"/>
                                  <a:pt x="173967" y="307418"/>
                                </a:cubicBezTo>
                                <a:cubicBezTo>
                                  <a:pt x="222654" y="285785"/>
                                  <a:pt x="263150" y="274740"/>
                                  <a:pt x="305922" y="268462"/>
                                </a:cubicBezTo>
                                <a:close/>
                              </a:path>
                            </a:pathLst>
                          </a:custGeom>
                          <a:ln w="5446" cap="rnd">
                            <a:round/>
                          </a:ln>
                        </wps:spPr>
                        <wps:style>
                          <a:lnRef idx="1">
                            <a:srgbClr val="000000"/>
                          </a:lnRef>
                          <a:fillRef idx="0">
                            <a:srgbClr val="000000">
                              <a:alpha val="0"/>
                            </a:srgbClr>
                          </a:fillRef>
                          <a:effectRef idx="0">
                            <a:scrgbClr r="0" g="0" b="0"/>
                          </a:effectRef>
                          <a:fontRef idx="none"/>
                        </wps:style>
                        <wps:bodyPr/>
                      </wps:wsp>
                      <wps:wsp>
                        <wps:cNvPr id="4881" name="Rectangle 4881"/>
                        <wps:cNvSpPr/>
                        <wps:spPr>
                          <a:xfrm>
                            <a:off x="2910536" y="871595"/>
                            <a:ext cx="100884" cy="1346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882" name="Rectangle 4882"/>
                        <wps:cNvSpPr/>
                        <wps:spPr>
                          <a:xfrm>
                            <a:off x="2986372" y="887660"/>
                            <a:ext cx="934469" cy="1134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Глобальные или</w:t>
                              </w:r>
                            </w:p>
                          </w:txbxContent>
                        </wps:txbx>
                        <wps:bodyPr horzOverflow="overflow" vert="horz" lIns="0" tIns="0" rIns="0" bIns="0" rtlCol="0">
                          <a:noAutofit/>
                        </wps:bodyPr>
                      </wps:wsp>
                      <wps:wsp>
                        <wps:cNvPr id="4883" name="Rectangle 4883"/>
                        <wps:cNvSpPr/>
                        <wps:spPr>
                          <a:xfrm>
                            <a:off x="2974845" y="980523"/>
                            <a:ext cx="33628" cy="13461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884" name="Rectangle 4884"/>
                        <wps:cNvSpPr/>
                        <wps:spPr>
                          <a:xfrm>
                            <a:off x="3000098" y="996588"/>
                            <a:ext cx="830681" cy="1134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общие данные</w:t>
                              </w:r>
                            </w:p>
                          </w:txbxContent>
                        </wps:txbx>
                        <wps:bodyPr horzOverflow="overflow" vert="horz" lIns="0" tIns="0" rIns="0" bIns="0" rtlCol="0">
                          <a:noAutofit/>
                        </wps:bodyPr>
                      </wps:wsp>
                      <wps:wsp>
                        <wps:cNvPr id="4885" name="Shape 4885"/>
                        <wps:cNvSpPr/>
                        <wps:spPr>
                          <a:xfrm>
                            <a:off x="2439900" y="1334177"/>
                            <a:ext cx="231678" cy="231093"/>
                          </a:xfrm>
                          <a:custGeom>
                            <a:avLst/>
                            <a:gdLst/>
                            <a:ahLst/>
                            <a:cxnLst/>
                            <a:rect l="0" t="0" r="0" b="0"/>
                            <a:pathLst>
                              <a:path w="231678" h="231093">
                                <a:moveTo>
                                  <a:pt x="0" y="231093"/>
                                </a:moveTo>
                                <a:lnTo>
                                  <a:pt x="231678" y="0"/>
                                </a:lnTo>
                              </a:path>
                            </a:pathLst>
                          </a:custGeom>
                          <a:ln w="5446" cap="rnd">
                            <a:round/>
                          </a:ln>
                        </wps:spPr>
                        <wps:style>
                          <a:lnRef idx="1">
                            <a:srgbClr val="000000"/>
                          </a:lnRef>
                          <a:fillRef idx="0">
                            <a:srgbClr val="000000">
                              <a:alpha val="0"/>
                            </a:srgbClr>
                          </a:fillRef>
                          <a:effectRef idx="0">
                            <a:scrgbClr r="0" g="0" b="0"/>
                          </a:effectRef>
                          <a:fontRef idx="none"/>
                        </wps:style>
                        <wps:bodyPr/>
                      </wps:wsp>
                      <wps:wsp>
                        <wps:cNvPr id="4886" name="Shape 4886"/>
                        <wps:cNvSpPr/>
                        <wps:spPr>
                          <a:xfrm>
                            <a:off x="2649813" y="1286521"/>
                            <a:ext cx="69541" cy="69320"/>
                          </a:xfrm>
                          <a:custGeom>
                            <a:avLst/>
                            <a:gdLst/>
                            <a:ahLst/>
                            <a:cxnLst/>
                            <a:rect l="0" t="0" r="0" b="0"/>
                            <a:pathLst>
                              <a:path w="69541" h="69320">
                                <a:moveTo>
                                  <a:pt x="69541" y="0"/>
                                </a:moveTo>
                                <a:lnTo>
                                  <a:pt x="34808" y="69320"/>
                                </a:lnTo>
                                <a:lnTo>
                                  <a:pt x="0" y="34660"/>
                                </a:lnTo>
                                <a:lnTo>
                                  <a:pt x="69541"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887" name="Shape 4887"/>
                        <wps:cNvSpPr/>
                        <wps:spPr>
                          <a:xfrm>
                            <a:off x="2439900" y="428851"/>
                            <a:ext cx="339137" cy="338281"/>
                          </a:xfrm>
                          <a:custGeom>
                            <a:avLst/>
                            <a:gdLst/>
                            <a:ahLst/>
                            <a:cxnLst/>
                            <a:rect l="0" t="0" r="0" b="0"/>
                            <a:pathLst>
                              <a:path w="339137" h="338281">
                                <a:moveTo>
                                  <a:pt x="0" y="0"/>
                                </a:moveTo>
                                <a:lnTo>
                                  <a:pt x="339137" y="338281"/>
                                </a:lnTo>
                              </a:path>
                            </a:pathLst>
                          </a:custGeom>
                          <a:ln w="5446" cap="rnd">
                            <a:round/>
                          </a:ln>
                        </wps:spPr>
                        <wps:style>
                          <a:lnRef idx="1">
                            <a:srgbClr val="000000"/>
                          </a:lnRef>
                          <a:fillRef idx="0">
                            <a:srgbClr val="000000">
                              <a:alpha val="0"/>
                            </a:srgbClr>
                          </a:fillRef>
                          <a:effectRef idx="0">
                            <a:scrgbClr r="0" g="0" b="0"/>
                          </a:effectRef>
                          <a:fontRef idx="none"/>
                        </wps:style>
                        <wps:bodyPr/>
                      </wps:wsp>
                      <wps:wsp>
                        <wps:cNvPr id="4888" name="Shape 4888"/>
                        <wps:cNvSpPr/>
                        <wps:spPr>
                          <a:xfrm>
                            <a:off x="2757348" y="745498"/>
                            <a:ext cx="69466" cy="69290"/>
                          </a:xfrm>
                          <a:custGeom>
                            <a:avLst/>
                            <a:gdLst/>
                            <a:ahLst/>
                            <a:cxnLst/>
                            <a:rect l="0" t="0" r="0" b="0"/>
                            <a:pathLst>
                              <a:path w="69466" h="69290">
                                <a:moveTo>
                                  <a:pt x="34733" y="0"/>
                                </a:moveTo>
                                <a:lnTo>
                                  <a:pt x="69466" y="69290"/>
                                </a:lnTo>
                                <a:lnTo>
                                  <a:pt x="0" y="34645"/>
                                </a:lnTo>
                                <a:lnTo>
                                  <a:pt x="34733"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889" name="Rectangle 4889"/>
                        <wps:cNvSpPr/>
                        <wps:spPr>
                          <a:xfrm>
                            <a:off x="4018762" y="1912181"/>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inline>
            </w:drawing>
          </mc:Choice>
          <mc:Fallback>
            <w:pict>
              <v:group id="Group 61115" o:spid="_x0000_s2322" style="width:320pt;height:160.4pt;mso-position-horizontal-relative:char;mso-position-vertical-relative:line" coordsize="40638,2036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">
                <v:shape id="Shape 4841" o:spid="_x0000_s2323" style="position:absolute;left:3099;top:3041;width:6689;height:4035;visibility:visible;mso-wrap-style:square;v-text-anchor:top" coordsize="668939,40348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" path="m,403487l609711,190321,131567,187900,668939,e" filled="f" strokeweight=".15128mm">
                  <v:stroke endcap="round"/>
                  <v:path arrowok="t" textboxrect="0,0,668939,403487"/>
                </v:shape>
                <v:shape id="Shape 4842" o:spid="_x0000_s2324" style="position:absolute;left:9648;top:2817;width:778;height:476;visibility:visible;mso-wrap-style:square;v-text-anchor:top" coordsize="77732,475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" path="m77732,l16229,47504,,1210,77732,xe" fillcolor="black" stroked="f" strokeweight="0">
                  <v:stroke endcap="round"/>
                  <v:path arrowok="t" textboxrect="0,0,77732,47504"/>
                </v:shape>
                <v:shape id="Shape 4843" o:spid="_x0000_s2325" style="position:absolute;top:7718;width:1504;height:1501;visibility:visible;mso-wrap-style:square;v-text-anchor:top" coordsize="150473,1500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" path="m75237,v41550,,75236,33586,75236,75039c150473,116493,116787,150078,75237,150078,33686,150078,,116493,,75039,,33586,33686,,75237,xe" fillcolor="#d9d9d9" stroked="f" strokeweight="0">
                  <v:stroke endcap="round"/>
                  <v:path arrowok="t" textboxrect="0,0,150473,150078"/>
                </v:shape>
                <v:shape id="Shape 4844" o:spid="_x0000_s2326" style="position:absolute;top:7718;width:1504;height:1501;visibility:visible;mso-wrap-style:square;v-text-anchor:top" coordsize="150473,1500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" path="m150473,75039c150473,33586,116787,,75237,,33686,,,33586,,75039v,41454,33686,75039,75237,75039c116787,150078,150473,116493,150473,75039xe" filled="f" strokeweight=".15128mm">
                  <v:stroke endcap="round"/>
                  <v:path arrowok="t" textboxrect="0,0,150473,150078"/>
                </v:shape>
                <v:rect id="Rectangle 4845" o:spid="_x0000_s2327" style="position:absolute;left:499;top:7920;width:673;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rect id="Rectangle 4846" o:spid="_x0000_s2328" style="position:absolute;left:1995;top:8074;width:709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Прерывание</w:t>
                        </w:r>
                      </w:p>
                    </w:txbxContent>
                  </v:textbox>
                </v:rect>
                <v:rect id="Rectangle 4847" o:spid="_x0000_s2329" style="position:absolute;left:10681;top:1481;width:6861;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Device</w:t>
                        </w:r>
                        <w:proofErr w:type="spellEnd"/>
                        <w:r>
                          <w:rPr>
                            <w:rFonts w:ascii="Arial" w:eastAsia="Arial" w:hAnsi="Arial" w:cs="Arial"/>
                            <w:sz w:val="14"/>
                          </w:rPr>
                          <w:t xml:space="preserve"> IRQL</w:t>
                        </w:r>
                      </w:p>
                    </w:txbxContent>
                  </v:textbox>
                </v:rect>
                <v:rect id="Rectangle 4848" o:spid="_x0000_s2330" style="position:absolute;left:10183;top:17563;width:7399;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Passive</w:t>
                        </w:r>
                        <w:proofErr w:type="spellEnd"/>
                        <w:r>
                          <w:rPr>
                            <w:rFonts w:ascii="Arial" w:eastAsia="Arial" w:hAnsi="Arial" w:cs="Arial"/>
                            <w:sz w:val="14"/>
                          </w:rPr>
                          <w:t xml:space="preserve"> IRQL</w:t>
                        </w:r>
                      </w:p>
                    </w:txbxContent>
                  </v:textbox>
                </v:rect>
                <v:shape id="Shape 4849" o:spid="_x0000_s2331" style="position:absolute;left:12575;top:2786;width:0;height:14570;visibility:visible;mso-wrap-style:square;v-text-anchor:top" coordsize="0,145692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" path="m,l,1456925e" filled="f" strokeweight=".45386mm">
                  <v:stroke endcap="round"/>
                  <v:path arrowok="t" textboxrect="0,0,0,1456925"/>
                </v:shape>
                <v:shape id="Shape 69457" o:spid="_x0000_s2332" style="position:absolute;left:16337;width:8061;height:4288;visibility:visible;mso-wrap-style:square;v-text-anchor:top" coordsize="806133,4288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" path="m,l806133,r,428851l,428851,,e" fillcolor="#f2f2f2" stroked="f" strokeweight="0">
                  <v:stroke endcap="round"/>
                  <v:path arrowok="t" textboxrect="0,0,806133,428851"/>
                </v:shape>
                <v:shape id="Shape 4851" o:spid="_x0000_s2333" style="position:absolute;left:16337;width:8061;height:4288;visibility:visible;mso-wrap-style:square;v-text-anchor:top" coordsize="806133,4288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" path="m,428851r806133,l806133,,,,,428851xe" filled="f" strokeweight=".05042mm">
                  <v:stroke endcap="round"/>
                  <v:path arrowok="t" textboxrect="0,0,806133,428851"/>
                </v:shape>
                <v:rect id="Rectangle 4852" o:spid="_x0000_s2334" style="position:absolute;left:17896;top:666;width:6576;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а </w:t>
                        </w:r>
                      </w:p>
                    </w:txbxContent>
                  </v:textbox>
                </v:rect>
                <v:rect id="Rectangle 4853" o:spid="_x0000_s2335" style="position:absolute;left:17202;top:1755;width:8421;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бслуживания </w:t>
                        </w:r>
                      </w:p>
                    </w:txbxContent>
                  </v:textbox>
                </v:rect>
                <v:rect id="Rectangle 4854" o:spid="_x0000_s2336" style="position:absolute;left:16600;top:2844;width:6862;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рерывания</w:t>
                        </w:r>
                      </w:p>
                    </w:txbxContent>
                  </v:textbox>
                </v:rect>
                <v:rect id="Rectangle 4855" o:spid="_x0000_s2337" style="position:absolute;left:21759;top:2684;width:336;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856" o:spid="_x0000_s2338" style="position:absolute;left:22012;top:2684;width:403;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4857" o:spid="_x0000_s2339" style="position:absolute;left:22315;top:2684;width:2017;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ISR</w:t>
                        </w:r>
                      </w:p>
                    </w:txbxContent>
                  </v:textbox>
                </v:rect>
                <v:rect id="Rectangle 4858" o:spid="_x0000_s2340" style="position:absolute;left:23832;top:2684;width:403;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69458" o:spid="_x0000_s2341" style="position:absolute;left:16337;top:15652;width:8061;height:4289;visibility:visible;mso-wrap-style:square;v-text-anchor:top" coordsize="806133,4288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" path="m,l806133,r,428850l,428850,,e" fillcolor="#f2f2f2" stroked="f" strokeweight="0">
                  <v:stroke endcap="round"/>
                  <v:path arrowok="t" textboxrect="0,0,806133,428850"/>
                </v:shape>
                <v:shape id="Shape 4860" o:spid="_x0000_s2342" style="position:absolute;left:16337;top:15652;width:8061;height:4289;visibility:visible;mso-wrap-style:square;v-text-anchor:top" coordsize="806133,4288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" path="m,428850r806133,l806133,,,,,428850xe" filled="f" strokeweight=".05042mm">
                  <v:stroke endcap="round"/>
                  <v:path arrowok="t" textboxrect="0,0,806133,428850"/>
                </v:shape>
                <v:rect id="Rectangle 4861" o:spid="_x0000_s2343" style="position:absolute;left:16995;top:16319;width:8971;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а или </w:t>
                        </w:r>
                      </w:p>
                    </w:txbxContent>
                  </v:textbox>
                </v:rect>
                <v:rect id="Rectangle 4862" o:spid="_x0000_s2344" style="position:absolute;left:17902;top:17408;width:6559;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цедуры </w:t>
                        </w:r>
                      </w:p>
                    </w:txbxContent>
                  </v:textbox>
                </v:rect>
                <v:rect id="Rectangle 4863" o:spid="_x0000_s2345" style="position:absolute;left:16684;top:18497;width:9798;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изации</w:t>
                        </w:r>
                      </w:p>
                    </w:txbxContent>
                  </v:textbox>
                </v:rect>
                <v:shape id="Shape 4864" o:spid="_x0000_s2346" style="position:absolute;left:25473;top:643;width:1505;height:1500;visibility:visible;mso-wrap-style:square;v-text-anchor:top" coordsize="150458,1500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" path="m75229,v41558,,75229,33586,75229,75039c150458,116493,116787,150078,75229,150078,33671,150078,,116493,,75039,,33586,33671,,75229,xe" fillcolor="#d9d9d9" stroked="f" strokeweight="0">
                  <v:stroke endcap="round"/>
                  <v:path arrowok="t" textboxrect="0,0,150458,150078"/>
                </v:shape>
                <v:shape id="Shape 4865" o:spid="_x0000_s2347" style="position:absolute;left:25473;top:643;width:1505;height:1500;visibility:visible;mso-wrap-style:square;v-text-anchor:top" coordsize="150458,1500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" path="m150458,75039c150458,33586,116787,,75229,,33671,,,33586,,75039v,41454,33671,75039,75229,75039c116787,150078,150458,116493,150458,75039xe" filled="f" strokeweight=".15128mm">
                  <v:stroke endcap="round"/>
                  <v:path arrowok="t" textboxrect="0,0,150458,150078"/>
                </v:shape>
                <v:rect id="Rectangle 4866" o:spid="_x0000_s2348" style="position:absolute;left:25972;top:844;width:673;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3</w:t>
                        </w:r>
                      </w:p>
                    </w:txbxContent>
                  </v:textbox>
                </v:rect>
                <v:rect id="Rectangle 4867" o:spid="_x0000_s2349" style="position:absolute;left:27148;top:552;width:9801;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и выполнении </w:t>
                        </w:r>
                      </w:p>
                    </w:txbxContent>
                  </v:textbox>
                </v:rect>
                <v:rect id="Rectangle 4868" o:spid="_x0000_s2350" style="position:absolute;left:34517;top:392;width:2354;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SR </w:t>
                        </w:r>
                      </w:p>
                    </w:txbxContent>
                  </v:textbox>
                </v:rect>
                <v:rect id="Rectangle 4869" o:spid="_x0000_s2351" style="position:absolute;left:27148;top:1641;width:13930;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изменяет общие данные</w:t>
                        </w:r>
                      </w:p>
                    </w:txbxContent>
                  </v:textbox>
                </v:rect>
                <v:rect id="Rectangle 4870" o:spid="_x0000_s2352" style="position:absolute;left:37622;top:1481;width:673;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871" o:spid="_x0000_s2353" style="position:absolute;left:27148;top:2731;width:5527;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озможно</w:t>
                        </w:r>
                      </w:p>
                    </w:txbxContent>
                  </v:textbox>
                </v:rect>
                <v:rect id="Rectangle 4872" o:spid="_x0000_s2354" style="position:absolute;left:31303;top:2570;width:673;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873" o:spid="_x0000_s2355" style="position:absolute;left:31809;top:2731;width:8116;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вреждая их </w:t>
                        </w:r>
                      </w:p>
                    </w:txbxContent>
                  </v:textbox>
                </v:rect>
                <v:shape id="Shape 4874" o:spid="_x0000_s2356" style="position:absolute;left:25473;top:16295;width:1505;height:1501;visibility:visible;mso-wrap-style:square;v-text-anchor:top" coordsize="150458,1501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" path="m75229,v41558,,75229,33601,75229,75054c150458,116500,116787,150101,75229,150101,33671,150101,,116500,,75054,,33601,33671,,75229,xe" fillcolor="#d9d9d9" stroked="f" strokeweight="0">
                  <v:stroke endcap="round"/>
                  <v:path arrowok="t" textboxrect="0,0,150458,150101"/>
                </v:shape>
                <v:shape id="Shape 4875" o:spid="_x0000_s2357" style="position:absolute;left:25473;top:16295;width:1505;height:1501;visibility:visible;mso-wrap-style:square;v-text-anchor:top" coordsize="150458,1501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" path="m150458,75054c150458,33601,116787,,75229,,33671,,,33601,,75054v,41446,33671,75047,75229,75047c116787,150101,150458,116500,150458,75054xe" filled="f" strokeweight=".15128mm">
                  <v:stroke endcap="round"/>
                  <v:path arrowok="t" textboxrect="0,0,150458,150101"/>
                </v:shape>
                <v:rect id="Rectangle 4876" o:spid="_x0000_s2358" style="position:absolute;left:25972;top:16497;width:673;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rect id="Rectangle 4877" o:spid="_x0000_s2359" style="position:absolute;left:27322;top:16220;width:11767;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райвер устройства </w:t>
                        </w:r>
                      </w:p>
                    </w:txbxContent>
                  </v:textbox>
                </v:rect>
                <v:rect id="Rectangle 4878" o:spid="_x0000_s2360" style="position:absolute;left:27322;top:17309;width:13931;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изменяет общие данные</w:t>
                        </w:r>
                      </w:p>
                    </w:txbxContent>
                  </v:textbox>
                </v:rect>
                <v:shape id="Shape 4879" o:spid="_x0000_s2361" style="position:absolute;left:25886;top:6742;width:14144;height:6172;visibility:visible;mso-wrap-style:square;v-text-anchor:top" coordsize="1414411,6172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" path="m538785,1143c558710,,577811,2378,593869,8656v38298,14978,59380,52119,95933,68156c766093,110171,910028,51622,996936,76736v57862,16794,90396,70576,112768,107113c1140493,234304,1151944,252156,1217694,300719v68707,50682,196717,134874,191940,184951c1404781,536881,1261224,552388,1133744,553825v-205136,2345,-368562,-31770,-527893,c508630,573266,412926,617208,305922,612238,163047,605596,,511540,13271,427272,21917,372127,105943,321219,173967,290961v48687,-21634,89183,-32678,131955,-38957c305088,216603,334284,223260,353926,222806v61957,-1438,29424,-73451,43226,-126553c411826,39689,479011,4571,538785,1143xe" fillcolor="#f2f2f2" stroked="f" strokeweight="0">
                  <v:stroke endcap="round"/>
                  <v:path arrowok="t" textboxrect="0,0,1414411,617208"/>
                </v:shape>
                <v:shape id="Shape 4880" o:spid="_x0000_s2362" style="position:absolute;left:25886;top:6578;width:14144;height:6336;visibility:visible;mso-wrap-style:square;v-text-anchor:top" coordsize="1414411,6336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" path="m305922,268462v-834,-35402,28362,-28745,48004,-29199c415883,237826,383350,165812,397152,112710,416717,37293,529637,,593869,25114v38298,14978,59380,52119,95933,68156c766093,126629,910028,68080,996936,93194v57862,16793,90396,70576,112768,107112c1140493,250761,1151944,268613,1217694,317177v68707,50682,196717,134874,191940,184950c1404781,553338,1261224,568846,1133744,570283v-205136,2345,-368562,-31771,-527893,c508630,589723,412926,633665,305922,628695,163047,622054,,527998,13271,443730,21917,388585,105943,337676,173967,307418v48687,-21633,89183,-32678,131955,-38956xe" filled="f" strokeweight=".15128mm">
                  <v:stroke endcap="round"/>
                  <v:path arrowok="t" textboxrect="0,0,1414411,633665"/>
                </v:shape>
                <v:rect id="Rectangle 4881" o:spid="_x0000_s2363" style="position:absolute;left:29105;top:8715;width:1009;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882" o:spid="_x0000_s2364" style="position:absolute;left:29863;top:8876;width:934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Глобальные или</w:t>
                        </w:r>
                      </w:p>
                    </w:txbxContent>
                  </v:textbox>
                </v:rect>
                <v:rect id="Rectangle 4883" o:spid="_x0000_s2365" style="position:absolute;left:29748;top:9805;width:336;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4884" o:spid="_x0000_s2366" style="position:absolute;left:30000;top:9965;width:8307;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общие данные</w:t>
                        </w:r>
                      </w:p>
                    </w:txbxContent>
                  </v:textbox>
                </v:rect>
                <v:shape id="Shape 4885" o:spid="_x0000_s2367" style="position:absolute;left:24399;top:13341;width:2316;height:2311;visibility:visible;mso-wrap-style:square;v-text-anchor:top" coordsize="231678,2310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" path="m,231093l231678,e" filled="f" strokeweight=".15128mm">
                  <v:stroke endcap="round"/>
                  <v:path arrowok="t" textboxrect="0,0,231678,231093"/>
                </v:shape>
                <v:shape id="Shape 4886" o:spid="_x0000_s2368" style="position:absolute;left:26498;top:12865;width:695;height:693;visibility:visible;mso-wrap-style:square;v-text-anchor:top" coordsize="69541,693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" path="m69541,l34808,69320,,34660,69541,xe" fillcolor="black" stroked="f" strokeweight="0">
                  <v:stroke endcap="round"/>
                  <v:path arrowok="t" textboxrect="0,0,69541,69320"/>
                </v:shape>
                <v:shape id="Shape 4887" o:spid="_x0000_s2369" style="position:absolute;left:24399;top:4288;width:3391;height:3383;visibility:visible;mso-wrap-style:square;v-text-anchor:top" coordsize="339137,3382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" path="m,l339137,338281e" filled="f" strokeweight=".15128mm">
                  <v:stroke endcap="round"/>
                  <v:path arrowok="t" textboxrect="0,0,339137,338281"/>
                </v:shape>
                <v:shape id="Shape 4888" o:spid="_x0000_s2370" style="position:absolute;left:27573;top:7454;width:695;height:693;visibility:visible;mso-wrap-style:square;v-text-anchor:top" coordsize="69466,692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" path="m34733,l69466,69290,,34645,34733,xe" fillcolor="black" stroked="f" strokeweight="0">
                  <v:stroke endcap="round"/>
                  <v:path arrowok="t" textboxrect="0,0,69466,69290"/>
                </v:shape>
                <v:rect id="Rectangle 4889" o:spid="_x0000_s2371" style="position:absolute;left:40187;top:19121;width:599;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" filled="f" stroked="f">
                  <v:textbox inset="0,0,0,0">
                    <w:txbxContent>
                      <w:p w:rsidR="0043064D" w:rsidRDefault="008B3C4B">
                        <w:pPr>
                          <w:spacing w:after="160" w:line="259" w:lineRule="auto"/>
                          <w:ind w:left="0" w:firstLine="0"/>
                          <w:jc w:val="left"/>
                        </w:pPr>
                        <w:r>
                          <w:t xml:space="preserve"> </w:t>
                        </w:r>
                      </w:p>
                    </w:txbxContent>
                  </v:textbox>
                </v:rect>
                <w10:anchorlock/>
              </v:group>
            </w:pict>
          </mc:Fallback>
        </mc:AlternateContent>
      </w:r>
    </w:p>
    <w:p w:rsidR="0043064D" w:rsidRDefault="008B3C4B">
      <w:pPr>
        <w:spacing w:after="333" w:line="265" w:lineRule="auto"/>
        <w:jc w:val="center"/>
      </w:pPr>
      <w:r>
        <w:t xml:space="preserve">Рис. 15. Пример повреждения данных, используемых драйвером устройства, в отсутствие синхронизации </w:t>
      </w:r>
    </w:p>
    <w:p w:rsidR="0043064D" w:rsidRDefault="008B3C4B">
      <w:pPr>
        <w:ind w:left="-5" w:right="1"/>
      </w:pPr>
      <w:r>
        <w:t xml:space="preserve">Во избежание такой ситуации драйвер, написанный для </w:t>
      </w:r>
      <w:proofErr w:type="spellStart"/>
      <w:r>
        <w:t>Windows</w:t>
      </w:r>
      <w:proofErr w:type="spellEnd"/>
      <w:r>
        <w:t>, должен синхронизировать обращение к любым данным, которые он разделяет со свое</w:t>
      </w:r>
      <w:r>
        <w:t xml:space="preserve">й ISR. Прежде чем обновлять общие данные, драйвер должен заблокировать все остальные потоки (или CPU, если система </w:t>
      </w:r>
      <w:proofErr w:type="spellStart"/>
      <w:r>
        <w:t>multi</w:t>
      </w:r>
      <w:proofErr w:type="spellEnd"/>
      <w:r>
        <w:t xml:space="preserve">-CPU), чтобы запретить им доступ к тем же данным. </w:t>
      </w:r>
    </w:p>
    <w:p w:rsidR="0043064D" w:rsidRDefault="008B3C4B">
      <w:pPr>
        <w:spacing w:after="290"/>
        <w:ind w:left="-5" w:right="1"/>
      </w:pPr>
      <w:r>
        <w:t xml:space="preserve">Ядро </w:t>
      </w:r>
      <w:proofErr w:type="spellStart"/>
      <w:r>
        <w:t>Windows</w:t>
      </w:r>
      <w:proofErr w:type="spellEnd"/>
      <w:r>
        <w:t xml:space="preserve"> предоставляет специальную синхронизирующую процедуру </w:t>
      </w:r>
      <w:proofErr w:type="spellStart"/>
      <w:r>
        <w:rPr>
          <w:rFonts w:ascii="Courier New" w:eastAsia="Courier New" w:hAnsi="Courier New" w:cs="Courier New"/>
        </w:rPr>
        <w:t>KeSynchronizeExecut</w:t>
      </w:r>
      <w:r>
        <w:rPr>
          <w:rFonts w:ascii="Courier New" w:eastAsia="Courier New" w:hAnsi="Courier New" w:cs="Courier New"/>
        </w:rPr>
        <w:t>ion</w:t>
      </w:r>
      <w:proofErr w:type="spellEnd"/>
      <w:r>
        <w:t>, которую драйверы устройств должны вызывать при доступе к данным, разделяемым с ISR. Эта процедура не допускает выполнения ISR, пока драйвер обращается к общим данным. В однопроцессорных системах перед обновлением общих структур данных она повышает IRQ</w:t>
      </w:r>
      <w:r>
        <w:t xml:space="preserve">L до уровня, сопоставленного с ISR. Но в </w:t>
      </w:r>
      <w:proofErr w:type="spellStart"/>
      <w:r>
        <w:t>multi</w:t>
      </w:r>
      <w:proofErr w:type="spellEnd"/>
      <w:r>
        <w:t xml:space="preserve">-CPU системах эта методика не гарантирует полной блокировки, так как код драйвера может выполняться на двух и более CPU одновременно. Поэтому в </w:t>
      </w:r>
      <w:proofErr w:type="spellStart"/>
      <w:r>
        <w:t>multiCPU</w:t>
      </w:r>
      <w:proofErr w:type="spellEnd"/>
      <w:r>
        <w:t xml:space="preserve"> системах применяется другой механизм — </w:t>
      </w:r>
      <w:r>
        <w:rPr>
          <w:b/>
        </w:rPr>
        <w:t>спин-блокировка</w:t>
      </w:r>
      <w:r>
        <w:t>. Д</w:t>
      </w:r>
      <w:r>
        <w:t xml:space="preserve">райвер также может использовать </w:t>
      </w:r>
      <w:proofErr w:type="spellStart"/>
      <w:r>
        <w:rPr>
          <w:rFonts w:ascii="Courier New" w:eastAsia="Courier New" w:hAnsi="Courier New" w:cs="Courier New"/>
        </w:rPr>
        <w:t>KeAcquirelnterruptSpinLock</w:t>
      </w:r>
      <w:proofErr w:type="spellEnd"/>
      <w:r>
        <w:t xml:space="preserve"> для прямого доступа к </w:t>
      </w:r>
      <w:proofErr w:type="spellStart"/>
      <w:r>
        <w:t>спинблокировке</w:t>
      </w:r>
      <w:proofErr w:type="spellEnd"/>
      <w:r>
        <w:t xml:space="preserve"> объекта прерывания, хотя вариант синхронизации с ISR через </w:t>
      </w:r>
      <w:proofErr w:type="spellStart"/>
      <w:r>
        <w:rPr>
          <w:rFonts w:ascii="Courier New" w:eastAsia="Courier New" w:hAnsi="Courier New" w:cs="Courier New"/>
        </w:rPr>
        <w:t>KeSynchronizeExecution</w:t>
      </w:r>
      <w:proofErr w:type="spellEnd"/>
      <w:r>
        <w:t xml:space="preserve"> обычно работает быстрее. </w:t>
      </w:r>
    </w:p>
    <w:p w:rsidR="0043064D" w:rsidRDefault="008B3C4B">
      <w:pPr>
        <w:pStyle w:val="3"/>
        <w:spacing w:after="57" w:line="265" w:lineRule="auto"/>
        <w:ind w:left="-5"/>
      </w:pPr>
      <w:bookmarkStart w:id="15" w:name="_Toc68663"/>
      <w:r>
        <w:rPr>
          <w:rFonts w:ascii="Tahoma" w:eastAsia="Tahoma" w:hAnsi="Tahoma" w:cs="Tahoma"/>
          <w:b w:val="0"/>
        </w:rPr>
        <w:t xml:space="preserve">Запрос ввода-вывода к многоуровневому драйверу </w:t>
      </w:r>
      <w:bookmarkEnd w:id="15"/>
    </w:p>
    <w:p w:rsidR="0043064D" w:rsidRDefault="008B3C4B">
      <w:pPr>
        <w:ind w:left="-5" w:right="1"/>
      </w:pPr>
      <w:r>
        <w:t>Прох</w:t>
      </w:r>
      <w:r>
        <w:t xml:space="preserve">ождение запроса на асинхронный ввод вывод через многоуровневые драйверы показано на Рис. 16. Данный пример относится к диску, управляемому файловой системой. </w:t>
      </w:r>
    </w:p>
    <w:p w:rsidR="0043064D" w:rsidRDefault="008B3C4B">
      <w:pPr>
        <w:ind w:left="-5" w:right="1"/>
      </w:pPr>
      <w:r>
        <w:t>И вновь диспетчер ввода-вывода получает запрос, создает IRP для его представления, но на этот раз</w:t>
      </w:r>
      <w:r>
        <w:t xml:space="preserve"> передает пакет драйверу файловой системы. С этого момента драйвер файловой системы в основном и управляет операцией ввода-вывода. В зависимости от типа запроса файловая система посылает драйверу диска тот же IRP или генерирует дополнительные IRP и передае</w:t>
      </w:r>
      <w:r>
        <w:t xml:space="preserve">т их этому драйверу по отдельности. </w:t>
      </w:r>
    </w:p>
    <w:p w:rsidR="0043064D" w:rsidRDefault="008B3C4B">
      <w:pPr>
        <w:ind w:left="-5" w:right="1"/>
      </w:pPr>
      <w:r>
        <w:lastRenderedPageBreak/>
        <w:t xml:space="preserve">Файловая система, скорее всего будет повторно использовать IRP, если полученный запрос можно преобразовать в единый запрос к устройству. </w:t>
      </w:r>
    </w:p>
    <w:p w:rsidR="0043064D" w:rsidRDefault="008B3C4B">
      <w:pPr>
        <w:spacing w:after="16"/>
        <w:ind w:left="-5" w:right="1"/>
      </w:pPr>
      <w:r>
        <w:t>Для поддержки использования несколькими драйверами IRP содержит набор блоков стека (не путать со стеком потока). Эти блоки данных — по одному на каждый вызываемый драйвер — хранят информацию, необходимую каждому драйверу для обработки своей части запроса (</w:t>
      </w:r>
      <w:r>
        <w:t xml:space="preserve">например, номер функции, параметры, сведения о контексте драйвера). Как показано на Рис. 16, по мере передачи IRP от одного драйвера другому заполняются дополнительные блоки стека. IRP можно считать аналогом стека в отношении добавления и удаления данных. </w:t>
      </w:r>
      <w:r>
        <w:t xml:space="preserve">Но TRP не сопоставляется ни с каким процессом, и его размер фиксирован. В самом начале операции </w:t>
      </w:r>
      <w:proofErr w:type="spellStart"/>
      <w:r>
        <w:t>вводавывода</w:t>
      </w:r>
      <w:proofErr w:type="spellEnd"/>
      <w:r>
        <w:t xml:space="preserve"> диспетчер ввода-вывода выделяет память для TRP в одном из ассоциативных списков IRP или в пуле </w:t>
      </w:r>
      <w:proofErr w:type="spellStart"/>
      <w:r>
        <w:t>неподкачиваемой</w:t>
      </w:r>
      <w:proofErr w:type="spellEnd"/>
      <w:r>
        <w:t xml:space="preserve"> памяти. </w:t>
      </w:r>
    </w:p>
    <w:p w:rsidR="0043064D" w:rsidRDefault="008B3C4B">
      <w:pPr>
        <w:spacing w:after="184" w:line="259" w:lineRule="auto"/>
        <w:ind w:left="599" w:firstLine="0"/>
        <w:jc w:val="left"/>
      </w:pPr>
      <w:r>
        <w:rPr>
          <w:rFonts w:ascii="Calibri" w:eastAsia="Calibri" w:hAnsi="Calibri" w:cs="Calibri"/>
          <w:noProof/>
          <w:sz w:val="22"/>
        </w:rPr>
        <mc:AlternateContent>
          <mc:Choice Requires="wpg">
            <w:drawing>
              <wp:inline distT="0" distB="0" distL="0" distR="0">
                <wp:extent cx="4781818" cy="5670687"/>
                <wp:effectExtent l="0" t="0" r="0" b="0"/>
                <wp:docPr id="61400" name="Group 61400"/>
                <wp:cNvGraphicFramePr/>
                <a:graphic xmlns:a="http://schemas.openxmlformats.org/drawingml/2006/main">
                  <a:graphicData uri="http://schemas.microsoft.com/office/word/2010/wordprocessingGroup">
                    <wpg:wgp>
                      <wpg:cNvGrpSpPr/>
                      <wpg:grpSpPr>
                        <a:xfrm>
                          <a:off x="0" y="0"/>
                          <a:ext cx="4781818" cy="5670687"/>
                          <a:chOff x="0" y="0"/>
                          <a:chExt cx="4781818" cy="5670687"/>
                        </a:xfrm>
                      </wpg:grpSpPr>
                      <wps:wsp>
                        <wps:cNvPr id="5059" name="Shape 5059"/>
                        <wps:cNvSpPr/>
                        <wps:spPr>
                          <a:xfrm>
                            <a:off x="1701728" y="0"/>
                            <a:ext cx="1351360" cy="624670"/>
                          </a:xfrm>
                          <a:custGeom>
                            <a:avLst/>
                            <a:gdLst/>
                            <a:ahLst/>
                            <a:cxnLst/>
                            <a:rect l="0" t="0" r="0" b="0"/>
                            <a:pathLst>
                              <a:path w="1351360" h="624670">
                                <a:moveTo>
                                  <a:pt x="1351360" y="312335"/>
                                </a:moveTo>
                                <a:cubicBezTo>
                                  <a:pt x="1351360" y="139815"/>
                                  <a:pt x="1048811" y="0"/>
                                  <a:pt x="675636" y="0"/>
                                </a:cubicBezTo>
                                <a:cubicBezTo>
                                  <a:pt x="302549" y="0"/>
                                  <a:pt x="0" y="139815"/>
                                  <a:pt x="0" y="312335"/>
                                </a:cubicBezTo>
                                <a:cubicBezTo>
                                  <a:pt x="0" y="484856"/>
                                  <a:pt x="302549" y="624670"/>
                                  <a:pt x="675636" y="624670"/>
                                </a:cubicBezTo>
                                <a:cubicBezTo>
                                  <a:pt x="1048811" y="624670"/>
                                  <a:pt x="1351360" y="484856"/>
                                  <a:pt x="1351360" y="312335"/>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60" name="Rectangle 5060"/>
                        <wps:cNvSpPr/>
                        <wps:spPr>
                          <a:xfrm>
                            <a:off x="1801047" y="203582"/>
                            <a:ext cx="1572183"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Подсистема окружения </w:t>
                              </w:r>
                            </w:p>
                          </w:txbxContent>
                        </wps:txbx>
                        <wps:bodyPr horzOverflow="overflow" vert="horz" lIns="0" tIns="0" rIns="0" bIns="0" rtlCol="0">
                          <a:noAutofit/>
                        </wps:bodyPr>
                      </wps:wsp>
                      <wps:wsp>
                        <wps:cNvPr id="5061" name="Rectangle 5061"/>
                        <wps:cNvSpPr/>
                        <wps:spPr>
                          <a:xfrm>
                            <a:off x="2175459" y="330526"/>
                            <a:ext cx="278806"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или </w:t>
                              </w:r>
                            </w:p>
                          </w:txbxContent>
                        </wps:txbx>
                        <wps:bodyPr horzOverflow="overflow" vert="horz" lIns="0" tIns="0" rIns="0" bIns="0" rtlCol="0">
                          <a:noAutofit/>
                        </wps:bodyPr>
                      </wps:wsp>
                      <wps:wsp>
                        <wps:cNvPr id="5062" name="Rectangle 5062"/>
                        <wps:cNvSpPr/>
                        <wps:spPr>
                          <a:xfrm>
                            <a:off x="2385044" y="311804"/>
                            <a:ext cx="258480"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DLL</w:t>
                              </w:r>
                            </w:p>
                          </w:txbxContent>
                        </wps:txbx>
                        <wps:bodyPr horzOverflow="overflow" vert="horz" lIns="0" tIns="0" rIns="0" bIns="0" rtlCol="0">
                          <a:noAutofit/>
                        </wps:bodyPr>
                      </wps:wsp>
                      <wps:wsp>
                        <wps:cNvPr id="5063" name="Shape 5063"/>
                        <wps:cNvSpPr/>
                        <wps:spPr>
                          <a:xfrm>
                            <a:off x="75073" y="824607"/>
                            <a:ext cx="175181" cy="174901"/>
                          </a:xfrm>
                          <a:custGeom>
                            <a:avLst/>
                            <a:gdLst/>
                            <a:ahLst/>
                            <a:cxnLst/>
                            <a:rect l="0" t="0" r="0" b="0"/>
                            <a:pathLst>
                              <a:path w="175181" h="174901">
                                <a:moveTo>
                                  <a:pt x="87595" y="0"/>
                                </a:moveTo>
                                <a:cubicBezTo>
                                  <a:pt x="135966" y="0"/>
                                  <a:pt x="175181" y="39141"/>
                                  <a:pt x="175181" y="87450"/>
                                </a:cubicBezTo>
                                <a:cubicBezTo>
                                  <a:pt x="175181" y="135760"/>
                                  <a:pt x="135966" y="174901"/>
                                  <a:pt x="87595" y="174901"/>
                                </a:cubicBezTo>
                                <a:cubicBezTo>
                                  <a:pt x="39216" y="174901"/>
                                  <a:pt x="0" y="135760"/>
                                  <a:pt x="0" y="87450"/>
                                </a:cubicBezTo>
                                <a:cubicBezTo>
                                  <a:pt x="0" y="39141"/>
                                  <a:pt x="39216" y="0"/>
                                  <a:pt x="87595"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064" name="Shape 5064"/>
                        <wps:cNvSpPr/>
                        <wps:spPr>
                          <a:xfrm>
                            <a:off x="75073" y="824607"/>
                            <a:ext cx="175181" cy="174901"/>
                          </a:xfrm>
                          <a:custGeom>
                            <a:avLst/>
                            <a:gdLst/>
                            <a:ahLst/>
                            <a:cxnLst/>
                            <a:rect l="0" t="0" r="0" b="0"/>
                            <a:pathLst>
                              <a:path w="175181" h="174901">
                                <a:moveTo>
                                  <a:pt x="175181" y="87450"/>
                                </a:moveTo>
                                <a:cubicBezTo>
                                  <a:pt x="175181" y="39141"/>
                                  <a:pt x="135966" y="0"/>
                                  <a:pt x="87595" y="0"/>
                                </a:cubicBezTo>
                                <a:cubicBezTo>
                                  <a:pt x="39216" y="0"/>
                                  <a:pt x="0" y="39141"/>
                                  <a:pt x="0" y="87450"/>
                                </a:cubicBezTo>
                                <a:cubicBezTo>
                                  <a:pt x="0" y="135760"/>
                                  <a:pt x="39216" y="174901"/>
                                  <a:pt x="87595" y="174901"/>
                                </a:cubicBezTo>
                                <a:cubicBezTo>
                                  <a:pt x="135966" y="174901"/>
                                  <a:pt x="175181" y="135760"/>
                                  <a:pt x="175181" y="87450"/>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65" name="Rectangle 5065"/>
                        <wps:cNvSpPr/>
                        <wps:spPr>
                          <a:xfrm>
                            <a:off x="133208" y="848054"/>
                            <a:ext cx="78364"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1</w:t>
                              </w:r>
                            </w:p>
                          </w:txbxContent>
                        </wps:txbx>
                        <wps:bodyPr horzOverflow="overflow" vert="horz" lIns="0" tIns="0" rIns="0" bIns="0" rtlCol="0">
                          <a:noAutofit/>
                        </wps:bodyPr>
                      </wps:wsp>
                      <wps:wsp>
                        <wps:cNvPr id="5066" name="Rectangle 5066"/>
                        <wps:cNvSpPr/>
                        <wps:spPr>
                          <a:xfrm>
                            <a:off x="295067" y="866071"/>
                            <a:ext cx="1409562" cy="13224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Вызов сервиса ввода</w:t>
                              </w:r>
                            </w:p>
                          </w:txbxContent>
                        </wps:txbx>
                        <wps:bodyPr horzOverflow="overflow" vert="horz" lIns="0" tIns="0" rIns="0" bIns="0" rtlCol="0">
                          <a:noAutofit/>
                        </wps:bodyPr>
                      </wps:wsp>
                      <wps:wsp>
                        <wps:cNvPr id="5067" name="Rectangle 5067"/>
                        <wps:cNvSpPr/>
                        <wps:spPr>
                          <a:xfrm>
                            <a:off x="1354861" y="847349"/>
                            <a:ext cx="46922"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5068" name="Rectangle 5068"/>
                        <wps:cNvSpPr/>
                        <wps:spPr>
                          <a:xfrm>
                            <a:off x="1390175" y="866071"/>
                            <a:ext cx="489903" cy="13224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вывода</w:t>
                              </w:r>
                            </w:p>
                          </w:txbxContent>
                        </wps:txbx>
                        <wps:bodyPr horzOverflow="overflow" vert="horz" lIns="0" tIns="0" rIns="0" bIns="0" rtlCol="0">
                          <a:noAutofit/>
                        </wps:bodyPr>
                      </wps:wsp>
                      <wps:wsp>
                        <wps:cNvPr id="5069" name="Rectangle 5069"/>
                        <wps:cNvSpPr/>
                        <wps:spPr>
                          <a:xfrm>
                            <a:off x="3288629" y="729078"/>
                            <a:ext cx="1985941"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Возврат кода незавершенной </w:t>
                              </w:r>
                            </w:p>
                          </w:txbxContent>
                        </wps:txbx>
                        <wps:bodyPr horzOverflow="overflow" vert="horz" lIns="0" tIns="0" rIns="0" bIns="0" rtlCol="0">
                          <a:noAutofit/>
                        </wps:bodyPr>
                      </wps:wsp>
                      <wps:wsp>
                        <wps:cNvPr id="5070" name="Rectangle 5070"/>
                        <wps:cNvSpPr/>
                        <wps:spPr>
                          <a:xfrm>
                            <a:off x="3288629" y="856021"/>
                            <a:ext cx="1055652"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операции ввода</w:t>
                              </w:r>
                            </w:p>
                          </w:txbxContent>
                        </wps:txbx>
                        <wps:bodyPr horzOverflow="overflow" vert="horz" lIns="0" tIns="0" rIns="0" bIns="0" rtlCol="0">
                          <a:noAutofit/>
                        </wps:bodyPr>
                      </wps:wsp>
                      <wps:wsp>
                        <wps:cNvPr id="5071" name="Rectangle 5071"/>
                        <wps:cNvSpPr/>
                        <wps:spPr>
                          <a:xfrm>
                            <a:off x="4082388" y="837299"/>
                            <a:ext cx="46922"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5072" name="Rectangle 5072"/>
                        <wps:cNvSpPr/>
                        <wps:spPr>
                          <a:xfrm>
                            <a:off x="4117613" y="856021"/>
                            <a:ext cx="529095"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вывода </w:t>
                              </w:r>
                            </w:p>
                          </w:txbxContent>
                        </wps:txbx>
                        <wps:bodyPr horzOverflow="overflow" vert="horz" lIns="0" tIns="0" rIns="0" bIns="0" rtlCol="0">
                          <a:noAutofit/>
                        </wps:bodyPr>
                      </wps:wsp>
                      <wps:wsp>
                        <wps:cNvPr id="5073" name="Shape 5073"/>
                        <wps:cNvSpPr/>
                        <wps:spPr>
                          <a:xfrm>
                            <a:off x="3078072" y="699691"/>
                            <a:ext cx="175243" cy="174901"/>
                          </a:xfrm>
                          <a:custGeom>
                            <a:avLst/>
                            <a:gdLst/>
                            <a:ahLst/>
                            <a:cxnLst/>
                            <a:rect l="0" t="0" r="0" b="0"/>
                            <a:pathLst>
                              <a:path w="175243" h="174901">
                                <a:moveTo>
                                  <a:pt x="87666" y="0"/>
                                </a:moveTo>
                                <a:cubicBezTo>
                                  <a:pt x="136045" y="0"/>
                                  <a:pt x="175243" y="39141"/>
                                  <a:pt x="175243" y="87450"/>
                                </a:cubicBezTo>
                                <a:cubicBezTo>
                                  <a:pt x="175243" y="135760"/>
                                  <a:pt x="136045" y="174901"/>
                                  <a:pt x="87666" y="174901"/>
                                </a:cubicBezTo>
                                <a:cubicBezTo>
                                  <a:pt x="39286" y="174901"/>
                                  <a:pt x="0" y="135760"/>
                                  <a:pt x="0" y="87450"/>
                                </a:cubicBezTo>
                                <a:cubicBezTo>
                                  <a:pt x="0" y="39141"/>
                                  <a:pt x="39286" y="0"/>
                                  <a:pt x="87666"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074" name="Shape 5074"/>
                        <wps:cNvSpPr/>
                        <wps:spPr>
                          <a:xfrm>
                            <a:off x="3078072" y="699691"/>
                            <a:ext cx="175243" cy="174901"/>
                          </a:xfrm>
                          <a:custGeom>
                            <a:avLst/>
                            <a:gdLst/>
                            <a:ahLst/>
                            <a:cxnLst/>
                            <a:rect l="0" t="0" r="0" b="0"/>
                            <a:pathLst>
                              <a:path w="175243" h="174901">
                                <a:moveTo>
                                  <a:pt x="175243" y="87450"/>
                                </a:moveTo>
                                <a:cubicBezTo>
                                  <a:pt x="175243" y="39141"/>
                                  <a:pt x="136045" y="0"/>
                                  <a:pt x="87666" y="0"/>
                                </a:cubicBezTo>
                                <a:cubicBezTo>
                                  <a:pt x="39286" y="0"/>
                                  <a:pt x="0" y="39141"/>
                                  <a:pt x="0" y="87450"/>
                                </a:cubicBezTo>
                                <a:cubicBezTo>
                                  <a:pt x="0" y="135760"/>
                                  <a:pt x="39286" y="174901"/>
                                  <a:pt x="87666" y="174901"/>
                                </a:cubicBezTo>
                                <a:cubicBezTo>
                                  <a:pt x="136045" y="174901"/>
                                  <a:pt x="175243" y="135760"/>
                                  <a:pt x="175243" y="87450"/>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75" name="Rectangle 5075"/>
                        <wps:cNvSpPr/>
                        <wps:spPr>
                          <a:xfrm>
                            <a:off x="3136251" y="723138"/>
                            <a:ext cx="78364"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7</w:t>
                              </w:r>
                            </w:p>
                          </w:txbxContent>
                        </wps:txbx>
                        <wps:bodyPr horzOverflow="overflow" vert="horz" lIns="0" tIns="0" rIns="0" bIns="0" rtlCol="0">
                          <a:noAutofit/>
                        </wps:bodyPr>
                      </wps:wsp>
                      <wps:wsp>
                        <wps:cNvPr id="5076" name="Shape 5076"/>
                        <wps:cNvSpPr/>
                        <wps:spPr>
                          <a:xfrm>
                            <a:off x="0" y="1249429"/>
                            <a:ext cx="4754846" cy="0"/>
                          </a:xfrm>
                          <a:custGeom>
                            <a:avLst/>
                            <a:gdLst/>
                            <a:ahLst/>
                            <a:cxnLst/>
                            <a:rect l="0" t="0" r="0" b="0"/>
                            <a:pathLst>
                              <a:path w="4754846">
                                <a:moveTo>
                                  <a:pt x="0" y="0"/>
                                </a:moveTo>
                                <a:lnTo>
                                  <a:pt x="4754846" y="0"/>
                                </a:lnTo>
                              </a:path>
                            </a:pathLst>
                          </a:custGeom>
                          <a:ln w="19042" cap="rnd">
                            <a:round/>
                          </a:ln>
                        </wps:spPr>
                        <wps:style>
                          <a:lnRef idx="1">
                            <a:srgbClr val="000000"/>
                          </a:lnRef>
                          <a:fillRef idx="0">
                            <a:srgbClr val="000000">
                              <a:alpha val="0"/>
                            </a:srgbClr>
                          </a:fillRef>
                          <a:effectRef idx="0">
                            <a:scrgbClr r="0" g="0" b="0"/>
                          </a:effectRef>
                          <a:fontRef idx="none"/>
                        </wps:style>
                        <wps:bodyPr/>
                      </wps:wsp>
                      <wps:wsp>
                        <wps:cNvPr id="5077" name="Rectangle 5077"/>
                        <wps:cNvSpPr/>
                        <wps:spPr>
                          <a:xfrm>
                            <a:off x="3495654" y="1115992"/>
                            <a:ext cx="1685265"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ользовательский режим</w:t>
                              </w:r>
                            </w:p>
                          </w:txbxContent>
                        </wps:txbx>
                        <wps:bodyPr horzOverflow="overflow" vert="horz" lIns="0" tIns="0" rIns="0" bIns="0" rtlCol="0">
                          <a:noAutofit/>
                        </wps:bodyPr>
                      </wps:wsp>
                      <wps:wsp>
                        <wps:cNvPr id="5078" name="Rectangle 5078"/>
                        <wps:cNvSpPr/>
                        <wps:spPr>
                          <a:xfrm>
                            <a:off x="4154251" y="1292303"/>
                            <a:ext cx="796556"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Режим ядра</w:t>
                              </w:r>
                            </w:p>
                          </w:txbxContent>
                        </wps:txbx>
                        <wps:bodyPr horzOverflow="overflow" vert="horz" lIns="0" tIns="0" rIns="0" bIns="0" rtlCol="0">
                          <a:noAutofit/>
                        </wps:bodyPr>
                      </wps:wsp>
                      <wps:wsp>
                        <wps:cNvPr id="5080" name="Shape 5080"/>
                        <wps:cNvSpPr/>
                        <wps:spPr>
                          <a:xfrm>
                            <a:off x="1939476" y="1499297"/>
                            <a:ext cx="875890" cy="249886"/>
                          </a:xfrm>
                          <a:custGeom>
                            <a:avLst/>
                            <a:gdLst/>
                            <a:ahLst/>
                            <a:cxnLst/>
                            <a:rect l="0" t="0" r="0" b="0"/>
                            <a:pathLst>
                              <a:path w="875890" h="249886">
                                <a:moveTo>
                                  <a:pt x="0" y="249886"/>
                                </a:moveTo>
                                <a:lnTo>
                                  <a:pt x="875890" y="249886"/>
                                </a:lnTo>
                                <a:lnTo>
                                  <a:pt x="875890"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081" name="Rectangle 5081"/>
                        <wps:cNvSpPr/>
                        <wps:spPr>
                          <a:xfrm>
                            <a:off x="2157979" y="1578986"/>
                            <a:ext cx="583805"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Сервисы</w:t>
                              </w:r>
                            </w:p>
                          </w:txbxContent>
                        </wps:txbx>
                        <wps:bodyPr horzOverflow="overflow" vert="horz" lIns="0" tIns="0" rIns="0" bIns="0" rtlCol="0">
                          <a:noAutofit/>
                        </wps:bodyPr>
                      </wps:wsp>
                      <wps:wsp>
                        <wps:cNvPr id="69461" name="Shape 69461"/>
                        <wps:cNvSpPr/>
                        <wps:spPr>
                          <a:xfrm>
                            <a:off x="1939476" y="1749183"/>
                            <a:ext cx="875890" cy="324853"/>
                          </a:xfrm>
                          <a:custGeom>
                            <a:avLst/>
                            <a:gdLst/>
                            <a:ahLst/>
                            <a:cxnLst/>
                            <a:rect l="0" t="0" r="0" b="0"/>
                            <a:pathLst>
                              <a:path w="875890" h="324853">
                                <a:moveTo>
                                  <a:pt x="0" y="0"/>
                                </a:moveTo>
                                <a:lnTo>
                                  <a:pt x="875890" y="0"/>
                                </a:lnTo>
                                <a:lnTo>
                                  <a:pt x="875890" y="324853"/>
                                </a:lnTo>
                                <a:lnTo>
                                  <a:pt x="0" y="324853"/>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5083" name="Shape 5083"/>
                        <wps:cNvSpPr/>
                        <wps:spPr>
                          <a:xfrm>
                            <a:off x="1939476" y="1749183"/>
                            <a:ext cx="875890" cy="324853"/>
                          </a:xfrm>
                          <a:custGeom>
                            <a:avLst/>
                            <a:gdLst/>
                            <a:ahLst/>
                            <a:cxnLst/>
                            <a:rect l="0" t="0" r="0" b="0"/>
                            <a:pathLst>
                              <a:path w="875890" h="324853">
                                <a:moveTo>
                                  <a:pt x="0" y="324853"/>
                                </a:moveTo>
                                <a:lnTo>
                                  <a:pt x="875890" y="324853"/>
                                </a:lnTo>
                                <a:lnTo>
                                  <a:pt x="875890"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084" name="Rectangle 5084"/>
                        <wps:cNvSpPr/>
                        <wps:spPr>
                          <a:xfrm>
                            <a:off x="2101830" y="1802900"/>
                            <a:ext cx="733096"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Диспетчер </w:t>
                              </w:r>
                            </w:p>
                          </w:txbxContent>
                        </wps:txbx>
                        <wps:bodyPr horzOverflow="overflow" vert="horz" lIns="0" tIns="0" rIns="0" bIns="0" rtlCol="0">
                          <a:noAutofit/>
                        </wps:bodyPr>
                      </wps:wsp>
                      <wps:wsp>
                        <wps:cNvPr id="5085" name="Rectangle 5085"/>
                        <wps:cNvSpPr/>
                        <wps:spPr>
                          <a:xfrm>
                            <a:off x="2029437" y="1929845"/>
                            <a:ext cx="388632" cy="13224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ввода</w:t>
                              </w:r>
                            </w:p>
                          </w:txbxContent>
                        </wps:txbx>
                        <wps:bodyPr horzOverflow="overflow" vert="horz" lIns="0" tIns="0" rIns="0" bIns="0" rtlCol="0">
                          <a:noAutofit/>
                        </wps:bodyPr>
                      </wps:wsp>
                      <wps:wsp>
                        <wps:cNvPr id="5086" name="Rectangle 5086"/>
                        <wps:cNvSpPr/>
                        <wps:spPr>
                          <a:xfrm>
                            <a:off x="2321657" y="1911123"/>
                            <a:ext cx="46922"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5087" name="Rectangle 5087"/>
                        <wps:cNvSpPr/>
                        <wps:spPr>
                          <a:xfrm>
                            <a:off x="2356970" y="1929845"/>
                            <a:ext cx="489903" cy="13224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вывода</w:t>
                              </w:r>
                            </w:p>
                          </w:txbxContent>
                        </wps:txbx>
                        <wps:bodyPr horzOverflow="overflow" vert="horz" lIns="0" tIns="0" rIns="0" bIns="0" rtlCol="0">
                          <a:noAutofit/>
                        </wps:bodyPr>
                      </wps:wsp>
                      <wps:wsp>
                        <wps:cNvPr id="5088" name="Shape 5088"/>
                        <wps:cNvSpPr/>
                        <wps:spPr>
                          <a:xfrm>
                            <a:off x="2002952" y="618587"/>
                            <a:ext cx="241456" cy="802216"/>
                          </a:xfrm>
                          <a:custGeom>
                            <a:avLst/>
                            <a:gdLst/>
                            <a:ahLst/>
                            <a:cxnLst/>
                            <a:rect l="0" t="0" r="0" b="0"/>
                            <a:pathLst>
                              <a:path w="241456" h="802216">
                                <a:moveTo>
                                  <a:pt x="241456" y="0"/>
                                </a:moveTo>
                                <a:cubicBezTo>
                                  <a:pt x="116005" y="0"/>
                                  <a:pt x="11212" y="348038"/>
                                  <a:pt x="0" y="802216"/>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89" name="Shape 5089"/>
                        <wps:cNvSpPr/>
                        <wps:spPr>
                          <a:xfrm>
                            <a:off x="1974436" y="1413310"/>
                            <a:ext cx="57208" cy="86040"/>
                          </a:xfrm>
                          <a:custGeom>
                            <a:avLst/>
                            <a:gdLst/>
                            <a:ahLst/>
                            <a:cxnLst/>
                            <a:rect l="0" t="0" r="0" b="0"/>
                            <a:pathLst>
                              <a:path w="57208" h="86040">
                                <a:moveTo>
                                  <a:pt x="0" y="0"/>
                                </a:moveTo>
                                <a:lnTo>
                                  <a:pt x="57208" y="705"/>
                                </a:lnTo>
                                <a:lnTo>
                                  <a:pt x="27633" y="8604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090" name="Shape 5090"/>
                        <wps:cNvSpPr/>
                        <wps:spPr>
                          <a:xfrm>
                            <a:off x="2574943" y="654908"/>
                            <a:ext cx="177803" cy="844442"/>
                          </a:xfrm>
                          <a:custGeom>
                            <a:avLst/>
                            <a:gdLst/>
                            <a:ahLst/>
                            <a:cxnLst/>
                            <a:rect l="0" t="0" r="0" b="0"/>
                            <a:pathLst>
                              <a:path w="177803" h="844442">
                                <a:moveTo>
                                  <a:pt x="177803" y="844442"/>
                                </a:moveTo>
                                <a:cubicBezTo>
                                  <a:pt x="177803" y="454001"/>
                                  <a:pt x="105411" y="110283"/>
                                  <a:pt x="0" y="0"/>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91" name="Shape 5091"/>
                        <wps:cNvSpPr/>
                        <wps:spPr>
                          <a:xfrm>
                            <a:off x="2504933" y="619117"/>
                            <a:ext cx="89432" cy="64442"/>
                          </a:xfrm>
                          <a:custGeom>
                            <a:avLst/>
                            <a:gdLst/>
                            <a:ahLst/>
                            <a:cxnLst/>
                            <a:rect l="0" t="0" r="0" b="0"/>
                            <a:pathLst>
                              <a:path w="89432" h="64442">
                                <a:moveTo>
                                  <a:pt x="0" y="0"/>
                                </a:moveTo>
                                <a:lnTo>
                                  <a:pt x="89432" y="13664"/>
                                </a:lnTo>
                                <a:lnTo>
                                  <a:pt x="63300" y="64442"/>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092" name="Shape 5092"/>
                        <wps:cNvSpPr/>
                        <wps:spPr>
                          <a:xfrm>
                            <a:off x="75073" y="1699199"/>
                            <a:ext cx="175181" cy="174989"/>
                          </a:xfrm>
                          <a:custGeom>
                            <a:avLst/>
                            <a:gdLst/>
                            <a:ahLst/>
                            <a:cxnLst/>
                            <a:rect l="0" t="0" r="0" b="0"/>
                            <a:pathLst>
                              <a:path w="175181" h="174989">
                                <a:moveTo>
                                  <a:pt x="87595" y="0"/>
                                </a:moveTo>
                                <a:cubicBezTo>
                                  <a:pt x="135966" y="0"/>
                                  <a:pt x="175181" y="39141"/>
                                  <a:pt x="175181" y="87450"/>
                                </a:cubicBezTo>
                                <a:cubicBezTo>
                                  <a:pt x="175181" y="135760"/>
                                  <a:pt x="135966" y="174989"/>
                                  <a:pt x="87595" y="174989"/>
                                </a:cubicBezTo>
                                <a:cubicBezTo>
                                  <a:pt x="39216" y="174989"/>
                                  <a:pt x="0" y="135760"/>
                                  <a:pt x="0" y="87450"/>
                                </a:cubicBezTo>
                                <a:cubicBezTo>
                                  <a:pt x="0" y="39141"/>
                                  <a:pt x="39216" y="0"/>
                                  <a:pt x="87595"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093" name="Shape 5093"/>
                        <wps:cNvSpPr/>
                        <wps:spPr>
                          <a:xfrm>
                            <a:off x="75073" y="1699199"/>
                            <a:ext cx="175181" cy="174989"/>
                          </a:xfrm>
                          <a:custGeom>
                            <a:avLst/>
                            <a:gdLst/>
                            <a:ahLst/>
                            <a:cxnLst/>
                            <a:rect l="0" t="0" r="0" b="0"/>
                            <a:pathLst>
                              <a:path w="175181" h="174989">
                                <a:moveTo>
                                  <a:pt x="175181" y="87450"/>
                                </a:moveTo>
                                <a:cubicBezTo>
                                  <a:pt x="175181" y="39141"/>
                                  <a:pt x="135966" y="0"/>
                                  <a:pt x="87595" y="0"/>
                                </a:cubicBezTo>
                                <a:cubicBezTo>
                                  <a:pt x="39216" y="0"/>
                                  <a:pt x="0" y="39141"/>
                                  <a:pt x="0" y="87450"/>
                                </a:cubicBezTo>
                                <a:cubicBezTo>
                                  <a:pt x="0" y="135760"/>
                                  <a:pt x="39216" y="174989"/>
                                  <a:pt x="87595" y="174989"/>
                                </a:cubicBezTo>
                                <a:cubicBezTo>
                                  <a:pt x="135966" y="174989"/>
                                  <a:pt x="175181" y="135760"/>
                                  <a:pt x="175181" y="87450"/>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94" name="Rectangle 5094"/>
                        <wps:cNvSpPr/>
                        <wps:spPr>
                          <a:xfrm>
                            <a:off x="133208" y="1722646"/>
                            <a:ext cx="78364"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2</w:t>
                              </w:r>
                            </w:p>
                          </w:txbxContent>
                        </wps:txbx>
                        <wps:bodyPr horzOverflow="overflow" vert="horz" lIns="0" tIns="0" rIns="0" bIns="0" rtlCol="0">
                          <a:noAutofit/>
                        </wps:bodyPr>
                      </wps:wsp>
                      <wps:wsp>
                        <wps:cNvPr id="5095" name="Rectangle 5095"/>
                        <wps:cNvSpPr/>
                        <wps:spPr>
                          <a:xfrm>
                            <a:off x="289876" y="1750184"/>
                            <a:ext cx="1121705" cy="13224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испетчер ввода</w:t>
                              </w:r>
                            </w:p>
                          </w:txbxContent>
                        </wps:txbx>
                        <wps:bodyPr horzOverflow="overflow" vert="horz" lIns="0" tIns="0" rIns="0" bIns="0" rtlCol="0">
                          <a:noAutofit/>
                        </wps:bodyPr>
                      </wps:wsp>
                      <wps:wsp>
                        <wps:cNvPr id="5096" name="Rectangle 5096"/>
                        <wps:cNvSpPr/>
                        <wps:spPr>
                          <a:xfrm>
                            <a:off x="1133269" y="1731461"/>
                            <a:ext cx="46922"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5097" name="Rectangle 5097"/>
                        <wps:cNvSpPr/>
                        <wps:spPr>
                          <a:xfrm>
                            <a:off x="1168582" y="1750184"/>
                            <a:ext cx="529095" cy="13224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вывода </w:t>
                              </w:r>
                            </w:p>
                          </w:txbxContent>
                        </wps:txbx>
                        <wps:bodyPr horzOverflow="overflow" vert="horz" lIns="0" tIns="0" rIns="0" bIns="0" rtlCol="0">
                          <a:noAutofit/>
                        </wps:bodyPr>
                      </wps:wsp>
                      <wps:wsp>
                        <wps:cNvPr id="5098" name="Rectangle 5098"/>
                        <wps:cNvSpPr/>
                        <wps:spPr>
                          <a:xfrm>
                            <a:off x="289876" y="1877128"/>
                            <a:ext cx="556068"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создает </w:t>
                              </w:r>
                            </w:p>
                          </w:txbxContent>
                        </wps:txbx>
                        <wps:bodyPr horzOverflow="overflow" vert="horz" lIns="0" tIns="0" rIns="0" bIns="0" rtlCol="0">
                          <a:noAutofit/>
                        </wps:bodyPr>
                      </wps:wsp>
                      <wps:wsp>
                        <wps:cNvPr id="5099" name="Rectangle 5099"/>
                        <wps:cNvSpPr/>
                        <wps:spPr>
                          <a:xfrm>
                            <a:off x="707953" y="1858406"/>
                            <a:ext cx="234883"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IRP</w:t>
                              </w:r>
                            </w:p>
                          </w:txbxContent>
                        </wps:txbx>
                        <wps:bodyPr horzOverflow="overflow" vert="horz" lIns="0" tIns="0" rIns="0" bIns="0" rtlCol="0">
                          <a:noAutofit/>
                        </wps:bodyPr>
                      </wps:wsp>
                      <wps:wsp>
                        <wps:cNvPr id="5100" name="Rectangle 5100"/>
                        <wps:cNvSpPr/>
                        <wps:spPr>
                          <a:xfrm>
                            <a:off x="884573" y="1858406"/>
                            <a:ext cx="78296"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5101" name="Rectangle 5101"/>
                        <wps:cNvSpPr/>
                        <wps:spPr>
                          <a:xfrm>
                            <a:off x="943459" y="1877128"/>
                            <a:ext cx="963294"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заполняет его </w:t>
                              </w:r>
                            </w:p>
                          </w:txbxContent>
                        </wps:txbx>
                        <wps:bodyPr horzOverflow="overflow" vert="horz" lIns="0" tIns="0" rIns="0" bIns="0" rtlCol="0">
                          <a:noAutofit/>
                        </wps:bodyPr>
                      </wps:wsp>
                      <wps:wsp>
                        <wps:cNvPr id="5102" name="Rectangle 5102"/>
                        <wps:cNvSpPr/>
                        <wps:spPr>
                          <a:xfrm>
                            <a:off x="289876" y="2004071"/>
                            <a:ext cx="2056735"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первый блок стека и вызывает </w:t>
                              </w:r>
                            </w:p>
                          </w:txbxContent>
                        </wps:txbx>
                        <wps:bodyPr horzOverflow="overflow" vert="horz" lIns="0" tIns="0" rIns="0" bIns="0" rtlCol="0">
                          <a:noAutofit/>
                        </wps:bodyPr>
                      </wps:wsp>
                      <wps:wsp>
                        <wps:cNvPr id="5103" name="Rectangle 5103"/>
                        <wps:cNvSpPr/>
                        <wps:spPr>
                          <a:xfrm>
                            <a:off x="289876" y="2131015"/>
                            <a:ext cx="1853737"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райвер файловой системы</w:t>
                              </w:r>
                            </w:p>
                          </w:txbxContent>
                        </wps:txbx>
                        <wps:bodyPr horzOverflow="overflow" vert="horz" lIns="0" tIns="0" rIns="0" bIns="0" rtlCol="0">
                          <a:noAutofit/>
                        </wps:bodyPr>
                      </wps:wsp>
                      <wps:wsp>
                        <wps:cNvPr id="5104" name="Rectangle 5104"/>
                        <wps:cNvSpPr/>
                        <wps:spPr>
                          <a:xfrm>
                            <a:off x="3287040" y="2240152"/>
                            <a:ext cx="1985942"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Возврат кода незавершенной </w:t>
                              </w:r>
                            </w:p>
                          </w:txbxContent>
                        </wps:txbx>
                        <wps:bodyPr horzOverflow="overflow" vert="horz" lIns="0" tIns="0" rIns="0" bIns="0" rtlCol="0">
                          <a:noAutofit/>
                        </wps:bodyPr>
                      </wps:wsp>
                      <wps:wsp>
                        <wps:cNvPr id="5105" name="Rectangle 5105"/>
                        <wps:cNvSpPr/>
                        <wps:spPr>
                          <a:xfrm>
                            <a:off x="3287040" y="2367096"/>
                            <a:ext cx="1055652"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операции ввода</w:t>
                              </w:r>
                            </w:p>
                          </w:txbxContent>
                        </wps:txbx>
                        <wps:bodyPr horzOverflow="overflow" vert="horz" lIns="0" tIns="0" rIns="0" bIns="0" rtlCol="0">
                          <a:noAutofit/>
                        </wps:bodyPr>
                      </wps:wsp>
                      <wps:wsp>
                        <wps:cNvPr id="5106" name="Rectangle 5106"/>
                        <wps:cNvSpPr/>
                        <wps:spPr>
                          <a:xfrm>
                            <a:off x="4080799" y="2348375"/>
                            <a:ext cx="46922" cy="1568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5107" name="Rectangle 5107"/>
                        <wps:cNvSpPr/>
                        <wps:spPr>
                          <a:xfrm>
                            <a:off x="4116112" y="2367096"/>
                            <a:ext cx="529095"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вывода </w:t>
                              </w:r>
                            </w:p>
                          </w:txbxContent>
                        </wps:txbx>
                        <wps:bodyPr horzOverflow="overflow" vert="horz" lIns="0" tIns="0" rIns="0" bIns="0" rtlCol="0">
                          <a:noAutofit/>
                        </wps:bodyPr>
                      </wps:wsp>
                      <wps:wsp>
                        <wps:cNvPr id="5108" name="Shape 5108"/>
                        <wps:cNvSpPr/>
                        <wps:spPr>
                          <a:xfrm>
                            <a:off x="3076571" y="2210766"/>
                            <a:ext cx="175155" cy="174989"/>
                          </a:xfrm>
                          <a:custGeom>
                            <a:avLst/>
                            <a:gdLst/>
                            <a:ahLst/>
                            <a:cxnLst/>
                            <a:rect l="0" t="0" r="0" b="0"/>
                            <a:pathLst>
                              <a:path w="175155" h="174989">
                                <a:moveTo>
                                  <a:pt x="87578" y="0"/>
                                </a:moveTo>
                                <a:cubicBezTo>
                                  <a:pt x="135957" y="0"/>
                                  <a:pt x="175155" y="39229"/>
                                  <a:pt x="175155" y="87539"/>
                                </a:cubicBezTo>
                                <a:cubicBezTo>
                                  <a:pt x="175155" y="135760"/>
                                  <a:pt x="135957" y="174989"/>
                                  <a:pt x="87578" y="174989"/>
                                </a:cubicBezTo>
                                <a:cubicBezTo>
                                  <a:pt x="39198" y="174989"/>
                                  <a:pt x="0" y="135760"/>
                                  <a:pt x="0" y="87539"/>
                                </a:cubicBezTo>
                                <a:cubicBezTo>
                                  <a:pt x="0" y="39229"/>
                                  <a:pt x="39198" y="0"/>
                                  <a:pt x="87578"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109" name="Shape 5109"/>
                        <wps:cNvSpPr/>
                        <wps:spPr>
                          <a:xfrm>
                            <a:off x="3076571" y="2210766"/>
                            <a:ext cx="175155" cy="174989"/>
                          </a:xfrm>
                          <a:custGeom>
                            <a:avLst/>
                            <a:gdLst/>
                            <a:ahLst/>
                            <a:cxnLst/>
                            <a:rect l="0" t="0" r="0" b="0"/>
                            <a:pathLst>
                              <a:path w="175155" h="174989">
                                <a:moveTo>
                                  <a:pt x="175155" y="87539"/>
                                </a:moveTo>
                                <a:cubicBezTo>
                                  <a:pt x="175155" y="39229"/>
                                  <a:pt x="135957" y="0"/>
                                  <a:pt x="87578" y="0"/>
                                </a:cubicBezTo>
                                <a:cubicBezTo>
                                  <a:pt x="39198" y="0"/>
                                  <a:pt x="0" y="39229"/>
                                  <a:pt x="0" y="87539"/>
                                </a:cubicBezTo>
                                <a:cubicBezTo>
                                  <a:pt x="0" y="135760"/>
                                  <a:pt x="39198" y="174989"/>
                                  <a:pt x="87578" y="174989"/>
                                </a:cubicBezTo>
                                <a:cubicBezTo>
                                  <a:pt x="135957" y="174989"/>
                                  <a:pt x="175155" y="135760"/>
                                  <a:pt x="175155" y="87539"/>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10" name="Rectangle 5110"/>
                        <wps:cNvSpPr/>
                        <wps:spPr>
                          <a:xfrm>
                            <a:off x="3134750" y="2234301"/>
                            <a:ext cx="78364" cy="1568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6</w:t>
                              </w:r>
                            </w:p>
                          </w:txbxContent>
                        </wps:txbx>
                        <wps:bodyPr horzOverflow="overflow" vert="horz" lIns="0" tIns="0" rIns="0" bIns="0" rtlCol="0">
                          <a:noAutofit/>
                        </wps:bodyPr>
                      </wps:wsp>
                      <wps:wsp>
                        <wps:cNvPr id="5112" name="Shape 5112"/>
                        <wps:cNvSpPr/>
                        <wps:spPr>
                          <a:xfrm>
                            <a:off x="1839362" y="2623863"/>
                            <a:ext cx="1076091" cy="324853"/>
                          </a:xfrm>
                          <a:custGeom>
                            <a:avLst/>
                            <a:gdLst/>
                            <a:ahLst/>
                            <a:cxnLst/>
                            <a:rect l="0" t="0" r="0" b="0"/>
                            <a:pathLst>
                              <a:path w="1076091" h="324853">
                                <a:moveTo>
                                  <a:pt x="0" y="324853"/>
                                </a:moveTo>
                                <a:lnTo>
                                  <a:pt x="1076091" y="324853"/>
                                </a:lnTo>
                                <a:lnTo>
                                  <a:pt x="1076091"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13" name="Rectangle 5113"/>
                        <wps:cNvSpPr/>
                        <wps:spPr>
                          <a:xfrm>
                            <a:off x="1886329" y="2677493"/>
                            <a:ext cx="1306274"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Драйвер файловой </w:t>
                              </w:r>
                            </w:p>
                          </w:txbxContent>
                        </wps:txbx>
                        <wps:bodyPr horzOverflow="overflow" vert="horz" lIns="0" tIns="0" rIns="0" bIns="0" rtlCol="0">
                          <a:noAutofit/>
                        </wps:bodyPr>
                      </wps:wsp>
                      <wps:wsp>
                        <wps:cNvPr id="5114" name="Rectangle 5114"/>
                        <wps:cNvSpPr/>
                        <wps:spPr>
                          <a:xfrm>
                            <a:off x="2166630" y="2804437"/>
                            <a:ext cx="560697"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системы</w:t>
                              </w:r>
                            </w:p>
                          </w:txbxContent>
                        </wps:txbx>
                        <wps:bodyPr horzOverflow="overflow" vert="horz" lIns="0" tIns="0" rIns="0" bIns="0" rtlCol="0">
                          <a:noAutofit/>
                        </wps:bodyPr>
                      </wps:wsp>
                      <wps:wsp>
                        <wps:cNvPr id="5115" name="Shape 5115"/>
                        <wps:cNvSpPr/>
                        <wps:spPr>
                          <a:xfrm>
                            <a:off x="2577150" y="2099073"/>
                            <a:ext cx="175597" cy="524702"/>
                          </a:xfrm>
                          <a:custGeom>
                            <a:avLst/>
                            <a:gdLst/>
                            <a:ahLst/>
                            <a:cxnLst/>
                            <a:rect l="0" t="0" r="0" b="0"/>
                            <a:pathLst>
                              <a:path w="175597" h="524702">
                                <a:moveTo>
                                  <a:pt x="175597" y="524702"/>
                                </a:moveTo>
                                <a:cubicBezTo>
                                  <a:pt x="175597" y="284213"/>
                                  <a:pt x="104440" y="71670"/>
                                  <a:pt x="0" y="0"/>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16" name="Shape 5116"/>
                        <wps:cNvSpPr/>
                        <wps:spPr>
                          <a:xfrm>
                            <a:off x="2502550" y="2074036"/>
                            <a:ext cx="90403" cy="54392"/>
                          </a:xfrm>
                          <a:custGeom>
                            <a:avLst/>
                            <a:gdLst/>
                            <a:ahLst/>
                            <a:cxnLst/>
                            <a:rect l="0" t="0" r="0" b="0"/>
                            <a:pathLst>
                              <a:path w="90403" h="54392">
                                <a:moveTo>
                                  <a:pt x="0" y="0"/>
                                </a:moveTo>
                                <a:lnTo>
                                  <a:pt x="90403" y="176"/>
                                </a:lnTo>
                                <a:lnTo>
                                  <a:pt x="72216" y="54392"/>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17" name="Shape 5117"/>
                        <wps:cNvSpPr/>
                        <wps:spPr>
                          <a:xfrm>
                            <a:off x="2004629" y="2074036"/>
                            <a:ext cx="247636" cy="471280"/>
                          </a:xfrm>
                          <a:custGeom>
                            <a:avLst/>
                            <a:gdLst/>
                            <a:ahLst/>
                            <a:cxnLst/>
                            <a:rect l="0" t="0" r="0" b="0"/>
                            <a:pathLst>
                              <a:path w="247636" h="471280">
                                <a:moveTo>
                                  <a:pt x="247636" y="0"/>
                                </a:moveTo>
                                <a:cubicBezTo>
                                  <a:pt x="123244" y="0"/>
                                  <a:pt x="17745" y="200818"/>
                                  <a:pt x="0" y="471280"/>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18" name="Shape 5118"/>
                        <wps:cNvSpPr/>
                        <wps:spPr>
                          <a:xfrm>
                            <a:off x="1976202" y="2537206"/>
                            <a:ext cx="57208" cy="86569"/>
                          </a:xfrm>
                          <a:custGeom>
                            <a:avLst/>
                            <a:gdLst/>
                            <a:ahLst/>
                            <a:cxnLst/>
                            <a:rect l="0" t="0" r="0" b="0"/>
                            <a:pathLst>
                              <a:path w="57208" h="86569">
                                <a:moveTo>
                                  <a:pt x="0" y="0"/>
                                </a:moveTo>
                                <a:lnTo>
                                  <a:pt x="57208" y="1939"/>
                                </a:lnTo>
                                <a:lnTo>
                                  <a:pt x="25867" y="8656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19" name="Rectangle 5119"/>
                        <wps:cNvSpPr/>
                        <wps:spPr>
                          <a:xfrm>
                            <a:off x="36016" y="2703498"/>
                            <a:ext cx="609051"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Текущий </w:t>
                              </w:r>
                            </w:p>
                          </w:txbxContent>
                        </wps:txbx>
                        <wps:bodyPr horzOverflow="overflow" vert="horz" lIns="0" tIns="0" rIns="0" bIns="0" rtlCol="0">
                          <a:noAutofit/>
                        </wps:bodyPr>
                      </wps:wsp>
                      <wps:wsp>
                        <wps:cNvPr id="5120" name="Shape 5120"/>
                        <wps:cNvSpPr/>
                        <wps:spPr>
                          <a:xfrm>
                            <a:off x="500504" y="2748779"/>
                            <a:ext cx="546953" cy="0"/>
                          </a:xfrm>
                          <a:custGeom>
                            <a:avLst/>
                            <a:gdLst/>
                            <a:ahLst/>
                            <a:cxnLst/>
                            <a:rect l="0" t="0" r="0" b="0"/>
                            <a:pathLst>
                              <a:path w="546953">
                                <a:moveTo>
                                  <a:pt x="0" y="0"/>
                                </a:moveTo>
                                <a:lnTo>
                                  <a:pt x="546953" y="0"/>
                                </a:ln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21" name="Shape 5121"/>
                        <wps:cNvSpPr/>
                        <wps:spPr>
                          <a:xfrm>
                            <a:off x="1040306" y="2720217"/>
                            <a:ext cx="85812" cy="57124"/>
                          </a:xfrm>
                          <a:custGeom>
                            <a:avLst/>
                            <a:gdLst/>
                            <a:ahLst/>
                            <a:cxnLst/>
                            <a:rect l="0" t="0" r="0" b="0"/>
                            <a:pathLst>
                              <a:path w="85812" h="57124">
                                <a:moveTo>
                                  <a:pt x="0" y="0"/>
                                </a:moveTo>
                                <a:lnTo>
                                  <a:pt x="85812" y="28562"/>
                                </a:lnTo>
                                <a:lnTo>
                                  <a:pt x="0" y="5712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23" name="Shape 5123"/>
                        <wps:cNvSpPr/>
                        <wps:spPr>
                          <a:xfrm>
                            <a:off x="1251304" y="2623836"/>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24" name="Rectangle 5124"/>
                        <wps:cNvSpPr/>
                        <wps:spPr>
                          <a:xfrm>
                            <a:off x="1350623" y="2622274"/>
                            <a:ext cx="234883" cy="1568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IRP</w:t>
                              </w:r>
                            </w:p>
                          </w:txbxContent>
                        </wps:txbx>
                        <wps:bodyPr horzOverflow="overflow" vert="horz" lIns="0" tIns="0" rIns="0" bIns="0" rtlCol="0">
                          <a:noAutofit/>
                        </wps:bodyPr>
                      </wps:wsp>
                      <wps:wsp>
                        <wps:cNvPr id="5126" name="Shape 5126"/>
                        <wps:cNvSpPr/>
                        <wps:spPr>
                          <a:xfrm>
                            <a:off x="1251304" y="2873669"/>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69462" name="Shape 69462"/>
                        <wps:cNvSpPr/>
                        <wps:spPr>
                          <a:xfrm>
                            <a:off x="1251304" y="2748752"/>
                            <a:ext cx="375383" cy="124943"/>
                          </a:xfrm>
                          <a:custGeom>
                            <a:avLst/>
                            <a:gdLst/>
                            <a:ahLst/>
                            <a:cxnLst/>
                            <a:rect l="0" t="0" r="0" b="0"/>
                            <a:pathLst>
                              <a:path w="375383" h="124943">
                                <a:moveTo>
                                  <a:pt x="0" y="0"/>
                                </a:moveTo>
                                <a:lnTo>
                                  <a:pt x="375383" y="0"/>
                                </a:lnTo>
                                <a:lnTo>
                                  <a:pt x="375383" y="124943"/>
                                </a:lnTo>
                                <a:lnTo>
                                  <a:pt x="0" y="124943"/>
                                </a:lnTo>
                                <a:lnTo>
                                  <a:pt x="0" y="0"/>
                                </a:lnTo>
                              </a:path>
                            </a:pathLst>
                          </a:custGeom>
                          <a:ln w="0" cap="rnd">
                            <a:round/>
                          </a:ln>
                        </wps:spPr>
                        <wps:style>
                          <a:lnRef idx="0">
                            <a:srgbClr val="000000">
                              <a:alpha val="0"/>
                            </a:srgbClr>
                          </a:lnRef>
                          <a:fillRef idx="1">
                            <a:srgbClr val="A6A6A6"/>
                          </a:fillRef>
                          <a:effectRef idx="0">
                            <a:scrgbClr r="0" g="0" b="0"/>
                          </a:effectRef>
                          <a:fontRef idx="none"/>
                        </wps:style>
                        <wps:bodyPr/>
                      </wps:wsp>
                      <wps:wsp>
                        <wps:cNvPr id="5128" name="Shape 5128"/>
                        <wps:cNvSpPr/>
                        <wps:spPr>
                          <a:xfrm>
                            <a:off x="1251304" y="2748752"/>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29" name="Shape 5129"/>
                        <wps:cNvSpPr/>
                        <wps:spPr>
                          <a:xfrm>
                            <a:off x="75073" y="3285999"/>
                            <a:ext cx="175181" cy="174989"/>
                          </a:xfrm>
                          <a:custGeom>
                            <a:avLst/>
                            <a:gdLst/>
                            <a:ahLst/>
                            <a:cxnLst/>
                            <a:rect l="0" t="0" r="0" b="0"/>
                            <a:pathLst>
                              <a:path w="175181" h="174989">
                                <a:moveTo>
                                  <a:pt x="87595" y="0"/>
                                </a:moveTo>
                                <a:cubicBezTo>
                                  <a:pt x="135966" y="0"/>
                                  <a:pt x="175181" y="39141"/>
                                  <a:pt x="175181" y="87450"/>
                                </a:cubicBezTo>
                                <a:cubicBezTo>
                                  <a:pt x="175181" y="135760"/>
                                  <a:pt x="135966" y="174989"/>
                                  <a:pt x="87595" y="174989"/>
                                </a:cubicBezTo>
                                <a:cubicBezTo>
                                  <a:pt x="39216" y="174989"/>
                                  <a:pt x="0" y="135760"/>
                                  <a:pt x="0" y="87450"/>
                                </a:cubicBezTo>
                                <a:cubicBezTo>
                                  <a:pt x="0" y="39141"/>
                                  <a:pt x="39216" y="0"/>
                                  <a:pt x="87595"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130" name="Shape 5130"/>
                        <wps:cNvSpPr/>
                        <wps:spPr>
                          <a:xfrm>
                            <a:off x="75073" y="3285999"/>
                            <a:ext cx="175181" cy="174989"/>
                          </a:xfrm>
                          <a:custGeom>
                            <a:avLst/>
                            <a:gdLst/>
                            <a:ahLst/>
                            <a:cxnLst/>
                            <a:rect l="0" t="0" r="0" b="0"/>
                            <a:pathLst>
                              <a:path w="175181" h="174989">
                                <a:moveTo>
                                  <a:pt x="175181" y="87450"/>
                                </a:moveTo>
                                <a:cubicBezTo>
                                  <a:pt x="175181" y="39141"/>
                                  <a:pt x="135966" y="0"/>
                                  <a:pt x="87595" y="0"/>
                                </a:cubicBezTo>
                                <a:cubicBezTo>
                                  <a:pt x="39216" y="0"/>
                                  <a:pt x="0" y="39141"/>
                                  <a:pt x="0" y="87450"/>
                                </a:cubicBezTo>
                                <a:cubicBezTo>
                                  <a:pt x="0" y="135760"/>
                                  <a:pt x="39216" y="174989"/>
                                  <a:pt x="87595" y="174989"/>
                                </a:cubicBezTo>
                                <a:cubicBezTo>
                                  <a:pt x="135966" y="174989"/>
                                  <a:pt x="175181" y="135760"/>
                                  <a:pt x="175181" y="87450"/>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31" name="Rectangle 5131"/>
                        <wps:cNvSpPr/>
                        <wps:spPr>
                          <a:xfrm>
                            <a:off x="133208" y="3309447"/>
                            <a:ext cx="78364" cy="1568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3</w:t>
                              </w:r>
                            </w:p>
                          </w:txbxContent>
                        </wps:txbx>
                        <wps:bodyPr horzOverflow="overflow" vert="horz" lIns="0" tIns="0" rIns="0" bIns="0" rtlCol="0">
                          <a:noAutofit/>
                        </wps:bodyPr>
                      </wps:wsp>
                      <wps:wsp>
                        <wps:cNvPr id="5132" name="Rectangle 5132"/>
                        <wps:cNvSpPr/>
                        <wps:spPr>
                          <a:xfrm>
                            <a:off x="289876" y="3313006"/>
                            <a:ext cx="1906081"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Драйвер файловой системы </w:t>
                              </w:r>
                            </w:p>
                          </w:txbxContent>
                        </wps:txbx>
                        <wps:bodyPr horzOverflow="overflow" vert="horz" lIns="0" tIns="0" rIns="0" bIns="0" rtlCol="0">
                          <a:noAutofit/>
                        </wps:bodyPr>
                      </wps:wsp>
                      <wps:wsp>
                        <wps:cNvPr id="5133" name="Rectangle 5133"/>
                        <wps:cNvSpPr/>
                        <wps:spPr>
                          <a:xfrm>
                            <a:off x="289876" y="3439950"/>
                            <a:ext cx="1942945"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заполняет второй блок стека </w:t>
                              </w:r>
                            </w:p>
                          </w:txbxContent>
                        </wps:txbx>
                        <wps:bodyPr horzOverflow="overflow" vert="horz" lIns="0" tIns="0" rIns="0" bIns="0" rtlCol="0">
                          <a:noAutofit/>
                        </wps:bodyPr>
                      </wps:wsp>
                      <wps:wsp>
                        <wps:cNvPr id="5134" name="Rectangle 5134"/>
                        <wps:cNvSpPr/>
                        <wps:spPr>
                          <a:xfrm>
                            <a:off x="289876" y="3548172"/>
                            <a:ext cx="274032" cy="1568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IRP </w:t>
                              </w:r>
                            </w:p>
                          </w:txbxContent>
                        </wps:txbx>
                        <wps:bodyPr horzOverflow="overflow" vert="horz" lIns="0" tIns="0" rIns="0" bIns="0" rtlCol="0">
                          <a:noAutofit/>
                        </wps:bodyPr>
                      </wps:wsp>
                      <wps:wsp>
                        <wps:cNvPr id="5135" name="Rectangle 5135"/>
                        <wps:cNvSpPr/>
                        <wps:spPr>
                          <a:xfrm>
                            <a:off x="495913" y="3566894"/>
                            <a:ext cx="1754869" cy="13224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и вызывает драйвер диска</w:t>
                              </w:r>
                            </w:p>
                          </w:txbxContent>
                        </wps:txbx>
                        <wps:bodyPr horzOverflow="overflow" vert="horz" lIns="0" tIns="0" rIns="0" bIns="0" rtlCol="0">
                          <a:noAutofit/>
                        </wps:bodyPr>
                      </wps:wsp>
                      <wps:wsp>
                        <wps:cNvPr id="5136" name="Shape 5136"/>
                        <wps:cNvSpPr/>
                        <wps:spPr>
                          <a:xfrm>
                            <a:off x="3078072" y="3198549"/>
                            <a:ext cx="175243" cy="174901"/>
                          </a:xfrm>
                          <a:custGeom>
                            <a:avLst/>
                            <a:gdLst/>
                            <a:ahLst/>
                            <a:cxnLst/>
                            <a:rect l="0" t="0" r="0" b="0"/>
                            <a:pathLst>
                              <a:path w="175243" h="174901">
                                <a:moveTo>
                                  <a:pt x="87666" y="0"/>
                                </a:moveTo>
                                <a:cubicBezTo>
                                  <a:pt x="136045" y="0"/>
                                  <a:pt x="175243" y="39141"/>
                                  <a:pt x="175243" y="87450"/>
                                </a:cubicBezTo>
                                <a:cubicBezTo>
                                  <a:pt x="175243" y="135760"/>
                                  <a:pt x="136045" y="174901"/>
                                  <a:pt x="87666" y="174901"/>
                                </a:cubicBezTo>
                                <a:cubicBezTo>
                                  <a:pt x="39286" y="174901"/>
                                  <a:pt x="0" y="135760"/>
                                  <a:pt x="0" y="87450"/>
                                </a:cubicBezTo>
                                <a:cubicBezTo>
                                  <a:pt x="0" y="39141"/>
                                  <a:pt x="39286" y="0"/>
                                  <a:pt x="87666"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137" name="Shape 5137"/>
                        <wps:cNvSpPr/>
                        <wps:spPr>
                          <a:xfrm>
                            <a:off x="3078072" y="3198549"/>
                            <a:ext cx="175243" cy="174901"/>
                          </a:xfrm>
                          <a:custGeom>
                            <a:avLst/>
                            <a:gdLst/>
                            <a:ahLst/>
                            <a:cxnLst/>
                            <a:rect l="0" t="0" r="0" b="0"/>
                            <a:pathLst>
                              <a:path w="175243" h="174901">
                                <a:moveTo>
                                  <a:pt x="175243" y="87450"/>
                                </a:moveTo>
                                <a:cubicBezTo>
                                  <a:pt x="175243" y="39141"/>
                                  <a:pt x="136045" y="0"/>
                                  <a:pt x="87666" y="0"/>
                                </a:cubicBezTo>
                                <a:cubicBezTo>
                                  <a:pt x="39286" y="0"/>
                                  <a:pt x="0" y="39141"/>
                                  <a:pt x="0" y="87450"/>
                                </a:cubicBezTo>
                                <a:cubicBezTo>
                                  <a:pt x="0" y="135760"/>
                                  <a:pt x="39286" y="174901"/>
                                  <a:pt x="87666" y="174901"/>
                                </a:cubicBezTo>
                                <a:cubicBezTo>
                                  <a:pt x="136045" y="174901"/>
                                  <a:pt x="175243" y="135760"/>
                                  <a:pt x="175243" y="87450"/>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38" name="Rectangle 5138"/>
                        <wps:cNvSpPr/>
                        <wps:spPr>
                          <a:xfrm>
                            <a:off x="3136251" y="3221997"/>
                            <a:ext cx="78364" cy="1568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5</w:t>
                              </w:r>
                            </w:p>
                          </w:txbxContent>
                        </wps:txbx>
                        <wps:bodyPr horzOverflow="overflow" vert="horz" lIns="0" tIns="0" rIns="0" bIns="0" rtlCol="0">
                          <a:noAutofit/>
                        </wps:bodyPr>
                      </wps:wsp>
                      <wps:wsp>
                        <wps:cNvPr id="5139" name="Rectangle 5139"/>
                        <wps:cNvSpPr/>
                        <wps:spPr>
                          <a:xfrm>
                            <a:off x="3288629" y="3264697"/>
                            <a:ext cx="1985941" cy="13224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Возврат кода незавершенной </w:t>
                              </w:r>
                            </w:p>
                          </w:txbxContent>
                        </wps:txbx>
                        <wps:bodyPr horzOverflow="overflow" vert="horz" lIns="0" tIns="0" rIns="0" bIns="0" rtlCol="0">
                          <a:noAutofit/>
                        </wps:bodyPr>
                      </wps:wsp>
                      <wps:wsp>
                        <wps:cNvPr id="5140" name="Rectangle 5140"/>
                        <wps:cNvSpPr/>
                        <wps:spPr>
                          <a:xfrm>
                            <a:off x="3288629" y="3391640"/>
                            <a:ext cx="1055652"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операции ввода</w:t>
                              </w:r>
                            </w:p>
                          </w:txbxContent>
                        </wps:txbx>
                        <wps:bodyPr horzOverflow="overflow" vert="horz" lIns="0" tIns="0" rIns="0" bIns="0" rtlCol="0">
                          <a:noAutofit/>
                        </wps:bodyPr>
                      </wps:wsp>
                      <wps:wsp>
                        <wps:cNvPr id="5141" name="Rectangle 5141"/>
                        <wps:cNvSpPr/>
                        <wps:spPr>
                          <a:xfrm>
                            <a:off x="4082388" y="3372919"/>
                            <a:ext cx="46922" cy="1568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5142" name="Rectangle 5142"/>
                        <wps:cNvSpPr/>
                        <wps:spPr>
                          <a:xfrm>
                            <a:off x="4117613" y="3391640"/>
                            <a:ext cx="529095"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вывода </w:t>
                              </w:r>
                            </w:p>
                          </w:txbxContent>
                        </wps:txbx>
                        <wps:bodyPr horzOverflow="overflow" vert="horz" lIns="0" tIns="0" rIns="0" bIns="0" rtlCol="0">
                          <a:noAutofit/>
                        </wps:bodyPr>
                      </wps:wsp>
                      <wps:wsp>
                        <wps:cNvPr id="5143" name="Rectangle 5143"/>
                        <wps:cNvSpPr/>
                        <wps:spPr>
                          <a:xfrm>
                            <a:off x="36016" y="3952927"/>
                            <a:ext cx="609051"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Текущий </w:t>
                              </w:r>
                            </w:p>
                          </w:txbxContent>
                        </wps:txbx>
                        <wps:bodyPr horzOverflow="overflow" vert="horz" lIns="0" tIns="0" rIns="0" bIns="0" rtlCol="0">
                          <a:noAutofit/>
                        </wps:bodyPr>
                      </wps:wsp>
                      <wps:wsp>
                        <wps:cNvPr id="5144" name="Shape 5144"/>
                        <wps:cNvSpPr/>
                        <wps:spPr>
                          <a:xfrm>
                            <a:off x="500504" y="3998208"/>
                            <a:ext cx="546953" cy="0"/>
                          </a:xfrm>
                          <a:custGeom>
                            <a:avLst/>
                            <a:gdLst/>
                            <a:ahLst/>
                            <a:cxnLst/>
                            <a:rect l="0" t="0" r="0" b="0"/>
                            <a:pathLst>
                              <a:path w="546953">
                                <a:moveTo>
                                  <a:pt x="0" y="0"/>
                                </a:moveTo>
                                <a:lnTo>
                                  <a:pt x="546953" y="0"/>
                                </a:ln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45" name="Shape 5145"/>
                        <wps:cNvSpPr/>
                        <wps:spPr>
                          <a:xfrm>
                            <a:off x="1040306" y="3969646"/>
                            <a:ext cx="85812" cy="57125"/>
                          </a:xfrm>
                          <a:custGeom>
                            <a:avLst/>
                            <a:gdLst/>
                            <a:ahLst/>
                            <a:cxnLst/>
                            <a:rect l="0" t="0" r="0" b="0"/>
                            <a:pathLst>
                              <a:path w="85812" h="57125">
                                <a:moveTo>
                                  <a:pt x="0" y="0"/>
                                </a:moveTo>
                                <a:lnTo>
                                  <a:pt x="85812" y="28562"/>
                                </a:lnTo>
                                <a:lnTo>
                                  <a:pt x="0" y="5712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47" name="Shape 5147"/>
                        <wps:cNvSpPr/>
                        <wps:spPr>
                          <a:xfrm>
                            <a:off x="1251304" y="3873265"/>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48" name="Rectangle 5148"/>
                        <wps:cNvSpPr/>
                        <wps:spPr>
                          <a:xfrm>
                            <a:off x="1350623" y="3871703"/>
                            <a:ext cx="234883" cy="1568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IRP</w:t>
                              </w:r>
                            </w:p>
                          </w:txbxContent>
                        </wps:txbx>
                        <wps:bodyPr horzOverflow="overflow" vert="horz" lIns="0" tIns="0" rIns="0" bIns="0" rtlCol="0">
                          <a:noAutofit/>
                        </wps:bodyPr>
                      </wps:wsp>
                      <wps:wsp>
                        <wps:cNvPr id="5150" name="Shape 5150"/>
                        <wps:cNvSpPr/>
                        <wps:spPr>
                          <a:xfrm>
                            <a:off x="1251304" y="4123186"/>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69463" name="Shape 69463"/>
                        <wps:cNvSpPr/>
                        <wps:spPr>
                          <a:xfrm>
                            <a:off x="1251304" y="3998182"/>
                            <a:ext cx="375383" cy="124943"/>
                          </a:xfrm>
                          <a:custGeom>
                            <a:avLst/>
                            <a:gdLst/>
                            <a:ahLst/>
                            <a:cxnLst/>
                            <a:rect l="0" t="0" r="0" b="0"/>
                            <a:pathLst>
                              <a:path w="375383" h="124943">
                                <a:moveTo>
                                  <a:pt x="0" y="0"/>
                                </a:moveTo>
                                <a:lnTo>
                                  <a:pt x="375383" y="0"/>
                                </a:lnTo>
                                <a:lnTo>
                                  <a:pt x="375383" y="124943"/>
                                </a:lnTo>
                                <a:lnTo>
                                  <a:pt x="0" y="124943"/>
                                </a:lnTo>
                                <a:lnTo>
                                  <a:pt x="0" y="0"/>
                                </a:lnTo>
                              </a:path>
                            </a:pathLst>
                          </a:custGeom>
                          <a:ln w="0" cap="rnd">
                            <a:round/>
                          </a:ln>
                        </wps:spPr>
                        <wps:style>
                          <a:lnRef idx="0">
                            <a:srgbClr val="000000">
                              <a:alpha val="0"/>
                            </a:srgbClr>
                          </a:lnRef>
                          <a:fillRef idx="1">
                            <a:srgbClr val="A6A6A6"/>
                          </a:fillRef>
                          <a:effectRef idx="0">
                            <a:scrgbClr r="0" g="0" b="0"/>
                          </a:effectRef>
                          <a:fontRef idx="none"/>
                        </wps:style>
                        <wps:bodyPr/>
                      </wps:wsp>
                      <wps:wsp>
                        <wps:cNvPr id="5152" name="Shape 5152"/>
                        <wps:cNvSpPr/>
                        <wps:spPr>
                          <a:xfrm>
                            <a:off x="1251304" y="3998182"/>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54" name="Shape 5154"/>
                        <wps:cNvSpPr/>
                        <wps:spPr>
                          <a:xfrm>
                            <a:off x="1839362" y="4123125"/>
                            <a:ext cx="1076091" cy="324853"/>
                          </a:xfrm>
                          <a:custGeom>
                            <a:avLst/>
                            <a:gdLst/>
                            <a:ahLst/>
                            <a:cxnLst/>
                            <a:rect l="0" t="0" r="0" b="0"/>
                            <a:pathLst>
                              <a:path w="1076091" h="324853">
                                <a:moveTo>
                                  <a:pt x="0" y="324853"/>
                                </a:moveTo>
                                <a:lnTo>
                                  <a:pt x="1076091" y="324853"/>
                                </a:lnTo>
                                <a:lnTo>
                                  <a:pt x="1076091"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55" name="Rectangle 5155"/>
                        <wps:cNvSpPr/>
                        <wps:spPr>
                          <a:xfrm>
                            <a:off x="2011604" y="4240314"/>
                            <a:ext cx="972960"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райвер диска</w:t>
                              </w:r>
                            </w:p>
                          </w:txbxContent>
                        </wps:txbx>
                        <wps:bodyPr horzOverflow="overflow" vert="horz" lIns="0" tIns="0" rIns="0" bIns="0" rtlCol="0">
                          <a:noAutofit/>
                        </wps:bodyPr>
                      </wps:wsp>
                      <wps:wsp>
                        <wps:cNvPr id="5156" name="Shape 5156"/>
                        <wps:cNvSpPr/>
                        <wps:spPr>
                          <a:xfrm>
                            <a:off x="2568939" y="2990766"/>
                            <a:ext cx="183807" cy="1132358"/>
                          </a:xfrm>
                          <a:custGeom>
                            <a:avLst/>
                            <a:gdLst/>
                            <a:ahLst/>
                            <a:cxnLst/>
                            <a:rect l="0" t="0" r="0" b="0"/>
                            <a:pathLst>
                              <a:path w="183807" h="1132358">
                                <a:moveTo>
                                  <a:pt x="183807" y="1132358"/>
                                </a:moveTo>
                                <a:cubicBezTo>
                                  <a:pt x="183807" y="603777"/>
                                  <a:pt x="108589" y="140255"/>
                                  <a:pt x="0" y="0"/>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57" name="Shape 5157"/>
                        <wps:cNvSpPr/>
                        <wps:spPr>
                          <a:xfrm>
                            <a:off x="2502550" y="2948716"/>
                            <a:ext cx="87754" cy="69996"/>
                          </a:xfrm>
                          <a:custGeom>
                            <a:avLst/>
                            <a:gdLst/>
                            <a:ahLst/>
                            <a:cxnLst/>
                            <a:rect l="0" t="0" r="0" b="0"/>
                            <a:pathLst>
                              <a:path w="87754" h="69996">
                                <a:moveTo>
                                  <a:pt x="0" y="0"/>
                                </a:moveTo>
                                <a:lnTo>
                                  <a:pt x="87754" y="21774"/>
                                </a:lnTo>
                                <a:lnTo>
                                  <a:pt x="57120" y="6999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58" name="Shape 5158"/>
                        <wps:cNvSpPr/>
                        <wps:spPr>
                          <a:xfrm>
                            <a:off x="2002599" y="2948716"/>
                            <a:ext cx="249667" cy="1095862"/>
                          </a:xfrm>
                          <a:custGeom>
                            <a:avLst/>
                            <a:gdLst/>
                            <a:ahLst/>
                            <a:cxnLst/>
                            <a:rect l="0" t="0" r="0" b="0"/>
                            <a:pathLst>
                              <a:path w="249667" h="1095862">
                                <a:moveTo>
                                  <a:pt x="249667" y="0"/>
                                </a:moveTo>
                                <a:cubicBezTo>
                                  <a:pt x="117947" y="0"/>
                                  <a:pt x="8829" y="479125"/>
                                  <a:pt x="0" y="1095862"/>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59" name="Shape 5159"/>
                        <wps:cNvSpPr/>
                        <wps:spPr>
                          <a:xfrm>
                            <a:off x="1973995" y="4037261"/>
                            <a:ext cx="57208" cy="85863"/>
                          </a:xfrm>
                          <a:custGeom>
                            <a:avLst/>
                            <a:gdLst/>
                            <a:ahLst/>
                            <a:cxnLst/>
                            <a:rect l="0" t="0" r="0" b="0"/>
                            <a:pathLst>
                              <a:path w="57208" h="85863">
                                <a:moveTo>
                                  <a:pt x="0" y="0"/>
                                </a:moveTo>
                                <a:lnTo>
                                  <a:pt x="57208" y="440"/>
                                </a:lnTo>
                                <a:lnTo>
                                  <a:pt x="28074" y="8586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60" name="Shape 5160"/>
                        <wps:cNvSpPr/>
                        <wps:spPr>
                          <a:xfrm>
                            <a:off x="104410" y="4772831"/>
                            <a:ext cx="175181" cy="174989"/>
                          </a:xfrm>
                          <a:custGeom>
                            <a:avLst/>
                            <a:gdLst/>
                            <a:ahLst/>
                            <a:cxnLst/>
                            <a:rect l="0" t="0" r="0" b="0"/>
                            <a:pathLst>
                              <a:path w="175181" h="174989">
                                <a:moveTo>
                                  <a:pt x="87586" y="0"/>
                                </a:moveTo>
                                <a:cubicBezTo>
                                  <a:pt x="135966" y="0"/>
                                  <a:pt x="175181" y="39229"/>
                                  <a:pt x="175181" y="87539"/>
                                </a:cubicBezTo>
                                <a:cubicBezTo>
                                  <a:pt x="175181" y="135760"/>
                                  <a:pt x="135966" y="174989"/>
                                  <a:pt x="87586" y="174989"/>
                                </a:cubicBezTo>
                                <a:cubicBezTo>
                                  <a:pt x="39216" y="174989"/>
                                  <a:pt x="0" y="135760"/>
                                  <a:pt x="0" y="87539"/>
                                </a:cubicBezTo>
                                <a:cubicBezTo>
                                  <a:pt x="0" y="39229"/>
                                  <a:pt x="39216" y="0"/>
                                  <a:pt x="87586"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161" name="Shape 5161"/>
                        <wps:cNvSpPr/>
                        <wps:spPr>
                          <a:xfrm>
                            <a:off x="104410" y="4772831"/>
                            <a:ext cx="175181" cy="174989"/>
                          </a:xfrm>
                          <a:custGeom>
                            <a:avLst/>
                            <a:gdLst/>
                            <a:ahLst/>
                            <a:cxnLst/>
                            <a:rect l="0" t="0" r="0" b="0"/>
                            <a:pathLst>
                              <a:path w="175181" h="174989">
                                <a:moveTo>
                                  <a:pt x="175181" y="87539"/>
                                </a:moveTo>
                                <a:cubicBezTo>
                                  <a:pt x="175181" y="39229"/>
                                  <a:pt x="135966" y="0"/>
                                  <a:pt x="87586" y="0"/>
                                </a:cubicBezTo>
                                <a:cubicBezTo>
                                  <a:pt x="39216" y="0"/>
                                  <a:pt x="0" y="39229"/>
                                  <a:pt x="0" y="87539"/>
                                </a:cubicBezTo>
                                <a:cubicBezTo>
                                  <a:pt x="0" y="135760"/>
                                  <a:pt x="39216" y="174989"/>
                                  <a:pt x="87586" y="174989"/>
                                </a:cubicBezTo>
                                <a:cubicBezTo>
                                  <a:pt x="135966" y="174989"/>
                                  <a:pt x="175181" y="135760"/>
                                  <a:pt x="175181" y="87539"/>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62" name="Rectangle 5162"/>
                        <wps:cNvSpPr/>
                        <wps:spPr>
                          <a:xfrm>
                            <a:off x="162545" y="4796367"/>
                            <a:ext cx="78364"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4</w:t>
                              </w:r>
                            </w:p>
                          </w:txbxContent>
                        </wps:txbx>
                        <wps:bodyPr horzOverflow="overflow" vert="horz" lIns="0" tIns="0" rIns="0" bIns="0" rtlCol="0">
                          <a:noAutofit/>
                        </wps:bodyPr>
                      </wps:wsp>
                      <wps:wsp>
                        <wps:cNvPr id="5163" name="Rectangle 5163"/>
                        <wps:cNvSpPr/>
                        <wps:spPr>
                          <a:xfrm>
                            <a:off x="352443" y="4800279"/>
                            <a:ext cx="548222" cy="1322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Данные </w:t>
                              </w:r>
                            </w:p>
                          </w:txbxContent>
                        </wps:txbx>
                        <wps:bodyPr horzOverflow="overflow" vert="horz" lIns="0" tIns="0" rIns="0" bIns="0" rtlCol="0">
                          <a:noAutofit/>
                        </wps:bodyPr>
                      </wps:wsp>
                      <wps:wsp>
                        <wps:cNvPr id="5164" name="Rectangle 5164"/>
                        <wps:cNvSpPr/>
                        <wps:spPr>
                          <a:xfrm>
                            <a:off x="764622" y="4781557"/>
                            <a:ext cx="274032"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IRP </w:t>
                              </w:r>
                            </w:p>
                          </w:txbxContent>
                        </wps:txbx>
                        <wps:bodyPr horzOverflow="overflow" vert="horz" lIns="0" tIns="0" rIns="0" bIns="0" rtlCol="0">
                          <a:noAutofit/>
                        </wps:bodyPr>
                      </wps:wsp>
                      <wps:wsp>
                        <wps:cNvPr id="5165" name="Rectangle 5165"/>
                        <wps:cNvSpPr/>
                        <wps:spPr>
                          <a:xfrm>
                            <a:off x="970650" y="4800279"/>
                            <a:ext cx="1038424" cy="13225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посылаются на </w:t>
                              </w:r>
                            </w:p>
                          </w:txbxContent>
                        </wps:txbx>
                        <wps:bodyPr horzOverflow="overflow" vert="horz" lIns="0" tIns="0" rIns="0" bIns="0" rtlCol="0">
                          <a:noAutofit/>
                        </wps:bodyPr>
                      </wps:wsp>
                      <wps:wsp>
                        <wps:cNvPr id="5166" name="Rectangle 5166"/>
                        <wps:cNvSpPr/>
                        <wps:spPr>
                          <a:xfrm>
                            <a:off x="352443" y="4927196"/>
                            <a:ext cx="768252"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устройство </w:t>
                              </w:r>
                            </w:p>
                          </w:txbxContent>
                        </wps:txbx>
                        <wps:bodyPr horzOverflow="overflow" vert="horz" lIns="0" tIns="0" rIns="0" bIns="0" rtlCol="0">
                          <a:noAutofit/>
                        </wps:bodyPr>
                      </wps:wsp>
                      <wps:wsp>
                        <wps:cNvPr id="5167" name="Rectangle 5167"/>
                        <wps:cNvSpPr/>
                        <wps:spPr>
                          <a:xfrm>
                            <a:off x="930040" y="4908475"/>
                            <a:ext cx="46922" cy="1568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5168" name="Rectangle 5168"/>
                        <wps:cNvSpPr/>
                        <wps:spPr>
                          <a:xfrm>
                            <a:off x="965353" y="4927196"/>
                            <a:ext cx="359162"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либо </w:t>
                              </w:r>
                            </w:p>
                          </w:txbxContent>
                        </wps:txbx>
                        <wps:bodyPr horzOverflow="overflow" vert="horz" lIns="0" tIns="0" rIns="0" bIns="0" rtlCol="0">
                          <a:noAutofit/>
                        </wps:bodyPr>
                      </wps:wsp>
                      <wps:wsp>
                        <wps:cNvPr id="5169" name="Rectangle 5169"/>
                        <wps:cNvSpPr/>
                        <wps:spPr>
                          <a:xfrm>
                            <a:off x="1235325" y="4908475"/>
                            <a:ext cx="234883" cy="1568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IRP</w:t>
                              </w:r>
                            </w:p>
                          </w:txbxContent>
                        </wps:txbx>
                        <wps:bodyPr horzOverflow="overflow" vert="horz" lIns="0" tIns="0" rIns="0" bIns="0" rtlCol="0">
                          <a:noAutofit/>
                        </wps:bodyPr>
                      </wps:wsp>
                      <wps:wsp>
                        <wps:cNvPr id="5170" name="Rectangle 5170"/>
                        <wps:cNvSpPr/>
                        <wps:spPr>
                          <a:xfrm>
                            <a:off x="1411981" y="4908475"/>
                            <a:ext cx="39148" cy="15687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5171" name="Rectangle 5171"/>
                        <wps:cNvSpPr/>
                        <wps:spPr>
                          <a:xfrm>
                            <a:off x="352443" y="5054141"/>
                            <a:ext cx="1347253" cy="13224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ставиться в очередь</w:t>
                              </w:r>
                            </w:p>
                          </w:txbxContent>
                        </wps:txbx>
                        <wps:bodyPr horzOverflow="overflow" vert="horz" lIns="0" tIns="0" rIns="0" bIns="0" rtlCol="0">
                          <a:noAutofit/>
                        </wps:bodyPr>
                      </wps:wsp>
                      <wps:wsp>
                        <wps:cNvPr id="5172" name="Rectangle 5172"/>
                        <wps:cNvSpPr/>
                        <wps:spPr>
                          <a:xfrm>
                            <a:off x="1365455" y="5035418"/>
                            <a:ext cx="46922"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5173" name="Rectangle 5173"/>
                        <wps:cNvSpPr/>
                        <wps:spPr>
                          <a:xfrm>
                            <a:off x="1400680" y="5035418"/>
                            <a:ext cx="78296" cy="15688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5174" name="Rectangle 5174"/>
                        <wps:cNvSpPr/>
                        <wps:spPr>
                          <a:xfrm>
                            <a:off x="1459566" y="5054141"/>
                            <a:ext cx="117880" cy="13224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и </w:t>
                              </w:r>
                            </w:p>
                          </w:txbxContent>
                        </wps:txbx>
                        <wps:bodyPr horzOverflow="overflow" vert="horz" lIns="0" tIns="0" rIns="0" bIns="0" rtlCol="0">
                          <a:noAutofit/>
                        </wps:bodyPr>
                      </wps:wsp>
                      <wps:wsp>
                        <wps:cNvPr id="5175" name="Rectangle 5175"/>
                        <wps:cNvSpPr/>
                        <wps:spPr>
                          <a:xfrm>
                            <a:off x="352443" y="5181085"/>
                            <a:ext cx="1971340" cy="13224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роходит возврат управления</w:t>
                              </w:r>
                            </w:p>
                          </w:txbxContent>
                        </wps:txbx>
                        <wps:bodyPr horzOverflow="overflow" vert="horz" lIns="0" tIns="0" rIns="0" bIns="0" rtlCol="0">
                          <a:noAutofit/>
                        </wps:bodyPr>
                      </wps:wsp>
                      <pic:pic xmlns:pic="http://schemas.openxmlformats.org/drawingml/2006/picture">
                        <pic:nvPicPr>
                          <pic:cNvPr id="67483" name="Picture 67483"/>
                          <pic:cNvPicPr/>
                        </pic:nvPicPr>
                        <pic:blipFill>
                          <a:blip r:embed="rId66"/>
                          <a:stretch>
                            <a:fillRect/>
                          </a:stretch>
                        </pic:blipFill>
                        <pic:spPr>
                          <a:xfrm>
                            <a:off x="2128654" y="5218751"/>
                            <a:ext cx="630936" cy="368808"/>
                          </a:xfrm>
                          <a:prstGeom prst="rect">
                            <a:avLst/>
                          </a:prstGeom>
                        </pic:spPr>
                      </pic:pic>
                      <pic:pic xmlns:pic="http://schemas.openxmlformats.org/drawingml/2006/picture">
                        <pic:nvPicPr>
                          <pic:cNvPr id="67484" name="Picture 67484"/>
                          <pic:cNvPicPr/>
                        </pic:nvPicPr>
                        <pic:blipFill>
                          <a:blip r:embed="rId67"/>
                          <a:stretch>
                            <a:fillRect/>
                          </a:stretch>
                        </pic:blipFill>
                        <pic:spPr>
                          <a:xfrm>
                            <a:off x="2394846" y="5377246"/>
                            <a:ext cx="362712" cy="295656"/>
                          </a:xfrm>
                          <a:prstGeom prst="rect">
                            <a:avLst/>
                          </a:prstGeom>
                        </pic:spPr>
                      </pic:pic>
                      <wps:wsp>
                        <wps:cNvPr id="5181" name="Shape 5181"/>
                        <wps:cNvSpPr/>
                        <wps:spPr>
                          <a:xfrm>
                            <a:off x="2399611" y="5380638"/>
                            <a:ext cx="357461" cy="290050"/>
                          </a:xfrm>
                          <a:custGeom>
                            <a:avLst/>
                            <a:gdLst/>
                            <a:ahLst/>
                            <a:cxnLst/>
                            <a:rect l="0" t="0" r="0" b="0"/>
                            <a:pathLst>
                              <a:path w="357461" h="290050">
                                <a:moveTo>
                                  <a:pt x="0" y="290050"/>
                                </a:moveTo>
                                <a:lnTo>
                                  <a:pt x="339628" y="93710"/>
                                </a:lnTo>
                                <a:lnTo>
                                  <a:pt x="339628" y="75858"/>
                                </a:lnTo>
                                <a:lnTo>
                                  <a:pt x="357461" y="66937"/>
                                </a:lnTo>
                                <a:lnTo>
                                  <a:pt x="357461" y="0"/>
                                </a:lnTo>
                                <a:lnTo>
                                  <a:pt x="0" y="205262"/>
                                </a:lnTo>
                                <a:lnTo>
                                  <a:pt x="0" y="290050"/>
                                </a:lnTo>
                                <a:close/>
                              </a:path>
                            </a:pathLst>
                          </a:custGeom>
                          <a:ln w="6347"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67485" name="Picture 67485"/>
                          <pic:cNvPicPr/>
                        </pic:nvPicPr>
                        <pic:blipFill>
                          <a:blip r:embed="rId68"/>
                          <a:stretch>
                            <a:fillRect/>
                          </a:stretch>
                        </pic:blipFill>
                        <pic:spPr>
                          <a:xfrm>
                            <a:off x="2125607" y="5424999"/>
                            <a:ext cx="274320" cy="246888"/>
                          </a:xfrm>
                          <a:prstGeom prst="rect">
                            <a:avLst/>
                          </a:prstGeom>
                        </pic:spPr>
                      </pic:pic>
                      <wps:wsp>
                        <wps:cNvPr id="5184" name="Shape 5184"/>
                        <wps:cNvSpPr/>
                        <wps:spPr>
                          <a:xfrm>
                            <a:off x="2131493" y="5429723"/>
                            <a:ext cx="268118" cy="240964"/>
                          </a:xfrm>
                          <a:custGeom>
                            <a:avLst/>
                            <a:gdLst/>
                            <a:ahLst/>
                            <a:cxnLst/>
                            <a:rect l="0" t="0" r="0" b="0"/>
                            <a:pathLst>
                              <a:path w="268118" h="240964">
                                <a:moveTo>
                                  <a:pt x="0" y="66936"/>
                                </a:moveTo>
                                <a:lnTo>
                                  <a:pt x="17833" y="78088"/>
                                </a:lnTo>
                                <a:lnTo>
                                  <a:pt x="17833" y="95940"/>
                                </a:lnTo>
                                <a:lnTo>
                                  <a:pt x="268118" y="240964"/>
                                </a:lnTo>
                                <a:lnTo>
                                  <a:pt x="268118" y="156177"/>
                                </a:lnTo>
                                <a:lnTo>
                                  <a:pt x="0" y="0"/>
                                </a:lnTo>
                                <a:lnTo>
                                  <a:pt x="0" y="66936"/>
                                </a:ln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85" name="Shape 5185"/>
                        <wps:cNvSpPr/>
                        <wps:spPr>
                          <a:xfrm>
                            <a:off x="2131493" y="5224453"/>
                            <a:ext cx="625579" cy="446235"/>
                          </a:xfrm>
                          <a:custGeom>
                            <a:avLst/>
                            <a:gdLst/>
                            <a:ahLst/>
                            <a:cxnLst/>
                            <a:rect l="0" t="0" r="0" b="0"/>
                            <a:pathLst>
                              <a:path w="625579" h="446235">
                                <a:moveTo>
                                  <a:pt x="0" y="205270"/>
                                </a:moveTo>
                                <a:lnTo>
                                  <a:pt x="0" y="272207"/>
                                </a:lnTo>
                                <a:lnTo>
                                  <a:pt x="17833" y="283359"/>
                                </a:lnTo>
                                <a:lnTo>
                                  <a:pt x="17833" y="301210"/>
                                </a:lnTo>
                                <a:lnTo>
                                  <a:pt x="268118" y="446235"/>
                                </a:lnTo>
                                <a:lnTo>
                                  <a:pt x="607745" y="249895"/>
                                </a:lnTo>
                                <a:lnTo>
                                  <a:pt x="607745" y="232043"/>
                                </a:lnTo>
                                <a:lnTo>
                                  <a:pt x="625579" y="223122"/>
                                </a:lnTo>
                                <a:lnTo>
                                  <a:pt x="625579" y="156185"/>
                                </a:lnTo>
                                <a:lnTo>
                                  <a:pt x="357461" y="0"/>
                                </a:lnTo>
                                <a:lnTo>
                                  <a:pt x="0" y="205270"/>
                                </a:lnTo>
                                <a:close/>
                              </a:path>
                            </a:pathLst>
                          </a:custGeom>
                          <a:ln w="13223"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86" name="Picture 67486"/>
                          <pic:cNvPicPr/>
                        </pic:nvPicPr>
                        <pic:blipFill>
                          <a:blip r:embed="rId69"/>
                          <a:stretch>
                            <a:fillRect/>
                          </a:stretch>
                        </pic:blipFill>
                        <pic:spPr>
                          <a:xfrm>
                            <a:off x="2351159" y="5568255"/>
                            <a:ext cx="24384" cy="33527"/>
                          </a:xfrm>
                          <a:prstGeom prst="rect">
                            <a:avLst/>
                          </a:prstGeom>
                        </pic:spPr>
                      </pic:pic>
                      <wps:wsp>
                        <wps:cNvPr id="5188" name="Shape 5188"/>
                        <wps:cNvSpPr/>
                        <wps:spPr>
                          <a:xfrm>
                            <a:off x="2354322" y="5573381"/>
                            <a:ext cx="18893" cy="28316"/>
                          </a:xfrm>
                          <a:custGeom>
                            <a:avLst/>
                            <a:gdLst/>
                            <a:ahLst/>
                            <a:cxnLst/>
                            <a:rect l="0" t="0" r="0" b="0"/>
                            <a:pathLst>
                              <a:path w="18893" h="28316">
                                <a:moveTo>
                                  <a:pt x="0" y="18301"/>
                                </a:moveTo>
                                <a:lnTo>
                                  <a:pt x="18893" y="28316"/>
                                </a:lnTo>
                                <a:lnTo>
                                  <a:pt x="18893" y="10402"/>
                                </a:lnTo>
                                <a:lnTo>
                                  <a:pt x="0" y="0"/>
                                </a:lnTo>
                                <a:lnTo>
                                  <a:pt x="0" y="18301"/>
                                </a:lnTo>
                                <a:close/>
                              </a:path>
                            </a:pathLst>
                          </a:custGeom>
                          <a:ln w="2116"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87" name="Picture 67487"/>
                          <pic:cNvPicPr/>
                        </pic:nvPicPr>
                        <pic:blipFill>
                          <a:blip r:embed="rId70"/>
                          <a:stretch>
                            <a:fillRect/>
                          </a:stretch>
                        </pic:blipFill>
                        <pic:spPr>
                          <a:xfrm>
                            <a:off x="2167263" y="5466655"/>
                            <a:ext cx="48768" cy="67056"/>
                          </a:xfrm>
                          <a:prstGeom prst="rect">
                            <a:avLst/>
                          </a:prstGeom>
                        </pic:spPr>
                      </pic:pic>
                      <wps:wsp>
                        <wps:cNvPr id="5191" name="Shape 5191"/>
                        <wps:cNvSpPr/>
                        <wps:spPr>
                          <a:xfrm>
                            <a:off x="2172987" y="5469534"/>
                            <a:ext cx="42023" cy="63164"/>
                          </a:xfrm>
                          <a:custGeom>
                            <a:avLst/>
                            <a:gdLst/>
                            <a:ahLst/>
                            <a:cxnLst/>
                            <a:rect l="0" t="0" r="0" b="0"/>
                            <a:pathLst>
                              <a:path w="42023" h="63164">
                                <a:moveTo>
                                  <a:pt x="0" y="40825"/>
                                </a:moveTo>
                                <a:lnTo>
                                  <a:pt x="42023" y="63164"/>
                                </a:lnTo>
                                <a:lnTo>
                                  <a:pt x="42023" y="23202"/>
                                </a:lnTo>
                                <a:lnTo>
                                  <a:pt x="0" y="0"/>
                                </a:lnTo>
                                <a:lnTo>
                                  <a:pt x="0" y="40825"/>
                                </a:lnTo>
                                <a:close/>
                              </a:path>
                            </a:pathLst>
                          </a:custGeom>
                          <a:ln w="2116"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88" name="Picture 67488"/>
                          <pic:cNvPicPr/>
                        </pic:nvPicPr>
                        <pic:blipFill>
                          <a:blip r:embed="rId71"/>
                          <a:stretch>
                            <a:fillRect/>
                          </a:stretch>
                        </pic:blipFill>
                        <pic:spPr>
                          <a:xfrm>
                            <a:off x="2297310" y="5539806"/>
                            <a:ext cx="24384" cy="33528"/>
                          </a:xfrm>
                          <a:prstGeom prst="rect">
                            <a:avLst/>
                          </a:prstGeom>
                        </pic:spPr>
                      </pic:pic>
                      <wps:wsp>
                        <wps:cNvPr id="5194" name="Shape 5194"/>
                        <wps:cNvSpPr/>
                        <wps:spPr>
                          <a:xfrm>
                            <a:off x="2301263" y="5543338"/>
                            <a:ext cx="18804" cy="28315"/>
                          </a:xfrm>
                          <a:custGeom>
                            <a:avLst/>
                            <a:gdLst/>
                            <a:ahLst/>
                            <a:cxnLst/>
                            <a:rect l="0" t="0" r="0" b="0"/>
                            <a:pathLst>
                              <a:path w="18804" h="28315">
                                <a:moveTo>
                                  <a:pt x="0" y="18301"/>
                                </a:moveTo>
                                <a:lnTo>
                                  <a:pt x="18804" y="28315"/>
                                </a:lnTo>
                                <a:lnTo>
                                  <a:pt x="18804" y="10402"/>
                                </a:lnTo>
                                <a:lnTo>
                                  <a:pt x="0" y="0"/>
                                </a:lnTo>
                                <a:lnTo>
                                  <a:pt x="0" y="18301"/>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95" name="Shape 5195"/>
                        <wps:cNvSpPr/>
                        <wps:spPr>
                          <a:xfrm>
                            <a:off x="2068900" y="4447978"/>
                            <a:ext cx="133927" cy="707413"/>
                          </a:xfrm>
                          <a:custGeom>
                            <a:avLst/>
                            <a:gdLst/>
                            <a:ahLst/>
                            <a:cxnLst/>
                            <a:rect l="0" t="0" r="0" b="0"/>
                            <a:pathLst>
                              <a:path w="133927" h="707413">
                                <a:moveTo>
                                  <a:pt x="0" y="0"/>
                                </a:moveTo>
                                <a:cubicBezTo>
                                  <a:pt x="0" y="318418"/>
                                  <a:pt x="53677" y="602006"/>
                                  <a:pt x="133927" y="707413"/>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96" name="Shape 5196"/>
                        <wps:cNvSpPr/>
                        <wps:spPr>
                          <a:xfrm>
                            <a:off x="2181374" y="5127482"/>
                            <a:ext cx="87754" cy="70198"/>
                          </a:xfrm>
                          <a:custGeom>
                            <a:avLst/>
                            <a:gdLst/>
                            <a:ahLst/>
                            <a:cxnLst/>
                            <a:rect l="0" t="0" r="0" b="0"/>
                            <a:pathLst>
                              <a:path w="87754" h="70198">
                                <a:moveTo>
                                  <a:pt x="30811" y="0"/>
                                </a:moveTo>
                                <a:lnTo>
                                  <a:pt x="87754" y="70198"/>
                                </a:lnTo>
                                <a:lnTo>
                                  <a:pt x="0" y="48141"/>
                                </a:lnTo>
                                <a:lnTo>
                                  <a:pt x="30811" y="0"/>
                                </a:lnTo>
                                <a:close/>
                              </a:path>
                            </a:pathLst>
                          </a:custGeom>
                          <a:ln w="0" cap="rnd">
                            <a:round/>
                          </a:ln>
                        </wps:spPr>
                        <wps:style>
                          <a:lnRef idx="0">
                            <a:srgbClr val="000000">
                              <a:alpha val="0"/>
                            </a:srgbClr>
                          </a:lnRef>
                          <a:fillRef idx="1">
                            <a:srgbClr val="000000"/>
                          </a:fillRef>
                          <a:effectRef idx="0">
                            <a:scrgbClr r="0" g="0" b="0"/>
                          </a:effectRef>
                          <a:fontRef idx="none"/>
                        </wps:style>
                        <wps:bodyPr/>
                      </wps:wsp>
                    </wpg:wgp>
                  </a:graphicData>
                </a:graphic>
              </wp:inline>
            </w:drawing>
          </mc:Choice>
          <mc:Fallback>
            <w:pict>
              <v:group id="Group 61400" o:spid="_x0000_s2372" style="width:376.5pt;height:446.5pt;mso-position-horizontal-relative:char;mso-position-vertical-relative:line" coordsize="47818,5670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">
                <v:shape id="Shape 5059" o:spid="_x0000_s2373" style="position:absolute;left:17017;width:13513;height:6246;visibility:visible;mso-wrap-style:square;v-text-anchor:top" coordsize="1351360,6246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" path="m1351360,312335c1351360,139815,1048811,,675636,,302549,,,139815,,312335,,484856,302549,624670,675636,624670v373175,,675724,-139814,675724,-312335xe" filled="f" strokeweight=".17631mm">
                  <v:stroke endcap="round"/>
                  <v:path arrowok="t" textboxrect="0,0,1351360,624670"/>
                </v:shape>
                <v:rect id="Rectangle 5060" o:spid="_x0000_s2374" style="position:absolute;left:18010;top:2035;width:15722;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Подсистема окружения </w:t>
                        </w:r>
                      </w:p>
                    </w:txbxContent>
                  </v:textbox>
                </v:rect>
                <v:rect id="Rectangle 5061" o:spid="_x0000_s2375" style="position:absolute;left:21754;top:3305;width:2788;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или </w:t>
                        </w:r>
                      </w:p>
                    </w:txbxContent>
                  </v:textbox>
                </v:rect>
                <v:rect id="Rectangle 5062" o:spid="_x0000_s2376" style="position:absolute;left:23850;top:3118;width:2585;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DLL</w:t>
                        </w:r>
                      </w:p>
                    </w:txbxContent>
                  </v:textbox>
                </v:rect>
                <v:shape id="Shape 5063" o:spid="_x0000_s2377" style="position:absolute;left:750;top:8246;width:1752;height:1749;visibility:visible;mso-wrap-style:square;v-text-anchor:top" coordsize="175181,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" path="m87595,v48371,,87586,39141,87586,87450c175181,135760,135966,174901,87595,174901,39216,174901,,135760,,87450,,39141,39216,,87595,xe" fillcolor="#d9d9d9" stroked="f" strokeweight="0">
                  <v:stroke endcap="round"/>
                  <v:path arrowok="t" textboxrect="0,0,175181,174901"/>
                </v:shape>
                <v:shape id="Shape 5064" o:spid="_x0000_s2378" style="position:absolute;left:750;top:8246;width:1752;height:1749;visibility:visible;mso-wrap-style:square;v-text-anchor:top" coordsize="175181,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" path="m175181,87450c175181,39141,135966,,87595,,39216,,,39141,,87450v,48310,39216,87451,87595,87451c135966,174901,175181,135760,175181,87450xe" filled="f" strokeweight=".17631mm">
                  <v:stroke endcap="round"/>
                  <v:path arrowok="t" textboxrect="0,0,175181,174901"/>
                </v:shape>
                <v:rect id="Rectangle 5065" o:spid="_x0000_s2379" style="position:absolute;left:1332;top:8480;width:783;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1</w:t>
                        </w:r>
                      </w:p>
                    </w:txbxContent>
                  </v:textbox>
                </v:rect>
                <v:rect id="Rectangle 5066" o:spid="_x0000_s2380" style="position:absolute;left:2950;top:8660;width:14096;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Вызов сервиса ввода</w:t>
                        </w:r>
                      </w:p>
                    </w:txbxContent>
                  </v:textbox>
                </v:rect>
                <v:rect id="Rectangle 5067" o:spid="_x0000_s2381" style="position:absolute;left:13548;top:8473;width:46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5068" o:spid="_x0000_s2382" style="position:absolute;left:13901;top:8660;width:4899;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вывода</w:t>
                        </w:r>
                      </w:p>
                    </w:txbxContent>
                  </v:textbox>
                </v:rect>
                <v:rect id="Rectangle 5069" o:spid="_x0000_s2383" style="position:absolute;left:32886;top:7290;width:19859;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Возврат кода незавершенной </w:t>
                        </w:r>
                      </w:p>
                    </w:txbxContent>
                  </v:textbox>
                </v:rect>
                <v:rect id="Rectangle 5070" o:spid="_x0000_s2384" style="position:absolute;left:32886;top:8560;width:10556;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операции ввода</w:t>
                        </w:r>
                      </w:p>
                    </w:txbxContent>
                  </v:textbox>
                </v:rect>
                <v:rect id="Rectangle 5071" o:spid="_x0000_s2385" style="position:absolute;left:40823;top:8372;width:470;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5072" o:spid="_x0000_s2386" style="position:absolute;left:41176;top:8560;width:5291;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вывода </w:t>
                        </w:r>
                      </w:p>
                    </w:txbxContent>
                  </v:textbox>
                </v:rect>
                <v:shape id="Shape 5073" o:spid="_x0000_s2387" style="position:absolute;left:30780;top:6996;width:1753;height:1749;visibility:visible;mso-wrap-style:square;v-text-anchor:top" coordsize="175243,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" path="m87666,v48379,,87577,39141,87577,87450c175243,135760,136045,174901,87666,174901,39286,174901,,135760,,87450,,39141,39286,,87666,xe" fillcolor="#d9d9d9" stroked="f" strokeweight="0">
                  <v:stroke endcap="round"/>
                  <v:path arrowok="t" textboxrect="0,0,175243,174901"/>
                </v:shape>
                <v:shape id="Shape 5074" o:spid="_x0000_s2388" style="position:absolute;left:30780;top:6996;width:1753;height:1749;visibility:visible;mso-wrap-style:square;v-text-anchor:top" coordsize="175243,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" path="m175243,87450c175243,39141,136045,,87666,,39286,,,39141,,87450v,48310,39286,87451,87666,87451c136045,174901,175243,135760,175243,87450xe" filled="f" strokeweight=".17631mm">
                  <v:stroke endcap="round"/>
                  <v:path arrowok="t" textboxrect="0,0,175243,174901"/>
                </v:shape>
                <v:rect id="Rectangle 5075" o:spid="_x0000_s2389" style="position:absolute;left:31362;top:7231;width:784;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7</w:t>
                        </w:r>
                      </w:p>
                    </w:txbxContent>
                  </v:textbox>
                </v:rect>
                <v:shape id="Shape 5076" o:spid="_x0000_s2390" style="position:absolute;top:12494;width:47548;height:0;visibility:visible;mso-wrap-style:square;v-text-anchor:top" coordsize="475484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" path="m,l4754846,e" filled="f" strokeweight=".52894mm">
                  <v:stroke endcap="round"/>
                  <v:path arrowok="t" textboxrect="0,0,4754846,0"/>
                </v:shape>
                <v:rect id="Rectangle 5077" o:spid="_x0000_s2391" style="position:absolute;left:34956;top:11159;width:16853;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Пользовательский режим</w:t>
                        </w:r>
                      </w:p>
                    </w:txbxContent>
                  </v:textbox>
                </v:rect>
                <v:rect id="Rectangle 5078" o:spid="_x0000_s2392" style="position:absolute;left:41542;top:12923;width:7966;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Режим ядра</w:t>
                        </w:r>
                      </w:p>
                    </w:txbxContent>
                  </v:textbox>
                </v:rect>
                <v:shape id="Shape 5080" o:spid="_x0000_s2393" style="position:absolute;left:19394;top:14992;width:8759;height:2499;visibility:visible;mso-wrap-style:square;v-text-anchor:top" coordsize="875890,2498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" path="m,249886r875890,l875890,,,,,249886xe" filled="f" strokeweight=".05878mm">
                  <v:stroke endcap="round"/>
                  <v:path arrowok="t" textboxrect="0,0,875890,249886"/>
                </v:shape>
                <v:rect id="Rectangle 5081" o:spid="_x0000_s2394" style="position:absolute;left:21579;top:15789;width:5838;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Сервисы</w:t>
                        </w:r>
                      </w:p>
                    </w:txbxContent>
                  </v:textbox>
                </v:rect>
                <v:shape id="Shape 69461" o:spid="_x0000_s2395" style="position:absolute;left:19394;top:17491;width:8759;height:3249;visibility:visible;mso-wrap-style:square;v-text-anchor:top" coordsize="875890,3248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" path="m,l875890,r,324853l,324853,,e" stroked="f" strokeweight="0">
                  <v:stroke endcap="round"/>
                  <v:path arrowok="t" textboxrect="0,0,875890,324853"/>
                </v:shape>
                <v:shape id="Shape 5083" o:spid="_x0000_s2396" style="position:absolute;left:19394;top:17491;width:8759;height:3249;visibility:visible;mso-wrap-style:square;v-text-anchor:top" coordsize="875890,3248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" path="m,324853r875890,l875890,,,,,324853xe" filled="f" strokeweight=".05878mm">
                  <v:stroke endcap="round"/>
                  <v:path arrowok="t" textboxrect="0,0,875890,324853"/>
                </v:shape>
                <v:rect id="Rectangle 5084" o:spid="_x0000_s2397" style="position:absolute;left:21018;top:18029;width:7331;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Диспетчер </w:t>
                        </w:r>
                      </w:p>
                    </w:txbxContent>
                  </v:textbox>
                </v:rect>
                <v:rect id="Rectangle 5085" o:spid="_x0000_s2398" style="position:absolute;left:20294;top:19298;width:3886;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ввода</w:t>
                        </w:r>
                      </w:p>
                    </w:txbxContent>
                  </v:textbox>
                </v:rect>
                <v:rect id="Rectangle 5086" o:spid="_x0000_s2399" style="position:absolute;left:23216;top:19111;width:46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5087" o:spid="_x0000_s2400" style="position:absolute;left:23569;top:19298;width:4899;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вывода</w:t>
                        </w:r>
                      </w:p>
                    </w:txbxContent>
                  </v:textbox>
                </v:rect>
                <v:shape id="Shape 5088" o:spid="_x0000_s2401" style="position:absolute;left:20029;top:6185;width:2415;height:8023;visibility:visible;mso-wrap-style:square;v-text-anchor:top" coordsize="241456,8022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" path="m241456,c116005,,11212,348038,,802216e" filled="f" strokeweight=".17631mm">
                  <v:stroke endcap="round"/>
                  <v:path arrowok="t" textboxrect="0,0,241456,802216"/>
                </v:shape>
                <v:shape id="Shape 5089" o:spid="_x0000_s2402" style="position:absolute;left:19744;top:14133;width:572;height:860;visibility:visible;mso-wrap-style:square;v-text-anchor:top" coordsize="57208,860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" path="m,l57208,705,27633,86040,,xe" fillcolor="black" stroked="f" strokeweight="0">
                  <v:stroke endcap="round"/>
                  <v:path arrowok="t" textboxrect="0,0,57208,86040"/>
                </v:shape>
                <v:shape id="Shape 5090" o:spid="_x0000_s2403" style="position:absolute;left:25749;top:6549;width:1778;height:8444;visibility:visible;mso-wrap-style:square;v-text-anchor:top" coordsize="177803,8444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" path="m177803,844442c177803,454001,105411,110283,,e" filled="f" strokeweight=".17631mm">
                  <v:stroke endcap="round"/>
                  <v:path arrowok="t" textboxrect="0,0,177803,844442"/>
                </v:shape>
                <v:shape id="Shape 5091" o:spid="_x0000_s2404" style="position:absolute;left:25049;top:6191;width:894;height:644;visibility:visible;mso-wrap-style:square;v-text-anchor:top" coordsize="89432,644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" path="m,l89432,13664,63300,64442,,xe" fillcolor="black" stroked="f" strokeweight="0">
                  <v:stroke endcap="round"/>
                  <v:path arrowok="t" textboxrect="0,0,89432,64442"/>
                </v:shape>
                <v:shape id="Shape 5092" o:spid="_x0000_s2405" style="position:absolute;left:750;top:16991;width:1752;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" path="m87595,v48371,,87586,39141,87586,87450c175181,135760,135966,174989,87595,174989,39216,174989,,135760,,87450,,39141,39216,,87595,xe" fillcolor="#d9d9d9" stroked="f" strokeweight="0">
                  <v:stroke endcap="round"/>
                  <v:path arrowok="t" textboxrect="0,0,175181,174989"/>
                </v:shape>
                <v:shape id="Shape 5093" o:spid="_x0000_s2406" style="position:absolute;left:750;top:16991;width:1752;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" path="m175181,87450c175181,39141,135966,,87595,,39216,,,39141,,87450v,48310,39216,87539,87595,87539c135966,174989,175181,135760,175181,87450xe" filled="f" strokeweight=".17631mm">
                  <v:stroke endcap="round"/>
                  <v:path arrowok="t" textboxrect="0,0,175181,174989"/>
                </v:shape>
                <v:rect id="Rectangle 5094" o:spid="_x0000_s2407" style="position:absolute;left:1332;top:17226;width:783;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2</w:t>
                        </w:r>
                      </w:p>
                    </w:txbxContent>
                  </v:textbox>
                </v:rect>
                <v:rect id="Rectangle 5095" o:spid="_x0000_s2408" style="position:absolute;left:2898;top:17501;width:11217;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Диспетчер ввода</w:t>
                        </w:r>
                      </w:p>
                    </w:txbxContent>
                  </v:textbox>
                </v:rect>
                <v:rect id="Rectangle 5096" o:spid="_x0000_s2409" style="position:absolute;left:11332;top:17314;width:46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5097" o:spid="_x0000_s2410" style="position:absolute;left:11685;top:17501;width:5291;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вывода </w:t>
                        </w:r>
                      </w:p>
                    </w:txbxContent>
                  </v:textbox>
                </v:rect>
                <v:rect id="Rectangle 5098" o:spid="_x0000_s2411" style="position:absolute;left:2898;top:18771;width:5561;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создает </w:t>
                        </w:r>
                      </w:p>
                    </w:txbxContent>
                  </v:textbox>
                </v:rect>
                <v:rect id="Rectangle 5099" o:spid="_x0000_s2412" style="position:absolute;left:7079;top:18584;width:2349;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IRP</w:t>
                        </w:r>
                      </w:p>
                    </w:txbxContent>
                  </v:textbox>
                </v:rect>
                <v:rect id="Rectangle 5100" o:spid="_x0000_s2413" style="position:absolute;left:8845;top:18584;width:783;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5101" o:spid="_x0000_s2414" style="position:absolute;left:9434;top:18771;width:9633;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заполняет его </w:t>
                        </w:r>
                      </w:p>
                    </w:txbxContent>
                  </v:textbox>
                </v:rect>
                <v:rect id="Rectangle 5102" o:spid="_x0000_s2415" style="position:absolute;left:2898;top:20040;width:20568;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первый блок стека и вызывает </w:t>
                        </w:r>
                      </w:p>
                    </w:txbxContent>
                  </v:textbox>
                </v:rect>
                <v:rect id="Rectangle 5103" o:spid="_x0000_s2416" style="position:absolute;left:2898;top:21310;width:18538;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драйвер файловой системы</w:t>
                        </w:r>
                      </w:p>
                    </w:txbxContent>
                  </v:textbox>
                </v:rect>
                <v:rect id="Rectangle 5104" o:spid="_x0000_s2417" style="position:absolute;left:32870;top:22401;width:19859;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Возврат кода незавершенной </w:t>
                        </w:r>
                      </w:p>
                    </w:txbxContent>
                  </v:textbox>
                </v:rect>
                <v:rect id="Rectangle 5105" o:spid="_x0000_s2418" style="position:absolute;left:32870;top:23670;width:10556;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операции ввода</w:t>
                        </w:r>
                      </w:p>
                    </w:txbxContent>
                  </v:textbox>
                </v:rect>
                <v:rect id="Rectangle 5106" o:spid="_x0000_s2419" style="position:absolute;left:40807;top:23483;width:470;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5107" o:spid="_x0000_s2420" style="position:absolute;left:41161;top:23670;width:5291;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вывода </w:t>
                        </w:r>
                      </w:p>
                    </w:txbxContent>
                  </v:textbox>
                </v:rect>
                <v:shape id="Shape 5108" o:spid="_x0000_s2421" style="position:absolute;left:30765;top:22107;width:1752;height:1750;visibility:visible;mso-wrap-style:square;v-text-anchor:top" coordsize="175155,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" path="m87578,v48379,,87577,39229,87577,87539c175155,135760,135957,174989,87578,174989,39198,174989,,135760,,87539,,39229,39198,,87578,xe" fillcolor="#d9d9d9" stroked="f" strokeweight="0">
                  <v:stroke endcap="round"/>
                  <v:path arrowok="t" textboxrect="0,0,175155,174989"/>
                </v:shape>
                <v:shape id="Shape 5109" o:spid="_x0000_s2422" style="position:absolute;left:30765;top:22107;width:1752;height:1750;visibility:visible;mso-wrap-style:square;v-text-anchor:top" coordsize="175155,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" path="m175155,87539c175155,39229,135957,,87578,,39198,,,39229,,87539v,48221,39198,87450,87578,87450c135957,174989,175155,135760,175155,87539xe" filled="f" strokeweight=".17631mm">
                  <v:stroke endcap="round"/>
                  <v:path arrowok="t" textboxrect="0,0,175155,174989"/>
                </v:shape>
                <v:rect id="Rectangle 5110" o:spid="_x0000_s2423" style="position:absolute;left:31347;top:22343;width:784;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6</w:t>
                        </w:r>
                      </w:p>
                    </w:txbxContent>
                  </v:textbox>
                </v:rect>
                <v:shape id="Shape 5112" o:spid="_x0000_s2424" style="position:absolute;left:18393;top:26238;width:10761;height:3249;visibility:visible;mso-wrap-style:square;v-text-anchor:top" coordsize="1076091,3248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" path="m,324853r1076091,l1076091,,,,,324853xe" filled="f" strokeweight=".05878mm">
                  <v:stroke endcap="round"/>
                  <v:path arrowok="t" textboxrect="0,0,1076091,324853"/>
                </v:shape>
                <v:rect id="Rectangle 5113" o:spid="_x0000_s2425" style="position:absolute;left:18863;top:26774;width:13063;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Драйвер файловой </w:t>
                        </w:r>
                      </w:p>
                    </w:txbxContent>
                  </v:textbox>
                </v:rect>
                <v:rect id="Rectangle 5114" o:spid="_x0000_s2426" style="position:absolute;left:21666;top:28044;width:5607;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системы</w:t>
                        </w:r>
                      </w:p>
                    </w:txbxContent>
                  </v:textbox>
                </v:rect>
                <v:shape id="Shape 5115" o:spid="_x0000_s2427" style="position:absolute;left:25771;top:20990;width:1756;height:5247;visibility:visible;mso-wrap-style:square;v-text-anchor:top" coordsize="175597,5247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" path="m175597,524702c175597,284213,104440,71670,,e" filled="f" strokeweight=".17631mm">
                  <v:stroke endcap="round"/>
                  <v:path arrowok="t" textboxrect="0,0,175597,524702"/>
                </v:shape>
                <v:shape id="Shape 5116" o:spid="_x0000_s2428" style="position:absolute;left:25025;top:20740;width:904;height:544;visibility:visible;mso-wrap-style:square;v-text-anchor:top" coordsize="90403,5439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" path="m,l90403,176,72216,54392,,xe" fillcolor="black" stroked="f" strokeweight="0">
                  <v:stroke endcap="round"/>
                  <v:path arrowok="t" textboxrect="0,0,90403,54392"/>
                </v:shape>
                <v:shape id="Shape 5117" o:spid="_x0000_s2429" style="position:absolute;left:20046;top:20740;width:2476;height:4713;visibility:visible;mso-wrap-style:square;v-text-anchor:top" coordsize="247636,4712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" path="m247636,c123244,,17745,200818,,471280e" filled="f" strokeweight=".17631mm">
                  <v:stroke endcap="round"/>
                  <v:path arrowok="t" textboxrect="0,0,247636,471280"/>
                </v:shape>
                <v:shape id="Shape 5118" o:spid="_x0000_s2430" style="position:absolute;left:19762;top:25372;width:572;height:865;visibility:visible;mso-wrap-style:square;v-text-anchor:top" coordsize="57208,865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" path="m,l57208,1939,25867,86569,,xe" fillcolor="black" stroked="f" strokeweight="0">
                  <v:stroke endcap="round"/>
                  <v:path arrowok="t" textboxrect="0,0,57208,86569"/>
                </v:shape>
                <v:rect id="Rectangle 5119" o:spid="_x0000_s2431" style="position:absolute;left:360;top:27034;width:6090;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Текущий </w:t>
                        </w:r>
                      </w:p>
                    </w:txbxContent>
                  </v:textbox>
                </v:rect>
                <v:shape id="Shape 5120" o:spid="_x0000_s2432" style="position:absolute;left:5005;top:27487;width:5469;height:0;visibility:visible;mso-wrap-style:square;v-text-anchor:top" coordsize="54695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" path="m,l546953,e" filled="f" strokeweight=".17631mm">
                  <v:stroke endcap="round"/>
                  <v:path arrowok="t" textboxrect="0,0,546953,0"/>
                </v:shape>
                <v:shape id="Shape 5121" o:spid="_x0000_s2433" style="position:absolute;left:10403;top:27202;width:858;height:571;visibility:visible;mso-wrap-style:square;v-text-anchor:top" coordsize="85812,571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" path="m,l85812,28562,,57124,,xe" fillcolor="black" stroked="f" strokeweight="0">
                  <v:stroke endcap="round"/>
                  <v:path arrowok="t" textboxrect="0,0,85812,57124"/>
                </v:shape>
                <v:shape id="Shape 5123" o:spid="_x0000_s2434" style="position:absolute;left:12513;top:26238;width:3753;height:1249;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" path="m,124943r375383,l375383,,,,,124943xe" filled="f" strokeweight=".05878mm">
                  <v:stroke endcap="round"/>
                  <v:path arrowok="t" textboxrect="0,0,375383,124943"/>
                </v:shape>
                <v:rect id="Rectangle 5124" o:spid="_x0000_s2435" style="position:absolute;left:13506;top:26222;width:234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IRP</w:t>
                        </w:r>
                      </w:p>
                    </w:txbxContent>
                  </v:textbox>
                </v:rect>
                <v:shape id="Shape 5126" o:spid="_x0000_s2436" style="position:absolute;left:12513;top:28736;width:3753;height:1250;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" path="m,124943r375383,l375383,,,,,124943xe" filled="f" strokeweight=".05878mm">
                  <v:stroke endcap="round"/>
                  <v:path arrowok="t" textboxrect="0,0,375383,124943"/>
                </v:shape>
                <v:shape id="Shape 69462" o:spid="_x0000_s2437" style="position:absolute;left:12513;top:27487;width:3753;height:1249;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" path="m,l375383,r,124943l,124943,,e" fillcolor="#a6a6a6" stroked="f" strokeweight="0">
                  <v:stroke endcap="round"/>
                  <v:path arrowok="t" textboxrect="0,0,375383,124943"/>
                </v:shape>
                <v:shape id="Shape 5128" o:spid="_x0000_s2438" style="position:absolute;left:12513;top:27487;width:3753;height:1249;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" path="m,124943r375383,l375383,,,,,124943xe" filled="f" strokeweight=".05878mm">
                  <v:stroke endcap="round"/>
                  <v:path arrowok="t" textboxrect="0,0,375383,124943"/>
                </v:shape>
                <v:shape id="Shape 5129" o:spid="_x0000_s2439" style="position:absolute;left:750;top:32859;width:1752;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" path="m87595,v48371,,87586,39141,87586,87450c175181,135760,135966,174989,87595,174989,39216,174989,,135760,,87450,,39141,39216,,87595,xe" fillcolor="#d9d9d9" stroked="f" strokeweight="0">
                  <v:stroke endcap="round"/>
                  <v:path arrowok="t" textboxrect="0,0,175181,174989"/>
                </v:shape>
                <v:shape id="Shape 5130" o:spid="_x0000_s2440" style="position:absolute;left:750;top:32859;width:1752;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" path="m175181,87450c175181,39141,135966,,87595,,39216,,,39141,,87450v,48310,39216,87539,87595,87539c135966,174989,175181,135760,175181,87450xe" filled="f" strokeweight=".17631mm">
                  <v:stroke endcap="round"/>
                  <v:path arrowok="t" textboxrect="0,0,175181,174989"/>
                </v:shape>
                <v:rect id="Rectangle 5131" o:spid="_x0000_s2441" style="position:absolute;left:1332;top:33094;width:783;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3</w:t>
                        </w:r>
                      </w:p>
                    </w:txbxContent>
                  </v:textbox>
                </v:rect>
                <v:rect id="Rectangle 5132" o:spid="_x0000_s2442" style="position:absolute;left:2898;top:33130;width:19061;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Драйвер файловой системы </w:t>
                        </w:r>
                      </w:p>
                    </w:txbxContent>
                  </v:textbox>
                </v:rect>
                <v:rect id="Rectangle 5133" o:spid="_x0000_s2443" style="position:absolute;left:2898;top:34399;width:19430;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заполняет второй блок стека </w:t>
                        </w:r>
                      </w:p>
                    </w:txbxContent>
                  </v:textbox>
                </v:rect>
                <v:rect id="Rectangle 5134" o:spid="_x0000_s2444" style="position:absolute;left:2898;top:35481;width:2741;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IRP </w:t>
                        </w:r>
                      </w:p>
                    </w:txbxContent>
                  </v:textbox>
                </v:rect>
                <v:rect id="Rectangle 5135" o:spid="_x0000_s2445" style="position:absolute;left:4959;top:35668;width:17548;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и вызывает драйвер диска</w:t>
                        </w:r>
                      </w:p>
                    </w:txbxContent>
                  </v:textbox>
                </v:rect>
                <v:shape id="Shape 5136" o:spid="_x0000_s2446" style="position:absolute;left:30780;top:31985;width:1753;height:1749;visibility:visible;mso-wrap-style:square;v-text-anchor:top" coordsize="175243,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" path="m87666,v48379,,87577,39141,87577,87450c175243,135760,136045,174901,87666,174901,39286,174901,,135760,,87450,,39141,39286,,87666,xe" fillcolor="#d9d9d9" stroked="f" strokeweight="0">
                  <v:stroke endcap="round"/>
                  <v:path arrowok="t" textboxrect="0,0,175243,174901"/>
                </v:shape>
                <v:shape id="Shape 5137" o:spid="_x0000_s2447" style="position:absolute;left:30780;top:31985;width:1753;height:1749;visibility:visible;mso-wrap-style:square;v-text-anchor:top" coordsize="175243,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" path="m175243,87450c175243,39141,136045,,87666,,39286,,,39141,,87450v,48310,39286,87451,87666,87451c136045,174901,175243,135760,175243,87450xe" filled="f" strokeweight=".17631mm">
                  <v:stroke endcap="round"/>
                  <v:path arrowok="t" textboxrect="0,0,175243,174901"/>
                </v:shape>
                <v:rect id="Rectangle 5138" o:spid="_x0000_s2448" style="position:absolute;left:31362;top:32219;width:784;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5</w:t>
                        </w:r>
                      </w:p>
                    </w:txbxContent>
                  </v:textbox>
                </v:rect>
                <v:rect id="Rectangle 5139" o:spid="_x0000_s2449" style="position:absolute;left:32886;top:32646;width:19859;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Возврат кода незавершенной </w:t>
                        </w:r>
                      </w:p>
                    </w:txbxContent>
                  </v:textbox>
                </v:rect>
                <v:rect id="Rectangle 5140" o:spid="_x0000_s2450" style="position:absolute;left:32886;top:33916;width:10556;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операции ввода</w:t>
                        </w:r>
                      </w:p>
                    </w:txbxContent>
                  </v:textbox>
                </v:rect>
                <v:rect id="Rectangle 5141" o:spid="_x0000_s2451" style="position:absolute;left:40823;top:33729;width:470;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5142" o:spid="_x0000_s2452" style="position:absolute;left:41176;top:33916;width:5291;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вывода </w:t>
                        </w:r>
                      </w:p>
                    </w:txbxContent>
                  </v:textbox>
                </v:rect>
                <v:rect id="Rectangle 5143" o:spid="_x0000_s2453" style="position:absolute;left:360;top:39529;width:6090;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Текущий </w:t>
                        </w:r>
                      </w:p>
                    </w:txbxContent>
                  </v:textbox>
                </v:rect>
                <v:shape id="Shape 5144" o:spid="_x0000_s2454" style="position:absolute;left:5005;top:39982;width:5469;height:0;visibility:visible;mso-wrap-style:square;v-text-anchor:top" coordsize="54695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" path="m,l546953,e" filled="f" strokeweight=".17631mm">
                  <v:stroke endcap="round"/>
                  <v:path arrowok="t" textboxrect="0,0,546953,0"/>
                </v:shape>
                <v:shape id="Shape 5145" o:spid="_x0000_s2455" style="position:absolute;left:10403;top:39696;width:858;height:571;visibility:visible;mso-wrap-style:square;v-text-anchor:top" coordsize="85812,5712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" path="m,l85812,28562,,57125,,xe" fillcolor="black" stroked="f" strokeweight="0">
                  <v:stroke endcap="round"/>
                  <v:path arrowok="t" textboxrect="0,0,85812,57125"/>
                </v:shape>
                <v:shape id="Shape 5147" o:spid="_x0000_s2456" style="position:absolute;left:12513;top:38732;width:3753;height:1250;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" path="m,124943r375383,l375383,,,,,124943xe" filled="f" strokeweight=".05878mm">
                  <v:stroke endcap="round"/>
                  <v:path arrowok="t" textboxrect="0,0,375383,124943"/>
                </v:shape>
                <v:rect id="Rectangle 5148" o:spid="_x0000_s2457" style="position:absolute;left:13506;top:38717;width:2349;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IRP</w:t>
                        </w:r>
                      </w:p>
                    </w:txbxContent>
                  </v:textbox>
                </v:rect>
                <v:shape id="Shape 5150" o:spid="_x0000_s2458" style="position:absolute;left:12513;top:41231;width:3753;height:1250;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" path="m,124943r375383,l375383,,,,,124943xe" filled="f" strokeweight=".05878mm">
                  <v:stroke endcap="round"/>
                  <v:path arrowok="t" textboxrect="0,0,375383,124943"/>
                </v:shape>
                <v:shape id="Shape 69463" o:spid="_x0000_s2459" style="position:absolute;left:12513;top:39981;width:3753;height:1250;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" path="m,l375383,r,124943l,124943,,e" fillcolor="#a6a6a6" stroked="f" strokeweight="0">
                  <v:stroke endcap="round"/>
                  <v:path arrowok="t" textboxrect="0,0,375383,124943"/>
                </v:shape>
                <v:shape id="Shape 5152" o:spid="_x0000_s2460" style="position:absolute;left:12513;top:39981;width:3753;height:1250;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" path="m,124943r375383,l375383,,,,,124943xe" filled="f" strokeweight=".05878mm">
                  <v:stroke endcap="round"/>
                  <v:path arrowok="t" textboxrect="0,0,375383,124943"/>
                </v:shape>
                <v:shape id="Shape 5154" o:spid="_x0000_s2461" style="position:absolute;left:18393;top:41231;width:10761;height:3248;visibility:visible;mso-wrap-style:square;v-text-anchor:top" coordsize="1076091,3248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" path="m,324853r1076091,l1076091,,,,,324853xe" filled="f" strokeweight=".05878mm">
                  <v:stroke endcap="round"/>
                  <v:path arrowok="t" textboxrect="0,0,1076091,324853"/>
                </v:shape>
                <v:rect id="Rectangle 5155" o:spid="_x0000_s2462" style="position:absolute;left:20116;top:42403;width:9729;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Драйвер диска</w:t>
                        </w:r>
                      </w:p>
                    </w:txbxContent>
                  </v:textbox>
                </v:rect>
                <v:shape id="Shape 5156" o:spid="_x0000_s2463" style="position:absolute;left:25689;top:29907;width:1838;height:11324;visibility:visible;mso-wrap-style:square;v-text-anchor:top" coordsize="183807,11323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" path="m183807,1132358c183807,603777,108589,140255,,e" filled="f" strokeweight=".17631mm">
                  <v:stroke endcap="round"/>
                  <v:path arrowok="t" textboxrect="0,0,183807,1132358"/>
                </v:shape>
                <v:shape id="Shape 5157" o:spid="_x0000_s2464" style="position:absolute;left:25025;top:29487;width:878;height:700;visibility:visible;mso-wrap-style:square;v-text-anchor:top" coordsize="87754,6999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" path="m,l87754,21774,57120,69996,,xe" fillcolor="black" stroked="f" strokeweight="0">
                  <v:stroke endcap="round"/>
                  <v:path arrowok="t" textboxrect="0,0,87754,69996"/>
                </v:shape>
                <v:shape id="Shape 5158" o:spid="_x0000_s2465" style="position:absolute;left:20025;top:29487;width:2497;height:10958;visibility:visible;mso-wrap-style:square;v-text-anchor:top" coordsize="249667,10958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" path="m249667,c117947,,8829,479125,,1095862e" filled="f" strokeweight=".17631mm">
                  <v:stroke endcap="round"/>
                  <v:path arrowok="t" textboxrect="0,0,249667,1095862"/>
                </v:shape>
                <v:shape id="Shape 5159" o:spid="_x0000_s2466" style="position:absolute;left:19739;top:40372;width:573;height:859;visibility:visible;mso-wrap-style:square;v-text-anchor:top" coordsize="57208,858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" path="m,l57208,440,28074,85863,,xe" fillcolor="black" stroked="f" strokeweight="0">
                  <v:stroke endcap="round"/>
                  <v:path arrowok="t" textboxrect="0,0,57208,85863"/>
                </v:shape>
                <v:shape id="Shape 5160" o:spid="_x0000_s2467" style="position:absolute;left:1044;top:47728;width:1751;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" path="m87586,v48380,,87595,39229,87595,87539c175181,135760,135966,174989,87586,174989,39216,174989,,135760,,87539,,39229,39216,,87586,xe" fillcolor="#d9d9d9" stroked="f" strokeweight="0">
                  <v:stroke endcap="round"/>
                  <v:path arrowok="t" textboxrect="0,0,175181,174989"/>
                </v:shape>
                <v:shape id="Shape 5161" o:spid="_x0000_s2468" style="position:absolute;left:1044;top:47728;width:1751;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" path="m175181,87539c175181,39229,135966,,87586,,39216,,,39229,,87539v,48221,39216,87450,87586,87450c135966,174989,175181,135760,175181,87539xe" filled="f" strokeweight=".17631mm">
                  <v:stroke endcap="round"/>
                  <v:path arrowok="t" textboxrect="0,0,175181,174989"/>
                </v:shape>
                <v:rect id="Rectangle 5162" o:spid="_x0000_s2469" style="position:absolute;left:1625;top:47963;width:784;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4</w:t>
                        </w:r>
                      </w:p>
                    </w:txbxContent>
                  </v:textbox>
                </v:rect>
                <v:rect id="Rectangle 5163" o:spid="_x0000_s2470" style="position:absolute;left:3524;top:48002;width:5482;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Данные </w:t>
                        </w:r>
                      </w:p>
                    </w:txbxContent>
                  </v:textbox>
                </v:rect>
                <v:rect id="Rectangle 5164" o:spid="_x0000_s2471" style="position:absolute;left:7646;top:47815;width:2740;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IRP </w:t>
                        </w:r>
                      </w:p>
                    </w:txbxContent>
                  </v:textbox>
                </v:rect>
                <v:rect id="Rectangle 5165" o:spid="_x0000_s2472" style="position:absolute;left:9706;top:48002;width:10384;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посылаются на </w:t>
                        </w:r>
                      </w:p>
                    </w:txbxContent>
                  </v:textbox>
                </v:rect>
                <v:rect id="Rectangle 5166" o:spid="_x0000_s2473" style="position:absolute;left:3524;top:49271;width:7682;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устройство </w:t>
                        </w:r>
                      </w:p>
                    </w:txbxContent>
                  </v:textbox>
                </v:rect>
                <v:rect id="Rectangle 5167" o:spid="_x0000_s2474" style="position:absolute;left:9300;top:49084;width:46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5168" o:spid="_x0000_s2475" style="position:absolute;left:9653;top:49271;width:3592;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либо </w:t>
                        </w:r>
                      </w:p>
                    </w:txbxContent>
                  </v:textbox>
                </v:rect>
                <v:rect id="Rectangle 5169" o:spid="_x0000_s2476" style="position:absolute;left:12353;top:49084;width:234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IRP</w:t>
                        </w:r>
                      </w:p>
                    </w:txbxContent>
                  </v:textbox>
                </v:rect>
                <v:rect id="Rectangle 5170" o:spid="_x0000_s2477" style="position:absolute;left:14119;top:49084;width:392;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5171" o:spid="_x0000_s2478" style="position:absolute;left:3524;top:50541;width:13472;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ставиться в очередь</w:t>
                        </w:r>
                      </w:p>
                    </w:txbxContent>
                  </v:textbox>
                </v:rect>
                <v:rect id="Rectangle 5172" o:spid="_x0000_s2479" style="position:absolute;left:13654;top:50354;width:469;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5173" o:spid="_x0000_s2480" style="position:absolute;left:14006;top:50354;width:783;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5174" o:spid="_x0000_s2481" style="position:absolute;left:14595;top:50541;width:1179;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и </w:t>
                        </w:r>
                      </w:p>
                    </w:txbxContent>
                  </v:textbox>
                </v:rect>
                <v:rect id="Rectangle 5175" o:spid="_x0000_s2482" style="position:absolute;left:3524;top:51810;width:19713;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проходит возврат управления</w:t>
                        </w:r>
                      </w:p>
                    </w:txbxContent>
                  </v:textbox>
                </v:rect>
                <v:shape id="Picture 67483" o:spid="_x0000_s2483" type="#_x0000_t75" style="position:absolute;left:21286;top:52187;width:6309;height:368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">
                  <v:imagedata r:id="rId72" o:title=""/>
                </v:shape>
                <v:shape id="Picture 67484" o:spid="_x0000_s2484" type="#_x0000_t75" style="position:absolute;left:23948;top:53772;width:3627;height:295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">
                  <v:imagedata r:id="rId73" o:title=""/>
                </v:shape>
                <v:shape id="Shape 5181" o:spid="_x0000_s2485" style="position:absolute;left:23996;top:53806;width:3574;height:2900;visibility:visible;mso-wrap-style:square;v-text-anchor:top" coordsize="357461,2900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" path="m,290050l339628,93710r,-17852l357461,66937,357461,,,205262r,84788xe" filled="f" strokecolor="white" strokeweight=".17631mm">
                  <v:stroke endcap="round"/>
                  <v:path arrowok="t" textboxrect="0,0,357461,290050"/>
                </v:shape>
                <v:shape id="Picture 67485" o:spid="_x0000_s2486" type="#_x0000_t75" style="position:absolute;left:21256;top:54249;width:2743;height:246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">
                  <v:imagedata r:id="rId74" o:title=""/>
                </v:shape>
                <v:shape id="Shape 5184" o:spid="_x0000_s2487" style="position:absolute;left:21314;top:54297;width:2682;height:2409;visibility:visible;mso-wrap-style:square;v-text-anchor:top" coordsize="268118,2409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" path="m,66936l17833,78088r,17852l268118,240964r,-84787l,,,66936xe" filled="f" strokeweight=".17631mm">
                  <v:stroke endcap="round"/>
                  <v:path arrowok="t" textboxrect="0,0,268118,240964"/>
                </v:shape>
                <v:shape id="Shape 5185" o:spid="_x0000_s2488" style="position:absolute;left:21314;top:52244;width:6256;height:4462;visibility:visible;mso-wrap-style:square;v-text-anchor:top" coordsize="625579,4462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" path="m,205270r,66937l17833,283359r,17851l268118,446235,607745,249895r,-17852l625579,223122r,-66937l357461,,,205270xe" filled="f" strokeweight=".36731mm">
                  <v:stroke endcap="round"/>
                  <v:path arrowok="t" textboxrect="0,0,625579,446235"/>
                </v:shape>
                <v:shape id="Picture 67486" o:spid="_x0000_s2489" type="#_x0000_t75" style="position:absolute;left:23511;top:55682;width:244;height:33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">
                  <v:imagedata r:id="rId75" o:title=""/>
                </v:shape>
                <v:shape id="Shape 5188" o:spid="_x0000_s2490" style="position:absolute;left:23543;top:55733;width:189;height:283;visibility:visible;mso-wrap-style:square;v-text-anchor:top" coordsize="18893,283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" path="m,18301l18893,28316r,-17914l,,,18301xe" filled="f" strokeweight=".05878mm">
                  <v:stroke endcap="round"/>
                  <v:path arrowok="t" textboxrect="0,0,18893,28316"/>
                </v:shape>
                <v:shape id="Picture 67487" o:spid="_x0000_s2491" type="#_x0000_t75" style="position:absolute;left:21672;top:54666;width:488;height:67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">
                  <v:imagedata r:id="rId76" o:title=""/>
                </v:shape>
                <v:shape id="Shape 5191" o:spid="_x0000_s2492" style="position:absolute;left:21729;top:54695;width:421;height:631;visibility:visible;mso-wrap-style:square;v-text-anchor:top" coordsize="42023,631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" path="m,40825l42023,63164r,-39962l,,,40825xe" filled="f" strokeweight=".05878mm">
                  <v:stroke endcap="round"/>
                  <v:path arrowok="t" textboxrect="0,0,42023,63164"/>
                </v:shape>
                <v:shape id="Picture 67488" o:spid="_x0000_s2493" type="#_x0000_t75" style="position:absolute;left:22973;top:55398;width:243;height:33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">
                  <v:imagedata r:id="rId77" o:title=""/>
                </v:shape>
                <v:shape id="Shape 5194" o:spid="_x0000_s2494" style="position:absolute;left:23012;top:55433;width:188;height:283;visibility:visible;mso-wrap-style:square;v-text-anchor:top" coordsize="18804,283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" path="m,18301l18804,28315r,-17913l,,,18301xe" filled="f" strokeweight=".05878mm">
                  <v:stroke endcap="round"/>
                  <v:path arrowok="t" textboxrect="0,0,18804,28315"/>
                </v:shape>
                <v:shape id="Shape 5195" o:spid="_x0000_s2495" style="position:absolute;left:20689;top:44479;width:1339;height:7074;visibility:visible;mso-wrap-style:square;v-text-anchor:top" coordsize="133927,7074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" path="m,c,318418,53677,602006,133927,707413e" filled="f" strokeweight=".17631mm">
                  <v:stroke endcap="round"/>
                  <v:path arrowok="t" textboxrect="0,0,133927,707413"/>
                </v:shape>
                <v:shape id="Shape 5196" o:spid="_x0000_s2496" style="position:absolute;left:21813;top:51274;width:878;height:702;visibility:visible;mso-wrap-style:square;v-text-anchor:top" coordsize="87754,70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" path="m30811,l87754,70198,,48141,30811,xe" fillcolor="black" stroked="f" strokeweight="0">
                  <v:stroke endcap="round"/>
                  <v:path arrowok="t" textboxrect="0,0,87754,70198"/>
                </v:shape>
                <w10:anchorlock/>
              </v:group>
            </w:pict>
          </mc:Fallback>
        </mc:AlternateContent>
      </w:r>
    </w:p>
    <w:p w:rsidR="0043064D" w:rsidRDefault="008B3C4B">
      <w:pPr>
        <w:spacing w:after="297" w:line="259" w:lineRule="auto"/>
        <w:ind w:left="0" w:right="421" w:firstLine="0"/>
        <w:jc w:val="right"/>
      </w:pPr>
      <w:r>
        <w:t xml:space="preserve"> </w:t>
      </w:r>
    </w:p>
    <w:p w:rsidR="0043064D" w:rsidRDefault="008B3C4B">
      <w:pPr>
        <w:spacing w:after="333" w:line="265" w:lineRule="auto"/>
        <w:ind w:right="6"/>
        <w:jc w:val="center"/>
      </w:pPr>
      <w:r>
        <w:t xml:space="preserve">Рис. 16. Обработка асинхронного запроса к многоуровневым драйверам </w:t>
      </w:r>
    </w:p>
    <w:p w:rsidR="0043064D" w:rsidRDefault="008B3C4B">
      <w:pPr>
        <w:ind w:left="-5" w:right="1"/>
      </w:pPr>
      <w:r>
        <w:t xml:space="preserve">После того как драйвер диска завершает передачу данных, диск генерирует прерывание, и ввод-вывод завершается (Рис. 17). </w:t>
      </w:r>
    </w:p>
    <w:p w:rsidR="0043064D" w:rsidRDefault="008B3C4B">
      <w:pPr>
        <w:spacing w:after="135" w:line="259" w:lineRule="auto"/>
        <w:ind w:left="1061" w:firstLine="0"/>
        <w:jc w:val="left"/>
      </w:pPr>
      <w:r>
        <w:rPr>
          <w:rFonts w:ascii="Calibri" w:eastAsia="Calibri" w:hAnsi="Calibri" w:cs="Calibri"/>
          <w:noProof/>
          <w:sz w:val="22"/>
        </w:rPr>
        <w:lastRenderedPageBreak/>
        <mc:AlternateContent>
          <mc:Choice Requires="wpg">
            <w:drawing>
              <wp:inline distT="0" distB="0" distL="0" distR="0">
                <wp:extent cx="4136637" cy="3889483"/>
                <wp:effectExtent l="0" t="0" r="0" b="0"/>
                <wp:docPr id="61880" name="Group 61880"/>
                <wp:cNvGraphicFramePr/>
                <a:graphic xmlns:a="http://schemas.openxmlformats.org/drawingml/2006/main">
                  <a:graphicData uri="http://schemas.microsoft.com/office/word/2010/wordprocessingGroup">
                    <wpg:wgp>
                      <wpg:cNvGrpSpPr/>
                      <wpg:grpSpPr>
                        <a:xfrm>
                          <a:off x="0" y="0"/>
                          <a:ext cx="4136637" cy="3889483"/>
                          <a:chOff x="0" y="0"/>
                          <a:chExt cx="4136637" cy="3889483"/>
                        </a:xfrm>
                      </wpg:grpSpPr>
                      <wps:wsp>
                        <wps:cNvPr id="5236" name="Shape 5236"/>
                        <wps:cNvSpPr/>
                        <wps:spPr>
                          <a:xfrm>
                            <a:off x="0" y="0"/>
                            <a:ext cx="892256" cy="492877"/>
                          </a:xfrm>
                          <a:custGeom>
                            <a:avLst/>
                            <a:gdLst/>
                            <a:ahLst/>
                            <a:cxnLst/>
                            <a:rect l="0" t="0" r="0" b="0"/>
                            <a:pathLst>
                              <a:path w="892256" h="492877">
                                <a:moveTo>
                                  <a:pt x="892256" y="246476"/>
                                </a:moveTo>
                                <a:cubicBezTo>
                                  <a:pt x="892256" y="110310"/>
                                  <a:pt x="692503" y="0"/>
                                  <a:pt x="446117" y="0"/>
                                </a:cubicBezTo>
                                <a:cubicBezTo>
                                  <a:pt x="199730" y="0"/>
                                  <a:pt x="0" y="110310"/>
                                  <a:pt x="0" y="246476"/>
                                </a:cubicBezTo>
                                <a:cubicBezTo>
                                  <a:pt x="0" y="382567"/>
                                  <a:pt x="199730" y="492877"/>
                                  <a:pt x="446117" y="492877"/>
                                </a:cubicBezTo>
                                <a:cubicBezTo>
                                  <a:pt x="692503" y="492877"/>
                                  <a:pt x="892256" y="382567"/>
                                  <a:pt x="892256" y="246476"/>
                                </a:cubicBezTo>
                                <a:close/>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237" name="Rectangle 5237"/>
                        <wps:cNvSpPr/>
                        <wps:spPr>
                          <a:xfrm>
                            <a:off x="188645" y="153128"/>
                            <a:ext cx="718438"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wps:txbx>
                        <wps:bodyPr horzOverflow="overflow" vert="horz" lIns="0" tIns="0" rIns="0" bIns="0" rtlCol="0">
                          <a:noAutofit/>
                        </wps:bodyPr>
                      </wps:wsp>
                      <wps:wsp>
                        <wps:cNvPr id="5238" name="Rectangle 5238"/>
                        <wps:cNvSpPr/>
                        <wps:spPr>
                          <a:xfrm>
                            <a:off x="36952" y="262077"/>
                            <a:ext cx="866999"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кружения или </w:t>
                              </w:r>
                            </w:p>
                          </w:txbxContent>
                        </wps:txbx>
                        <wps:bodyPr horzOverflow="overflow" vert="horz" lIns="0" tIns="0" rIns="0" bIns="0" rtlCol="0">
                          <a:noAutofit/>
                        </wps:bodyPr>
                      </wps:wsp>
                      <wps:wsp>
                        <wps:cNvPr id="5239" name="Rectangle 5239"/>
                        <wps:cNvSpPr/>
                        <wps:spPr>
                          <a:xfrm>
                            <a:off x="688813" y="246021"/>
                            <a:ext cx="221397"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L</w:t>
                              </w:r>
                              <w:r>
                                <w:rPr>
                                  <w:rFonts w:ascii="Arial" w:eastAsia="Arial" w:hAnsi="Arial" w:cs="Arial"/>
                                  <w:sz w:val="14"/>
                                </w:rPr>
                                <w:t>L</w:t>
                              </w:r>
                            </w:p>
                          </w:txbxContent>
                        </wps:txbx>
                        <wps:bodyPr horzOverflow="overflow" vert="horz" lIns="0" tIns="0" rIns="0" bIns="0" rtlCol="0">
                          <a:noAutofit/>
                        </wps:bodyPr>
                      </wps:wsp>
                      <wps:wsp>
                        <wps:cNvPr id="5241" name="Shape 5241"/>
                        <wps:cNvSpPr/>
                        <wps:spPr>
                          <a:xfrm>
                            <a:off x="146026" y="996520"/>
                            <a:ext cx="750230" cy="214313"/>
                          </a:xfrm>
                          <a:custGeom>
                            <a:avLst/>
                            <a:gdLst/>
                            <a:ahLst/>
                            <a:cxnLst/>
                            <a:rect l="0" t="0" r="0" b="0"/>
                            <a:pathLst>
                              <a:path w="750230" h="214313">
                                <a:moveTo>
                                  <a:pt x="0" y="214313"/>
                                </a:moveTo>
                                <a:lnTo>
                                  <a:pt x="750230" y="214313"/>
                                </a:lnTo>
                                <a:lnTo>
                                  <a:pt x="750230"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5242" name="Rectangle 5242"/>
                        <wps:cNvSpPr/>
                        <wps:spPr>
                          <a:xfrm>
                            <a:off x="333166" y="1064863"/>
                            <a:ext cx="500050"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ервисы</w:t>
                              </w:r>
                            </w:p>
                          </w:txbxContent>
                        </wps:txbx>
                        <wps:bodyPr horzOverflow="overflow" vert="horz" lIns="0" tIns="0" rIns="0" bIns="0" rtlCol="0">
                          <a:noAutofit/>
                        </wps:bodyPr>
                      </wps:wsp>
                      <wps:wsp>
                        <wps:cNvPr id="69467" name="Shape 69467"/>
                        <wps:cNvSpPr/>
                        <wps:spPr>
                          <a:xfrm>
                            <a:off x="146026" y="1210833"/>
                            <a:ext cx="750230" cy="278609"/>
                          </a:xfrm>
                          <a:custGeom>
                            <a:avLst/>
                            <a:gdLst/>
                            <a:ahLst/>
                            <a:cxnLst/>
                            <a:rect l="0" t="0" r="0" b="0"/>
                            <a:pathLst>
                              <a:path w="750230" h="278609">
                                <a:moveTo>
                                  <a:pt x="0" y="0"/>
                                </a:moveTo>
                                <a:lnTo>
                                  <a:pt x="750230" y="0"/>
                                </a:lnTo>
                                <a:lnTo>
                                  <a:pt x="750230" y="278609"/>
                                </a:lnTo>
                                <a:lnTo>
                                  <a:pt x="0" y="278609"/>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5244" name="Shape 5244"/>
                        <wps:cNvSpPr/>
                        <wps:spPr>
                          <a:xfrm>
                            <a:off x="146026" y="1210833"/>
                            <a:ext cx="750230" cy="278609"/>
                          </a:xfrm>
                          <a:custGeom>
                            <a:avLst/>
                            <a:gdLst/>
                            <a:ahLst/>
                            <a:cxnLst/>
                            <a:rect l="0" t="0" r="0" b="0"/>
                            <a:pathLst>
                              <a:path w="750230" h="278609">
                                <a:moveTo>
                                  <a:pt x="0" y="278609"/>
                                </a:moveTo>
                                <a:lnTo>
                                  <a:pt x="750230" y="278609"/>
                                </a:lnTo>
                                <a:lnTo>
                                  <a:pt x="750230"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5245" name="Rectangle 5245"/>
                        <wps:cNvSpPr/>
                        <wps:spPr>
                          <a:xfrm>
                            <a:off x="285088" y="1256903"/>
                            <a:ext cx="627922"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5246" name="Rectangle 5246"/>
                        <wps:cNvSpPr/>
                        <wps:spPr>
                          <a:xfrm>
                            <a:off x="223126" y="1365776"/>
                            <a:ext cx="332877"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5247" name="Rectangle 5247"/>
                        <wps:cNvSpPr/>
                        <wps:spPr>
                          <a:xfrm>
                            <a:off x="473422" y="1349720"/>
                            <a:ext cx="40190"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248" name="Rectangle 5248"/>
                        <wps:cNvSpPr/>
                        <wps:spPr>
                          <a:xfrm>
                            <a:off x="503639" y="1365776"/>
                            <a:ext cx="419619"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5250" name="Shape 5250"/>
                        <wps:cNvSpPr/>
                        <wps:spPr>
                          <a:xfrm>
                            <a:off x="60286" y="1960997"/>
                            <a:ext cx="921709" cy="278609"/>
                          </a:xfrm>
                          <a:custGeom>
                            <a:avLst/>
                            <a:gdLst/>
                            <a:ahLst/>
                            <a:cxnLst/>
                            <a:rect l="0" t="0" r="0" b="0"/>
                            <a:pathLst>
                              <a:path w="921709" h="278609">
                                <a:moveTo>
                                  <a:pt x="0" y="278609"/>
                                </a:moveTo>
                                <a:lnTo>
                                  <a:pt x="921709" y="278609"/>
                                </a:lnTo>
                                <a:lnTo>
                                  <a:pt x="921709"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5251" name="Rectangle 5251"/>
                        <wps:cNvSpPr/>
                        <wps:spPr>
                          <a:xfrm>
                            <a:off x="100519" y="2006992"/>
                            <a:ext cx="1118870" cy="1134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райвер файловой </w:t>
                              </w:r>
                            </w:p>
                          </w:txbxContent>
                        </wps:txbx>
                        <wps:bodyPr horzOverflow="overflow" vert="horz" lIns="0" tIns="0" rIns="0" bIns="0" rtlCol="0">
                          <a:noAutofit/>
                        </wps:bodyPr>
                      </wps:wsp>
                      <wps:wsp>
                        <wps:cNvPr id="5252" name="Rectangle 5252"/>
                        <wps:cNvSpPr/>
                        <wps:spPr>
                          <a:xfrm>
                            <a:off x="340607" y="2115865"/>
                            <a:ext cx="480256"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истемы</w:t>
                              </w:r>
                            </w:p>
                          </w:txbxContent>
                        </wps:txbx>
                        <wps:bodyPr horzOverflow="overflow" vert="horz" lIns="0" tIns="0" rIns="0" bIns="0" rtlCol="0">
                          <a:noAutofit/>
                        </wps:bodyPr>
                      </wps:wsp>
                      <wps:wsp>
                        <wps:cNvPr id="5253" name="Shape 5253"/>
                        <wps:cNvSpPr/>
                        <wps:spPr>
                          <a:xfrm>
                            <a:off x="692193" y="1510914"/>
                            <a:ext cx="150457" cy="450083"/>
                          </a:xfrm>
                          <a:custGeom>
                            <a:avLst/>
                            <a:gdLst/>
                            <a:ahLst/>
                            <a:cxnLst/>
                            <a:rect l="0" t="0" r="0" b="0"/>
                            <a:pathLst>
                              <a:path w="150457" h="450083">
                                <a:moveTo>
                                  <a:pt x="150457" y="450083"/>
                                </a:moveTo>
                                <a:cubicBezTo>
                                  <a:pt x="150457" y="243754"/>
                                  <a:pt x="89509" y="61468"/>
                                  <a:pt x="0" y="0"/>
                                </a:cubicBezTo>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254" name="Shape 5254"/>
                        <wps:cNvSpPr/>
                        <wps:spPr>
                          <a:xfrm>
                            <a:off x="628318" y="1489442"/>
                            <a:ext cx="77471" cy="46649"/>
                          </a:xfrm>
                          <a:custGeom>
                            <a:avLst/>
                            <a:gdLst/>
                            <a:ahLst/>
                            <a:cxnLst/>
                            <a:rect l="0" t="0" r="0" b="0"/>
                            <a:pathLst>
                              <a:path w="77471" h="46649">
                                <a:moveTo>
                                  <a:pt x="0" y="0"/>
                                </a:moveTo>
                                <a:lnTo>
                                  <a:pt x="77471" y="151"/>
                                </a:lnTo>
                                <a:lnTo>
                                  <a:pt x="61893" y="4664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56" name="Shape 5256"/>
                        <wps:cNvSpPr/>
                        <wps:spPr>
                          <a:xfrm>
                            <a:off x="60286" y="2668217"/>
                            <a:ext cx="921709" cy="278609"/>
                          </a:xfrm>
                          <a:custGeom>
                            <a:avLst/>
                            <a:gdLst/>
                            <a:ahLst/>
                            <a:cxnLst/>
                            <a:rect l="0" t="0" r="0" b="0"/>
                            <a:pathLst>
                              <a:path w="921709" h="278609">
                                <a:moveTo>
                                  <a:pt x="0" y="278609"/>
                                </a:moveTo>
                                <a:lnTo>
                                  <a:pt x="921709" y="278609"/>
                                </a:lnTo>
                                <a:lnTo>
                                  <a:pt x="921709"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5257" name="Rectangle 5257"/>
                        <wps:cNvSpPr/>
                        <wps:spPr>
                          <a:xfrm>
                            <a:off x="207836" y="2768724"/>
                            <a:ext cx="833375" cy="1134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 диска</w:t>
                              </w:r>
                            </w:p>
                          </w:txbxContent>
                        </wps:txbx>
                        <wps:bodyPr horzOverflow="overflow" vert="horz" lIns="0" tIns="0" rIns="0" bIns="0" rtlCol="0">
                          <a:noAutofit/>
                        </wps:bodyPr>
                      </wps:wsp>
                      <wps:wsp>
                        <wps:cNvPr id="5258" name="Shape 5258"/>
                        <wps:cNvSpPr/>
                        <wps:spPr>
                          <a:xfrm>
                            <a:off x="727613" y="2234011"/>
                            <a:ext cx="254402" cy="434206"/>
                          </a:xfrm>
                          <a:custGeom>
                            <a:avLst/>
                            <a:gdLst/>
                            <a:ahLst/>
                            <a:cxnLst/>
                            <a:rect l="0" t="0" r="0" b="0"/>
                            <a:pathLst>
                              <a:path w="254402" h="434206">
                                <a:moveTo>
                                  <a:pt x="254402" y="434206"/>
                                </a:moveTo>
                                <a:cubicBezTo>
                                  <a:pt x="194739" y="205875"/>
                                  <a:pt x="92655" y="31528"/>
                                  <a:pt x="0" y="0"/>
                                </a:cubicBezTo>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259" name="Shape 5259"/>
                        <wps:cNvSpPr/>
                        <wps:spPr>
                          <a:xfrm>
                            <a:off x="660471" y="2209061"/>
                            <a:ext cx="75278" cy="48841"/>
                          </a:xfrm>
                          <a:custGeom>
                            <a:avLst/>
                            <a:gdLst/>
                            <a:ahLst/>
                            <a:cxnLst/>
                            <a:rect l="0" t="0" r="0" b="0"/>
                            <a:pathLst>
                              <a:path w="75278" h="48841">
                                <a:moveTo>
                                  <a:pt x="71217" y="0"/>
                                </a:moveTo>
                                <a:lnTo>
                                  <a:pt x="75278" y="48841"/>
                                </a:lnTo>
                                <a:lnTo>
                                  <a:pt x="0" y="30545"/>
                                </a:lnTo>
                                <a:lnTo>
                                  <a:pt x="7121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60" name="Shape 5260"/>
                        <wps:cNvSpPr/>
                        <wps:spPr>
                          <a:xfrm>
                            <a:off x="599621" y="511022"/>
                            <a:ext cx="168016" cy="485543"/>
                          </a:xfrm>
                          <a:custGeom>
                            <a:avLst/>
                            <a:gdLst/>
                            <a:ahLst/>
                            <a:cxnLst/>
                            <a:rect l="0" t="0" r="0" b="0"/>
                            <a:pathLst>
                              <a:path w="168016" h="485543">
                                <a:moveTo>
                                  <a:pt x="168016" y="485543"/>
                                </a:moveTo>
                                <a:cubicBezTo>
                                  <a:pt x="161815" y="263865"/>
                                  <a:pt x="93555" y="66609"/>
                                  <a:pt x="0" y="0"/>
                                </a:cubicBezTo>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261" name="Shape 5261"/>
                        <wps:cNvSpPr/>
                        <wps:spPr>
                          <a:xfrm>
                            <a:off x="536359" y="487811"/>
                            <a:ext cx="77448" cy="48313"/>
                          </a:xfrm>
                          <a:custGeom>
                            <a:avLst/>
                            <a:gdLst/>
                            <a:ahLst/>
                            <a:cxnLst/>
                            <a:rect l="0" t="0" r="0" b="0"/>
                            <a:pathLst>
                              <a:path w="77448" h="48313">
                                <a:moveTo>
                                  <a:pt x="0" y="0"/>
                                </a:moveTo>
                                <a:lnTo>
                                  <a:pt x="77448" y="2268"/>
                                </a:lnTo>
                                <a:lnTo>
                                  <a:pt x="60578" y="4831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62" name="Rectangle 5262"/>
                        <wps:cNvSpPr/>
                        <wps:spPr>
                          <a:xfrm>
                            <a:off x="2027283" y="2768724"/>
                            <a:ext cx="521673" cy="1134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Текущий </w:t>
                              </w:r>
                            </w:p>
                          </w:txbxContent>
                        </wps:txbx>
                        <wps:bodyPr horzOverflow="overflow" vert="horz" lIns="0" tIns="0" rIns="0" bIns="0" rtlCol="0">
                          <a:noAutofit/>
                        </wps:bodyPr>
                      </wps:wsp>
                      <wps:wsp>
                        <wps:cNvPr id="5263" name="Shape 5263"/>
                        <wps:cNvSpPr/>
                        <wps:spPr>
                          <a:xfrm>
                            <a:off x="1649571" y="2807559"/>
                            <a:ext cx="297028" cy="0"/>
                          </a:xfrm>
                          <a:custGeom>
                            <a:avLst/>
                            <a:gdLst/>
                            <a:ahLst/>
                            <a:cxnLst/>
                            <a:rect l="0" t="0" r="0" b="0"/>
                            <a:pathLst>
                              <a:path w="297028">
                                <a:moveTo>
                                  <a:pt x="297028" y="0"/>
                                </a:moveTo>
                                <a:lnTo>
                                  <a:pt x="0" y="0"/>
                                </a:lnTo>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264" name="Shape 5264"/>
                        <wps:cNvSpPr/>
                        <wps:spPr>
                          <a:xfrm>
                            <a:off x="1582196" y="2783063"/>
                            <a:ext cx="73501" cy="48993"/>
                          </a:xfrm>
                          <a:custGeom>
                            <a:avLst/>
                            <a:gdLst/>
                            <a:ahLst/>
                            <a:cxnLst/>
                            <a:rect l="0" t="0" r="0" b="0"/>
                            <a:pathLst>
                              <a:path w="73501" h="48993">
                                <a:moveTo>
                                  <a:pt x="73501" y="0"/>
                                </a:moveTo>
                                <a:lnTo>
                                  <a:pt x="73501" y="48993"/>
                                </a:lnTo>
                                <a:lnTo>
                                  <a:pt x="0" y="24497"/>
                                </a:lnTo>
                                <a:lnTo>
                                  <a:pt x="73501"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66" name="Shape 5266"/>
                        <wps:cNvSpPr/>
                        <wps:spPr>
                          <a:xfrm>
                            <a:off x="1196316" y="2646798"/>
                            <a:ext cx="321528" cy="107157"/>
                          </a:xfrm>
                          <a:custGeom>
                            <a:avLst/>
                            <a:gdLst/>
                            <a:ahLst/>
                            <a:cxnLst/>
                            <a:rect l="0" t="0" r="0" b="0"/>
                            <a:pathLst>
                              <a:path w="321528" h="107157">
                                <a:moveTo>
                                  <a:pt x="0" y="107157"/>
                                </a:moveTo>
                                <a:lnTo>
                                  <a:pt x="321528" y="107157"/>
                                </a:lnTo>
                                <a:lnTo>
                                  <a:pt x="321528"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5267" name="Rectangle 5267"/>
                        <wps:cNvSpPr/>
                        <wps:spPr>
                          <a:xfrm>
                            <a:off x="1281462" y="2645458"/>
                            <a:ext cx="201185"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5269" name="Shape 5269"/>
                        <wps:cNvSpPr/>
                        <wps:spPr>
                          <a:xfrm>
                            <a:off x="1196316" y="2861141"/>
                            <a:ext cx="321528" cy="107157"/>
                          </a:xfrm>
                          <a:custGeom>
                            <a:avLst/>
                            <a:gdLst/>
                            <a:ahLst/>
                            <a:cxnLst/>
                            <a:rect l="0" t="0" r="0" b="0"/>
                            <a:pathLst>
                              <a:path w="321528" h="107157">
                                <a:moveTo>
                                  <a:pt x="0" y="107157"/>
                                </a:moveTo>
                                <a:lnTo>
                                  <a:pt x="321528" y="107157"/>
                                </a:lnTo>
                                <a:lnTo>
                                  <a:pt x="321528"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69468" name="Shape 69468"/>
                        <wps:cNvSpPr/>
                        <wps:spPr>
                          <a:xfrm>
                            <a:off x="1196316" y="2753932"/>
                            <a:ext cx="321528" cy="107157"/>
                          </a:xfrm>
                          <a:custGeom>
                            <a:avLst/>
                            <a:gdLst/>
                            <a:ahLst/>
                            <a:cxnLst/>
                            <a:rect l="0" t="0" r="0" b="0"/>
                            <a:pathLst>
                              <a:path w="321528" h="107157">
                                <a:moveTo>
                                  <a:pt x="0" y="0"/>
                                </a:moveTo>
                                <a:lnTo>
                                  <a:pt x="321528" y="0"/>
                                </a:lnTo>
                                <a:lnTo>
                                  <a:pt x="321528" y="107157"/>
                                </a:lnTo>
                                <a:lnTo>
                                  <a:pt x="0" y="107157"/>
                                </a:lnTo>
                                <a:lnTo>
                                  <a:pt x="0" y="0"/>
                                </a:lnTo>
                              </a:path>
                            </a:pathLst>
                          </a:custGeom>
                          <a:ln w="0" cap="rnd">
                            <a:round/>
                          </a:ln>
                        </wps:spPr>
                        <wps:style>
                          <a:lnRef idx="0">
                            <a:srgbClr val="000000">
                              <a:alpha val="0"/>
                            </a:srgbClr>
                          </a:lnRef>
                          <a:fillRef idx="1">
                            <a:srgbClr val="A6A6A6"/>
                          </a:fillRef>
                          <a:effectRef idx="0">
                            <a:scrgbClr r="0" g="0" b="0"/>
                          </a:effectRef>
                          <a:fontRef idx="none"/>
                        </wps:style>
                        <wps:bodyPr/>
                      </wps:wsp>
                      <wps:wsp>
                        <wps:cNvPr id="5271" name="Shape 5271"/>
                        <wps:cNvSpPr/>
                        <wps:spPr>
                          <a:xfrm>
                            <a:off x="1196316" y="2753932"/>
                            <a:ext cx="321528" cy="107157"/>
                          </a:xfrm>
                          <a:custGeom>
                            <a:avLst/>
                            <a:gdLst/>
                            <a:ahLst/>
                            <a:cxnLst/>
                            <a:rect l="0" t="0" r="0" b="0"/>
                            <a:pathLst>
                              <a:path w="321528" h="107157">
                                <a:moveTo>
                                  <a:pt x="0" y="107157"/>
                                </a:moveTo>
                                <a:lnTo>
                                  <a:pt x="321528" y="107157"/>
                                </a:lnTo>
                                <a:lnTo>
                                  <a:pt x="321528"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89" name="Picture 67489"/>
                          <pic:cNvPicPr/>
                        </pic:nvPicPr>
                        <pic:blipFill>
                          <a:blip r:embed="rId78"/>
                          <a:stretch>
                            <a:fillRect/>
                          </a:stretch>
                        </pic:blipFill>
                        <pic:spPr>
                          <a:xfrm>
                            <a:off x="333902" y="3502749"/>
                            <a:ext cx="542544" cy="313944"/>
                          </a:xfrm>
                          <a:prstGeom prst="rect">
                            <a:avLst/>
                          </a:prstGeom>
                        </pic:spPr>
                      </pic:pic>
                      <pic:pic xmlns:pic="http://schemas.openxmlformats.org/drawingml/2006/picture">
                        <pic:nvPicPr>
                          <pic:cNvPr id="67490" name="Picture 67490"/>
                          <pic:cNvPicPr/>
                        </pic:nvPicPr>
                        <pic:blipFill>
                          <a:blip r:embed="rId79"/>
                          <a:stretch>
                            <a:fillRect/>
                          </a:stretch>
                        </pic:blipFill>
                        <pic:spPr>
                          <a:xfrm>
                            <a:off x="565549" y="3635845"/>
                            <a:ext cx="310896" cy="256032"/>
                          </a:xfrm>
                          <a:prstGeom prst="rect">
                            <a:avLst/>
                          </a:prstGeom>
                        </pic:spPr>
                      </pic:pic>
                      <wps:wsp>
                        <wps:cNvPr id="5277" name="Shape 5277"/>
                        <wps:cNvSpPr/>
                        <wps:spPr>
                          <a:xfrm>
                            <a:off x="568603" y="3640724"/>
                            <a:ext cx="306185" cy="248759"/>
                          </a:xfrm>
                          <a:custGeom>
                            <a:avLst/>
                            <a:gdLst/>
                            <a:ahLst/>
                            <a:cxnLst/>
                            <a:rect l="0" t="0" r="0" b="0"/>
                            <a:pathLst>
                              <a:path w="306185" h="248759">
                                <a:moveTo>
                                  <a:pt x="0" y="248759"/>
                                </a:moveTo>
                                <a:lnTo>
                                  <a:pt x="290911" y="80369"/>
                                </a:lnTo>
                                <a:lnTo>
                                  <a:pt x="290911" y="65059"/>
                                </a:lnTo>
                                <a:lnTo>
                                  <a:pt x="306185" y="57400"/>
                                </a:lnTo>
                                <a:lnTo>
                                  <a:pt x="306185" y="0"/>
                                </a:lnTo>
                                <a:lnTo>
                                  <a:pt x="0" y="176041"/>
                                </a:lnTo>
                                <a:lnTo>
                                  <a:pt x="0" y="248759"/>
                                </a:lnTo>
                                <a:close/>
                              </a:path>
                            </a:pathLst>
                          </a:custGeom>
                          <a:ln w="5444"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67491" name="Picture 67491"/>
                          <pic:cNvPicPr/>
                        </pic:nvPicPr>
                        <pic:blipFill>
                          <a:blip r:embed="rId80"/>
                          <a:stretch>
                            <a:fillRect/>
                          </a:stretch>
                        </pic:blipFill>
                        <pic:spPr>
                          <a:xfrm>
                            <a:off x="333902" y="3677501"/>
                            <a:ext cx="234696" cy="213360"/>
                          </a:xfrm>
                          <a:prstGeom prst="rect">
                            <a:avLst/>
                          </a:prstGeom>
                        </pic:spPr>
                      </pic:pic>
                      <wps:wsp>
                        <wps:cNvPr id="5280" name="Shape 5280"/>
                        <wps:cNvSpPr/>
                        <wps:spPr>
                          <a:xfrm>
                            <a:off x="338943" y="3682821"/>
                            <a:ext cx="229660" cy="206662"/>
                          </a:xfrm>
                          <a:custGeom>
                            <a:avLst/>
                            <a:gdLst/>
                            <a:ahLst/>
                            <a:cxnLst/>
                            <a:rect l="0" t="0" r="0" b="0"/>
                            <a:pathLst>
                              <a:path w="229660" h="206662">
                                <a:moveTo>
                                  <a:pt x="0" y="57408"/>
                                </a:moveTo>
                                <a:lnTo>
                                  <a:pt x="15313" y="66972"/>
                                </a:lnTo>
                                <a:lnTo>
                                  <a:pt x="15313" y="82282"/>
                                </a:lnTo>
                                <a:lnTo>
                                  <a:pt x="229660" y="206662"/>
                                </a:lnTo>
                                <a:lnTo>
                                  <a:pt x="229660" y="133944"/>
                                </a:lnTo>
                                <a:lnTo>
                                  <a:pt x="0" y="0"/>
                                </a:lnTo>
                                <a:lnTo>
                                  <a:pt x="0" y="57408"/>
                                </a:lnTo>
                                <a:close/>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281" name="Shape 5281"/>
                        <wps:cNvSpPr/>
                        <wps:spPr>
                          <a:xfrm>
                            <a:off x="338943" y="3506773"/>
                            <a:ext cx="535845" cy="382711"/>
                          </a:xfrm>
                          <a:custGeom>
                            <a:avLst/>
                            <a:gdLst/>
                            <a:ahLst/>
                            <a:cxnLst/>
                            <a:rect l="0" t="0" r="0" b="0"/>
                            <a:pathLst>
                              <a:path w="535845" h="382711">
                                <a:moveTo>
                                  <a:pt x="0" y="176049"/>
                                </a:moveTo>
                                <a:lnTo>
                                  <a:pt x="0" y="233457"/>
                                </a:lnTo>
                                <a:lnTo>
                                  <a:pt x="15313" y="243021"/>
                                </a:lnTo>
                                <a:lnTo>
                                  <a:pt x="15313" y="258331"/>
                                </a:lnTo>
                                <a:lnTo>
                                  <a:pt x="229660" y="382711"/>
                                </a:lnTo>
                                <a:lnTo>
                                  <a:pt x="520570" y="214321"/>
                                </a:lnTo>
                                <a:lnTo>
                                  <a:pt x="520570" y="199010"/>
                                </a:lnTo>
                                <a:lnTo>
                                  <a:pt x="535845" y="191352"/>
                                </a:lnTo>
                                <a:lnTo>
                                  <a:pt x="535845" y="133952"/>
                                </a:lnTo>
                                <a:lnTo>
                                  <a:pt x="306215" y="0"/>
                                </a:lnTo>
                                <a:lnTo>
                                  <a:pt x="0" y="176049"/>
                                </a:lnTo>
                                <a:close/>
                              </a:path>
                            </a:pathLst>
                          </a:custGeom>
                          <a:ln w="11341"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92" name="Picture 67492"/>
                          <pic:cNvPicPr/>
                        </pic:nvPicPr>
                        <pic:blipFill>
                          <a:blip r:embed="rId81"/>
                          <a:stretch>
                            <a:fillRect/>
                          </a:stretch>
                        </pic:blipFill>
                        <pic:spPr>
                          <a:xfrm>
                            <a:off x="526942" y="3801453"/>
                            <a:ext cx="21336" cy="30480"/>
                          </a:xfrm>
                          <a:prstGeom prst="rect">
                            <a:avLst/>
                          </a:prstGeom>
                        </pic:spPr>
                      </pic:pic>
                      <wps:wsp>
                        <wps:cNvPr id="5284" name="Shape 5284"/>
                        <wps:cNvSpPr/>
                        <wps:spPr>
                          <a:xfrm>
                            <a:off x="529856" y="3806029"/>
                            <a:ext cx="16129" cy="24277"/>
                          </a:xfrm>
                          <a:custGeom>
                            <a:avLst/>
                            <a:gdLst/>
                            <a:ahLst/>
                            <a:cxnLst/>
                            <a:rect l="0" t="0" r="0" b="0"/>
                            <a:pathLst>
                              <a:path w="16129" h="24277">
                                <a:moveTo>
                                  <a:pt x="0" y="15689"/>
                                </a:moveTo>
                                <a:lnTo>
                                  <a:pt x="16129" y="24277"/>
                                </a:lnTo>
                                <a:lnTo>
                                  <a:pt x="16129" y="8922"/>
                                </a:lnTo>
                                <a:lnTo>
                                  <a:pt x="0" y="0"/>
                                </a:lnTo>
                                <a:lnTo>
                                  <a:pt x="0" y="15689"/>
                                </a:lnTo>
                                <a:close/>
                              </a:path>
                            </a:pathLst>
                          </a:custGeom>
                          <a:ln w="1815"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93" name="Picture 67493"/>
                          <pic:cNvPicPr/>
                        </pic:nvPicPr>
                        <pic:blipFill>
                          <a:blip r:embed="rId82"/>
                          <a:stretch>
                            <a:fillRect/>
                          </a:stretch>
                        </pic:blipFill>
                        <pic:spPr>
                          <a:xfrm>
                            <a:off x="371493" y="3712045"/>
                            <a:ext cx="39624" cy="60960"/>
                          </a:xfrm>
                          <a:prstGeom prst="rect">
                            <a:avLst/>
                          </a:prstGeom>
                        </pic:spPr>
                      </pic:pic>
                      <wps:wsp>
                        <wps:cNvPr id="5287" name="Shape 5287"/>
                        <wps:cNvSpPr/>
                        <wps:spPr>
                          <a:xfrm>
                            <a:off x="374536" y="3716965"/>
                            <a:ext cx="35987" cy="54172"/>
                          </a:xfrm>
                          <a:custGeom>
                            <a:avLst/>
                            <a:gdLst/>
                            <a:ahLst/>
                            <a:cxnLst/>
                            <a:rect l="0" t="0" r="0" b="0"/>
                            <a:pathLst>
                              <a:path w="35987" h="54172">
                                <a:moveTo>
                                  <a:pt x="0" y="35013"/>
                                </a:moveTo>
                                <a:lnTo>
                                  <a:pt x="35987" y="54172"/>
                                </a:lnTo>
                                <a:lnTo>
                                  <a:pt x="35987" y="19900"/>
                                </a:lnTo>
                                <a:lnTo>
                                  <a:pt x="0" y="0"/>
                                </a:lnTo>
                                <a:lnTo>
                                  <a:pt x="0" y="35013"/>
                                </a:lnTo>
                                <a:close/>
                              </a:path>
                            </a:pathLst>
                          </a:custGeom>
                          <a:ln w="1815"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94" name="Picture 67494"/>
                          <pic:cNvPicPr/>
                        </pic:nvPicPr>
                        <pic:blipFill>
                          <a:blip r:embed="rId83"/>
                          <a:stretch>
                            <a:fillRect/>
                          </a:stretch>
                        </pic:blipFill>
                        <pic:spPr>
                          <a:xfrm>
                            <a:off x="480205" y="3776053"/>
                            <a:ext cx="21336" cy="30480"/>
                          </a:xfrm>
                          <a:prstGeom prst="rect">
                            <a:avLst/>
                          </a:prstGeom>
                        </pic:spPr>
                      </pic:pic>
                      <wps:wsp>
                        <wps:cNvPr id="5290" name="Shape 5290"/>
                        <wps:cNvSpPr/>
                        <wps:spPr>
                          <a:xfrm>
                            <a:off x="484394" y="3780263"/>
                            <a:ext cx="16129" cy="24285"/>
                          </a:xfrm>
                          <a:custGeom>
                            <a:avLst/>
                            <a:gdLst/>
                            <a:ahLst/>
                            <a:cxnLst/>
                            <a:rect l="0" t="0" r="0" b="0"/>
                            <a:pathLst>
                              <a:path w="16129" h="24285">
                                <a:moveTo>
                                  <a:pt x="0" y="15688"/>
                                </a:moveTo>
                                <a:lnTo>
                                  <a:pt x="16129" y="24285"/>
                                </a:lnTo>
                                <a:lnTo>
                                  <a:pt x="16129" y="8922"/>
                                </a:lnTo>
                                <a:lnTo>
                                  <a:pt x="0" y="0"/>
                                </a:lnTo>
                                <a:lnTo>
                                  <a:pt x="0" y="15688"/>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5291" name="Shape 5291"/>
                        <wps:cNvSpPr/>
                        <wps:spPr>
                          <a:xfrm>
                            <a:off x="831081" y="3227476"/>
                            <a:ext cx="666952" cy="403253"/>
                          </a:xfrm>
                          <a:custGeom>
                            <a:avLst/>
                            <a:gdLst/>
                            <a:ahLst/>
                            <a:cxnLst/>
                            <a:rect l="0" t="0" r="0" b="0"/>
                            <a:pathLst>
                              <a:path w="666952" h="403253">
                                <a:moveTo>
                                  <a:pt x="0" y="403253"/>
                                </a:moveTo>
                                <a:lnTo>
                                  <a:pt x="607894" y="190195"/>
                                </a:lnTo>
                                <a:lnTo>
                                  <a:pt x="131197" y="187783"/>
                                </a:lnTo>
                                <a:lnTo>
                                  <a:pt x="666952" y="0"/>
                                </a:lnTo>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292" name="Shape 5292"/>
                        <wps:cNvSpPr/>
                        <wps:spPr>
                          <a:xfrm>
                            <a:off x="1484194" y="3205172"/>
                            <a:ext cx="77433" cy="47481"/>
                          </a:xfrm>
                          <a:custGeom>
                            <a:avLst/>
                            <a:gdLst/>
                            <a:ahLst/>
                            <a:cxnLst/>
                            <a:rect l="0" t="0" r="0" b="0"/>
                            <a:pathLst>
                              <a:path w="77433" h="47481">
                                <a:moveTo>
                                  <a:pt x="77433" y="0"/>
                                </a:moveTo>
                                <a:lnTo>
                                  <a:pt x="16182" y="47481"/>
                                </a:lnTo>
                                <a:lnTo>
                                  <a:pt x="0" y="1210"/>
                                </a:lnTo>
                                <a:lnTo>
                                  <a:pt x="77433"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93" name="Shape 5293"/>
                        <wps:cNvSpPr/>
                        <wps:spPr>
                          <a:xfrm>
                            <a:off x="1625071" y="3119510"/>
                            <a:ext cx="150027" cy="150003"/>
                          </a:xfrm>
                          <a:custGeom>
                            <a:avLst/>
                            <a:gdLst/>
                            <a:ahLst/>
                            <a:cxnLst/>
                            <a:rect l="0" t="0" r="0" b="0"/>
                            <a:pathLst>
                              <a:path w="150027" h="150003">
                                <a:moveTo>
                                  <a:pt x="75013" y="0"/>
                                </a:moveTo>
                                <a:cubicBezTo>
                                  <a:pt x="116452" y="0"/>
                                  <a:pt x="150027" y="33569"/>
                                  <a:pt x="150027" y="75001"/>
                                </a:cubicBezTo>
                                <a:cubicBezTo>
                                  <a:pt x="150027" y="116434"/>
                                  <a:pt x="116452" y="150003"/>
                                  <a:pt x="75013" y="150003"/>
                                </a:cubicBezTo>
                                <a:cubicBezTo>
                                  <a:pt x="33575" y="150003"/>
                                  <a:pt x="0" y="116434"/>
                                  <a:pt x="0" y="75001"/>
                                </a:cubicBezTo>
                                <a:cubicBezTo>
                                  <a:pt x="0" y="33569"/>
                                  <a:pt x="33575" y="0"/>
                                  <a:pt x="75013"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5294" name="Shape 5294"/>
                        <wps:cNvSpPr/>
                        <wps:spPr>
                          <a:xfrm>
                            <a:off x="1625071" y="3119510"/>
                            <a:ext cx="150027" cy="150003"/>
                          </a:xfrm>
                          <a:custGeom>
                            <a:avLst/>
                            <a:gdLst/>
                            <a:ahLst/>
                            <a:cxnLst/>
                            <a:rect l="0" t="0" r="0" b="0"/>
                            <a:pathLst>
                              <a:path w="150027" h="150003">
                                <a:moveTo>
                                  <a:pt x="150027" y="75001"/>
                                </a:moveTo>
                                <a:cubicBezTo>
                                  <a:pt x="150027" y="33569"/>
                                  <a:pt x="116452" y="0"/>
                                  <a:pt x="75013" y="0"/>
                                </a:cubicBezTo>
                                <a:cubicBezTo>
                                  <a:pt x="33575" y="0"/>
                                  <a:pt x="0" y="33569"/>
                                  <a:pt x="0" y="75001"/>
                                </a:cubicBezTo>
                                <a:cubicBezTo>
                                  <a:pt x="0" y="116434"/>
                                  <a:pt x="33575" y="150003"/>
                                  <a:pt x="75013" y="150003"/>
                                </a:cubicBezTo>
                                <a:cubicBezTo>
                                  <a:pt x="116452" y="150003"/>
                                  <a:pt x="150027" y="116434"/>
                                  <a:pt x="150027" y="75001"/>
                                </a:cubicBezTo>
                                <a:close/>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295" name="Rectangle 5295"/>
                        <wps:cNvSpPr/>
                        <wps:spPr>
                          <a:xfrm>
                            <a:off x="1674827" y="3139620"/>
                            <a:ext cx="67121" cy="13454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5296" name="Rectangle 5296"/>
                        <wps:cNvSpPr/>
                        <wps:spPr>
                          <a:xfrm>
                            <a:off x="1810562" y="3100635"/>
                            <a:ext cx="1353930" cy="1134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озникают прерывания </w:t>
                              </w:r>
                            </w:p>
                          </w:txbxContent>
                        </wps:txbx>
                        <wps:bodyPr horzOverflow="overflow" vert="horz" lIns="0" tIns="0" rIns="0" bIns="0" rtlCol="0">
                          <a:noAutofit/>
                        </wps:bodyPr>
                      </wps:wsp>
                      <wps:wsp>
                        <wps:cNvPr id="5297" name="Rectangle 5297"/>
                        <wps:cNvSpPr/>
                        <wps:spPr>
                          <a:xfrm>
                            <a:off x="1912647" y="3209508"/>
                            <a:ext cx="1048700"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ровня устройства</w:t>
                              </w:r>
                            </w:p>
                          </w:txbxContent>
                        </wps:txbx>
                        <wps:bodyPr horzOverflow="overflow" vert="horz" lIns="0" tIns="0" rIns="0" bIns="0" rtlCol="0">
                          <a:noAutofit/>
                        </wps:bodyPr>
                      </wps:wsp>
                      <wps:wsp>
                        <wps:cNvPr id="5298" name="Shape 5298"/>
                        <wps:cNvSpPr/>
                        <wps:spPr>
                          <a:xfrm>
                            <a:off x="2160901" y="2196737"/>
                            <a:ext cx="150102" cy="150002"/>
                          </a:xfrm>
                          <a:custGeom>
                            <a:avLst/>
                            <a:gdLst/>
                            <a:ahLst/>
                            <a:cxnLst/>
                            <a:rect l="0" t="0" r="0" b="0"/>
                            <a:pathLst>
                              <a:path w="150102" h="150002">
                                <a:moveTo>
                                  <a:pt x="75014" y="0"/>
                                </a:moveTo>
                                <a:cubicBezTo>
                                  <a:pt x="116452" y="0"/>
                                  <a:pt x="150102" y="33569"/>
                                  <a:pt x="150102" y="75001"/>
                                </a:cubicBezTo>
                                <a:cubicBezTo>
                                  <a:pt x="150102" y="116433"/>
                                  <a:pt x="116452" y="150002"/>
                                  <a:pt x="75014" y="150002"/>
                                </a:cubicBezTo>
                                <a:cubicBezTo>
                                  <a:pt x="33575" y="150002"/>
                                  <a:pt x="0" y="116433"/>
                                  <a:pt x="0" y="75001"/>
                                </a:cubicBezTo>
                                <a:cubicBezTo>
                                  <a:pt x="0" y="33569"/>
                                  <a:pt x="33575" y="0"/>
                                  <a:pt x="75014"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5299" name="Shape 5299"/>
                        <wps:cNvSpPr/>
                        <wps:spPr>
                          <a:xfrm>
                            <a:off x="2160901" y="2196737"/>
                            <a:ext cx="150102" cy="150002"/>
                          </a:xfrm>
                          <a:custGeom>
                            <a:avLst/>
                            <a:gdLst/>
                            <a:ahLst/>
                            <a:cxnLst/>
                            <a:rect l="0" t="0" r="0" b="0"/>
                            <a:pathLst>
                              <a:path w="150102" h="150002">
                                <a:moveTo>
                                  <a:pt x="150102" y="75001"/>
                                </a:moveTo>
                                <a:cubicBezTo>
                                  <a:pt x="150102" y="33569"/>
                                  <a:pt x="116452" y="0"/>
                                  <a:pt x="75014" y="0"/>
                                </a:cubicBezTo>
                                <a:cubicBezTo>
                                  <a:pt x="33575" y="0"/>
                                  <a:pt x="0" y="33569"/>
                                  <a:pt x="0" y="75001"/>
                                </a:cubicBezTo>
                                <a:cubicBezTo>
                                  <a:pt x="0" y="116433"/>
                                  <a:pt x="33575" y="150002"/>
                                  <a:pt x="75014" y="150002"/>
                                </a:cubicBezTo>
                                <a:cubicBezTo>
                                  <a:pt x="116452" y="150002"/>
                                  <a:pt x="150102" y="116433"/>
                                  <a:pt x="150102" y="75001"/>
                                </a:cubicBezTo>
                                <a:close/>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300" name="Rectangle 5300"/>
                        <wps:cNvSpPr/>
                        <wps:spPr>
                          <a:xfrm>
                            <a:off x="2210733" y="2216847"/>
                            <a:ext cx="67121"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5301" name="Rectangle 5301"/>
                        <wps:cNvSpPr/>
                        <wps:spPr>
                          <a:xfrm>
                            <a:off x="2345258" y="2229501"/>
                            <a:ext cx="2315456"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 диска обслуживает прерывание</w:t>
                              </w:r>
                            </w:p>
                          </w:txbxContent>
                        </wps:txbx>
                        <wps:bodyPr horzOverflow="overflow" vert="horz" lIns="0" tIns="0" rIns="0" bIns="0" rtlCol="0">
                          <a:noAutofit/>
                        </wps:bodyPr>
                      </wps:wsp>
                      <wps:wsp>
                        <wps:cNvPr id="5302" name="Rectangle 5302"/>
                        <wps:cNvSpPr/>
                        <wps:spPr>
                          <a:xfrm>
                            <a:off x="4086213" y="2213445"/>
                            <a:ext cx="67063"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303" name="Rectangle 5303"/>
                        <wps:cNvSpPr/>
                        <wps:spPr>
                          <a:xfrm>
                            <a:off x="2345258" y="2338374"/>
                            <a:ext cx="2169051" cy="1134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сле чего посылает для завершения </w:t>
                              </w:r>
                            </w:p>
                          </w:txbxContent>
                        </wps:txbx>
                        <wps:bodyPr horzOverflow="overflow" vert="horz" lIns="0" tIns="0" rIns="0" bIns="0" rtlCol="0">
                          <a:noAutofit/>
                        </wps:bodyPr>
                      </wps:wsp>
                      <wps:wsp>
                        <wps:cNvPr id="5304" name="Rectangle 5304"/>
                        <wps:cNvSpPr/>
                        <wps:spPr>
                          <a:xfrm>
                            <a:off x="2345258" y="2447247"/>
                            <a:ext cx="332877" cy="1134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5305" name="Rectangle 5305"/>
                        <wps:cNvSpPr/>
                        <wps:spPr>
                          <a:xfrm>
                            <a:off x="2595554" y="2431190"/>
                            <a:ext cx="40190"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306" name="Rectangle 5306"/>
                        <wps:cNvSpPr/>
                        <wps:spPr>
                          <a:xfrm>
                            <a:off x="2625801" y="2447247"/>
                            <a:ext cx="453188" cy="1134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а </w:t>
                              </w:r>
                            </w:p>
                          </w:txbxContent>
                        </wps:txbx>
                        <wps:bodyPr horzOverflow="overflow" vert="horz" lIns="0" tIns="0" rIns="0" bIns="0" rtlCol="0">
                          <a:noAutofit/>
                        </wps:bodyPr>
                      </wps:wsp>
                      <wps:wsp>
                        <wps:cNvPr id="5307" name="Rectangle 5307"/>
                        <wps:cNvSpPr/>
                        <wps:spPr>
                          <a:xfrm>
                            <a:off x="2966536" y="2431190"/>
                            <a:ext cx="254813"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5308" name="Rectangle 5308"/>
                        <wps:cNvSpPr/>
                        <wps:spPr>
                          <a:xfrm>
                            <a:off x="3158077" y="2431190"/>
                            <a:ext cx="67063"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309" name="Rectangle 5309"/>
                        <wps:cNvSpPr/>
                        <wps:spPr>
                          <a:xfrm>
                            <a:off x="3208514" y="2447247"/>
                            <a:ext cx="497150" cy="1134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который </w:t>
                              </w:r>
                            </w:p>
                          </w:txbxContent>
                        </wps:txbx>
                        <wps:bodyPr horzOverflow="overflow" vert="horz" lIns="0" tIns="0" rIns="0" bIns="0" rtlCol="0">
                          <a:noAutofit/>
                        </wps:bodyPr>
                      </wps:wsp>
                      <wps:wsp>
                        <wps:cNvPr id="5310" name="Rectangle 5310"/>
                        <wps:cNvSpPr/>
                        <wps:spPr>
                          <a:xfrm>
                            <a:off x="2345258" y="2556119"/>
                            <a:ext cx="67103"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311" name="Rectangle 5311"/>
                        <wps:cNvSpPr/>
                        <wps:spPr>
                          <a:xfrm>
                            <a:off x="2395695" y="2556119"/>
                            <a:ext cx="717527"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талкивает</w:t>
                              </w:r>
                            </w:p>
                          </w:txbxContent>
                        </wps:txbx>
                        <wps:bodyPr horzOverflow="overflow" vert="horz" lIns="0" tIns="0" rIns="0" bIns="0" rtlCol="0">
                          <a:noAutofit/>
                        </wps:bodyPr>
                      </wps:wsp>
                      <wps:wsp>
                        <wps:cNvPr id="5312" name="Rectangle 5312"/>
                        <wps:cNvSpPr/>
                        <wps:spPr>
                          <a:xfrm>
                            <a:off x="2935230" y="2556119"/>
                            <a:ext cx="100672"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313" name="Rectangle 5313"/>
                        <wps:cNvSpPr/>
                        <wps:spPr>
                          <a:xfrm>
                            <a:off x="3010924" y="2556119"/>
                            <a:ext cx="1207200"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торой блок из стека </w:t>
                              </w:r>
                            </w:p>
                          </w:txbxContent>
                        </wps:txbx>
                        <wps:bodyPr horzOverflow="overflow" vert="horz" lIns="0" tIns="0" rIns="0" bIns="0" rtlCol="0">
                          <a:noAutofit/>
                        </wps:bodyPr>
                      </wps:wsp>
                      <wps:wsp>
                        <wps:cNvPr id="5314" name="Rectangle 5314"/>
                        <wps:cNvSpPr/>
                        <wps:spPr>
                          <a:xfrm>
                            <a:off x="3918568" y="2540063"/>
                            <a:ext cx="234718" cy="13454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P </w:t>
                              </w:r>
                            </w:p>
                          </w:txbxContent>
                        </wps:txbx>
                        <wps:bodyPr horzOverflow="overflow" vert="horz" lIns="0" tIns="0" rIns="0" bIns="0" rtlCol="0">
                          <a:noAutofit/>
                        </wps:bodyPr>
                      </wps:wsp>
                      <wps:wsp>
                        <wps:cNvPr id="5315" name="Rectangle 5315"/>
                        <wps:cNvSpPr/>
                        <wps:spPr>
                          <a:xfrm>
                            <a:off x="2345258" y="2664992"/>
                            <a:ext cx="2268837" cy="1134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и вызывает драйвер файловой системы</w:t>
                              </w:r>
                            </w:p>
                          </w:txbxContent>
                        </wps:txbx>
                        <wps:bodyPr horzOverflow="overflow" vert="horz" lIns="0" tIns="0" rIns="0" bIns="0" rtlCol="0">
                          <a:noAutofit/>
                        </wps:bodyPr>
                      </wps:wsp>
                      <wps:wsp>
                        <wps:cNvPr id="5316" name="Rectangle 5316"/>
                        <wps:cNvSpPr/>
                        <wps:spPr>
                          <a:xfrm>
                            <a:off x="2027283" y="1761424"/>
                            <a:ext cx="521673" cy="1134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Текущий </w:t>
                              </w:r>
                            </w:p>
                          </w:txbxContent>
                        </wps:txbx>
                        <wps:bodyPr horzOverflow="overflow" vert="horz" lIns="0" tIns="0" rIns="0" bIns="0" rtlCol="0">
                          <a:noAutofit/>
                        </wps:bodyPr>
                      </wps:wsp>
                      <wps:wsp>
                        <wps:cNvPr id="5317" name="Shape 5317"/>
                        <wps:cNvSpPr/>
                        <wps:spPr>
                          <a:xfrm>
                            <a:off x="1649571" y="1800258"/>
                            <a:ext cx="297028" cy="0"/>
                          </a:xfrm>
                          <a:custGeom>
                            <a:avLst/>
                            <a:gdLst/>
                            <a:ahLst/>
                            <a:cxnLst/>
                            <a:rect l="0" t="0" r="0" b="0"/>
                            <a:pathLst>
                              <a:path w="297028">
                                <a:moveTo>
                                  <a:pt x="297028" y="0"/>
                                </a:moveTo>
                                <a:lnTo>
                                  <a:pt x="0" y="0"/>
                                </a:lnTo>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318" name="Shape 5318"/>
                        <wps:cNvSpPr/>
                        <wps:spPr>
                          <a:xfrm>
                            <a:off x="1582196" y="1775762"/>
                            <a:ext cx="73501" cy="48993"/>
                          </a:xfrm>
                          <a:custGeom>
                            <a:avLst/>
                            <a:gdLst/>
                            <a:ahLst/>
                            <a:cxnLst/>
                            <a:rect l="0" t="0" r="0" b="0"/>
                            <a:pathLst>
                              <a:path w="73501" h="48993">
                                <a:moveTo>
                                  <a:pt x="73501" y="0"/>
                                </a:moveTo>
                                <a:lnTo>
                                  <a:pt x="73501" y="48993"/>
                                </a:lnTo>
                                <a:lnTo>
                                  <a:pt x="0" y="24496"/>
                                </a:lnTo>
                                <a:lnTo>
                                  <a:pt x="73501"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320" name="Shape 5320"/>
                        <wps:cNvSpPr/>
                        <wps:spPr>
                          <a:xfrm>
                            <a:off x="1196316" y="1639497"/>
                            <a:ext cx="321528" cy="107156"/>
                          </a:xfrm>
                          <a:custGeom>
                            <a:avLst/>
                            <a:gdLst/>
                            <a:ahLst/>
                            <a:cxnLst/>
                            <a:rect l="0" t="0" r="0" b="0"/>
                            <a:pathLst>
                              <a:path w="321528" h="107156">
                                <a:moveTo>
                                  <a:pt x="0" y="107156"/>
                                </a:moveTo>
                                <a:lnTo>
                                  <a:pt x="321528" y="107156"/>
                                </a:lnTo>
                                <a:lnTo>
                                  <a:pt x="321528"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5321" name="Rectangle 5321"/>
                        <wps:cNvSpPr/>
                        <wps:spPr>
                          <a:xfrm>
                            <a:off x="1281462" y="1638157"/>
                            <a:ext cx="201185"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5323" name="Shape 5323"/>
                        <wps:cNvSpPr/>
                        <wps:spPr>
                          <a:xfrm>
                            <a:off x="1196316" y="1853840"/>
                            <a:ext cx="321528" cy="107157"/>
                          </a:xfrm>
                          <a:custGeom>
                            <a:avLst/>
                            <a:gdLst/>
                            <a:ahLst/>
                            <a:cxnLst/>
                            <a:rect l="0" t="0" r="0" b="0"/>
                            <a:pathLst>
                              <a:path w="321528" h="107157">
                                <a:moveTo>
                                  <a:pt x="0" y="107157"/>
                                </a:moveTo>
                                <a:lnTo>
                                  <a:pt x="321528" y="107157"/>
                                </a:lnTo>
                                <a:lnTo>
                                  <a:pt x="321528"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69469" name="Shape 69469"/>
                        <wps:cNvSpPr/>
                        <wps:spPr>
                          <a:xfrm>
                            <a:off x="1196316" y="1746631"/>
                            <a:ext cx="321528" cy="107157"/>
                          </a:xfrm>
                          <a:custGeom>
                            <a:avLst/>
                            <a:gdLst/>
                            <a:ahLst/>
                            <a:cxnLst/>
                            <a:rect l="0" t="0" r="0" b="0"/>
                            <a:pathLst>
                              <a:path w="321528" h="107157">
                                <a:moveTo>
                                  <a:pt x="0" y="0"/>
                                </a:moveTo>
                                <a:lnTo>
                                  <a:pt x="321528" y="0"/>
                                </a:lnTo>
                                <a:lnTo>
                                  <a:pt x="321528" y="107157"/>
                                </a:lnTo>
                                <a:lnTo>
                                  <a:pt x="0" y="107157"/>
                                </a:lnTo>
                                <a:lnTo>
                                  <a:pt x="0" y="0"/>
                                </a:lnTo>
                              </a:path>
                            </a:pathLst>
                          </a:custGeom>
                          <a:ln w="0" cap="rnd">
                            <a:round/>
                          </a:ln>
                        </wps:spPr>
                        <wps:style>
                          <a:lnRef idx="0">
                            <a:srgbClr val="000000">
                              <a:alpha val="0"/>
                            </a:srgbClr>
                          </a:lnRef>
                          <a:fillRef idx="1">
                            <a:srgbClr val="A6A6A6"/>
                          </a:fillRef>
                          <a:effectRef idx="0">
                            <a:scrgbClr r="0" g="0" b="0"/>
                          </a:effectRef>
                          <a:fontRef idx="none"/>
                        </wps:style>
                        <wps:bodyPr/>
                      </wps:wsp>
                      <wps:wsp>
                        <wps:cNvPr id="5325" name="Shape 5325"/>
                        <wps:cNvSpPr/>
                        <wps:spPr>
                          <a:xfrm>
                            <a:off x="1196316" y="1746631"/>
                            <a:ext cx="321528" cy="107157"/>
                          </a:xfrm>
                          <a:custGeom>
                            <a:avLst/>
                            <a:gdLst/>
                            <a:ahLst/>
                            <a:cxnLst/>
                            <a:rect l="0" t="0" r="0" b="0"/>
                            <a:pathLst>
                              <a:path w="321528" h="107157">
                                <a:moveTo>
                                  <a:pt x="0" y="107157"/>
                                </a:moveTo>
                                <a:lnTo>
                                  <a:pt x="321528" y="107157"/>
                                </a:lnTo>
                                <a:lnTo>
                                  <a:pt x="321528" y="0"/>
                                </a:lnTo>
                                <a:lnTo>
                                  <a:pt x="0" y="0"/>
                                </a:lnTo>
                                <a:close/>
                              </a:path>
                            </a:pathLst>
                          </a:custGeom>
                          <a:ln w="1815" cap="rnd">
                            <a:round/>
                          </a:ln>
                        </wps:spPr>
                        <wps:style>
                          <a:lnRef idx="1">
                            <a:srgbClr val="000000"/>
                          </a:lnRef>
                          <a:fillRef idx="0">
                            <a:srgbClr val="000000">
                              <a:alpha val="0"/>
                            </a:srgbClr>
                          </a:fillRef>
                          <a:effectRef idx="0">
                            <a:scrgbClr r="0" g="0" b="0"/>
                          </a:effectRef>
                          <a:fontRef idx="none"/>
                        </wps:style>
                        <wps:bodyPr/>
                      </wps:wsp>
                      <wps:wsp>
                        <wps:cNvPr id="5326" name="Shape 5326"/>
                        <wps:cNvSpPr/>
                        <wps:spPr>
                          <a:xfrm>
                            <a:off x="1775097" y="1285305"/>
                            <a:ext cx="150026" cy="150003"/>
                          </a:xfrm>
                          <a:custGeom>
                            <a:avLst/>
                            <a:gdLst/>
                            <a:ahLst/>
                            <a:cxnLst/>
                            <a:rect l="0" t="0" r="0" b="0"/>
                            <a:pathLst>
                              <a:path w="150026" h="150003">
                                <a:moveTo>
                                  <a:pt x="75013" y="0"/>
                                </a:moveTo>
                                <a:cubicBezTo>
                                  <a:pt x="116452" y="0"/>
                                  <a:pt x="150026" y="33569"/>
                                  <a:pt x="150026" y="75001"/>
                                </a:cubicBezTo>
                                <a:cubicBezTo>
                                  <a:pt x="150026" y="116433"/>
                                  <a:pt x="116452" y="150003"/>
                                  <a:pt x="75013" y="150003"/>
                                </a:cubicBezTo>
                                <a:cubicBezTo>
                                  <a:pt x="33574" y="150003"/>
                                  <a:pt x="0" y="116433"/>
                                  <a:pt x="0" y="75001"/>
                                </a:cubicBezTo>
                                <a:cubicBezTo>
                                  <a:pt x="0" y="33569"/>
                                  <a:pt x="33574" y="0"/>
                                  <a:pt x="75013"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5327" name="Shape 5327"/>
                        <wps:cNvSpPr/>
                        <wps:spPr>
                          <a:xfrm>
                            <a:off x="1775097" y="1285305"/>
                            <a:ext cx="150026" cy="150003"/>
                          </a:xfrm>
                          <a:custGeom>
                            <a:avLst/>
                            <a:gdLst/>
                            <a:ahLst/>
                            <a:cxnLst/>
                            <a:rect l="0" t="0" r="0" b="0"/>
                            <a:pathLst>
                              <a:path w="150026" h="150003">
                                <a:moveTo>
                                  <a:pt x="150026" y="75001"/>
                                </a:moveTo>
                                <a:cubicBezTo>
                                  <a:pt x="150026" y="33569"/>
                                  <a:pt x="116452" y="0"/>
                                  <a:pt x="75013" y="0"/>
                                </a:cubicBezTo>
                                <a:cubicBezTo>
                                  <a:pt x="33574" y="0"/>
                                  <a:pt x="0" y="33569"/>
                                  <a:pt x="0" y="75001"/>
                                </a:cubicBezTo>
                                <a:cubicBezTo>
                                  <a:pt x="0" y="116433"/>
                                  <a:pt x="33574" y="150003"/>
                                  <a:pt x="75013" y="150003"/>
                                </a:cubicBezTo>
                                <a:cubicBezTo>
                                  <a:pt x="116452" y="150003"/>
                                  <a:pt x="150026" y="116433"/>
                                  <a:pt x="150026" y="75001"/>
                                </a:cubicBezTo>
                                <a:close/>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328" name="Rectangle 5328"/>
                        <wps:cNvSpPr/>
                        <wps:spPr>
                          <a:xfrm>
                            <a:off x="1824854" y="1305415"/>
                            <a:ext cx="67121"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w:t>
                              </w:r>
                            </w:p>
                          </w:txbxContent>
                        </wps:txbx>
                        <wps:bodyPr horzOverflow="overflow" vert="horz" lIns="0" tIns="0" rIns="0" bIns="0" rtlCol="0">
                          <a:noAutofit/>
                        </wps:bodyPr>
                      </wps:wsp>
                      <wps:wsp>
                        <wps:cNvPr id="5329" name="Rectangle 5329"/>
                        <wps:cNvSpPr/>
                        <wps:spPr>
                          <a:xfrm>
                            <a:off x="1955371" y="1277770"/>
                            <a:ext cx="1632623"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райвер файловой системы </w:t>
                              </w:r>
                            </w:p>
                          </w:txbxContent>
                        </wps:txbx>
                        <wps:bodyPr horzOverflow="overflow" vert="horz" lIns="0" tIns="0" rIns="0" bIns="0" rtlCol="0">
                          <a:noAutofit/>
                        </wps:bodyPr>
                      </wps:wsp>
                      <wps:wsp>
                        <wps:cNvPr id="5330" name="Rectangle 5330"/>
                        <wps:cNvSpPr/>
                        <wps:spPr>
                          <a:xfrm>
                            <a:off x="1955371" y="1386644"/>
                            <a:ext cx="1904106" cy="1134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полняет необходимую очистку </w:t>
                              </w:r>
                            </w:p>
                          </w:txbxContent>
                        </wps:txbx>
                        <wps:bodyPr horzOverflow="overflow" vert="horz" lIns="0" tIns="0" rIns="0" bIns="0" rtlCol="0">
                          <a:noAutofit/>
                        </wps:bodyPr>
                      </wps:wsp>
                      <wps:wsp>
                        <wps:cNvPr id="5331" name="Shape 5331"/>
                        <wps:cNvSpPr/>
                        <wps:spPr>
                          <a:xfrm>
                            <a:off x="1290158" y="339094"/>
                            <a:ext cx="150027" cy="150002"/>
                          </a:xfrm>
                          <a:custGeom>
                            <a:avLst/>
                            <a:gdLst/>
                            <a:ahLst/>
                            <a:cxnLst/>
                            <a:rect l="0" t="0" r="0" b="0"/>
                            <a:pathLst>
                              <a:path w="150027" h="150002">
                                <a:moveTo>
                                  <a:pt x="75013" y="0"/>
                                </a:moveTo>
                                <a:cubicBezTo>
                                  <a:pt x="116452" y="0"/>
                                  <a:pt x="150027" y="33569"/>
                                  <a:pt x="150027" y="75001"/>
                                </a:cubicBezTo>
                                <a:cubicBezTo>
                                  <a:pt x="150027" y="116433"/>
                                  <a:pt x="116452" y="150002"/>
                                  <a:pt x="75013" y="150002"/>
                                </a:cubicBezTo>
                                <a:cubicBezTo>
                                  <a:pt x="33574" y="150002"/>
                                  <a:pt x="0" y="116433"/>
                                  <a:pt x="0" y="75001"/>
                                </a:cubicBezTo>
                                <a:cubicBezTo>
                                  <a:pt x="0" y="33569"/>
                                  <a:pt x="33574" y="0"/>
                                  <a:pt x="75013" y="0"/>
                                </a:cubicBezTo>
                                <a:close/>
                              </a:path>
                            </a:pathLst>
                          </a:custGeom>
                          <a:ln w="0" cap="rnd">
                            <a:round/>
                          </a:ln>
                        </wps:spPr>
                        <wps:style>
                          <a:lnRef idx="0">
                            <a:srgbClr val="000000">
                              <a:alpha val="0"/>
                            </a:srgbClr>
                          </a:lnRef>
                          <a:fillRef idx="1">
                            <a:srgbClr val="A6A6A6"/>
                          </a:fillRef>
                          <a:effectRef idx="0">
                            <a:scrgbClr r="0" g="0" b="0"/>
                          </a:effectRef>
                          <a:fontRef idx="none"/>
                        </wps:style>
                        <wps:bodyPr/>
                      </wps:wsp>
                      <wps:wsp>
                        <wps:cNvPr id="5332" name="Shape 5332"/>
                        <wps:cNvSpPr/>
                        <wps:spPr>
                          <a:xfrm>
                            <a:off x="1290158" y="339094"/>
                            <a:ext cx="150027" cy="150002"/>
                          </a:xfrm>
                          <a:custGeom>
                            <a:avLst/>
                            <a:gdLst/>
                            <a:ahLst/>
                            <a:cxnLst/>
                            <a:rect l="0" t="0" r="0" b="0"/>
                            <a:pathLst>
                              <a:path w="150027" h="150002">
                                <a:moveTo>
                                  <a:pt x="150027" y="75001"/>
                                </a:moveTo>
                                <a:cubicBezTo>
                                  <a:pt x="150027" y="33569"/>
                                  <a:pt x="116452" y="0"/>
                                  <a:pt x="75013" y="0"/>
                                </a:cubicBezTo>
                                <a:cubicBezTo>
                                  <a:pt x="33574" y="0"/>
                                  <a:pt x="0" y="33569"/>
                                  <a:pt x="0" y="75001"/>
                                </a:cubicBezTo>
                                <a:cubicBezTo>
                                  <a:pt x="0" y="116433"/>
                                  <a:pt x="33574" y="150002"/>
                                  <a:pt x="75013" y="150002"/>
                                </a:cubicBezTo>
                                <a:cubicBezTo>
                                  <a:pt x="116452" y="150002"/>
                                  <a:pt x="150027" y="116433"/>
                                  <a:pt x="150027" y="75001"/>
                                </a:cubicBezTo>
                                <a:close/>
                              </a:path>
                            </a:pathLst>
                          </a:custGeom>
                          <a:ln w="5444" cap="rnd">
                            <a:round/>
                          </a:ln>
                        </wps:spPr>
                        <wps:style>
                          <a:lnRef idx="1">
                            <a:srgbClr val="000000"/>
                          </a:lnRef>
                          <a:fillRef idx="0">
                            <a:srgbClr val="000000">
                              <a:alpha val="0"/>
                            </a:srgbClr>
                          </a:fillRef>
                          <a:effectRef idx="0">
                            <a:scrgbClr r="0" g="0" b="0"/>
                          </a:effectRef>
                          <a:fontRef idx="none"/>
                        </wps:style>
                        <wps:bodyPr/>
                      </wps:wsp>
                      <wps:wsp>
                        <wps:cNvPr id="5333" name="Rectangle 5333"/>
                        <wps:cNvSpPr/>
                        <wps:spPr>
                          <a:xfrm>
                            <a:off x="1339915" y="359204"/>
                            <a:ext cx="67121"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4</w:t>
                              </w:r>
                            </w:p>
                          </w:txbxContent>
                        </wps:txbx>
                        <wps:bodyPr horzOverflow="overflow" vert="horz" lIns="0" tIns="0" rIns="0" bIns="0" rtlCol="0">
                          <a:noAutofit/>
                        </wps:bodyPr>
                      </wps:wsp>
                      <wps:wsp>
                        <wps:cNvPr id="5334" name="Rectangle 5334"/>
                        <wps:cNvSpPr/>
                        <wps:spPr>
                          <a:xfrm>
                            <a:off x="1477086" y="301771"/>
                            <a:ext cx="1721796" cy="1134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 процессе завершения ввода</w:t>
                              </w:r>
                            </w:p>
                          </w:txbxContent>
                        </wps:txbx>
                        <wps:bodyPr horzOverflow="overflow" vert="horz" lIns="0" tIns="0" rIns="0" bIns="0" rtlCol="0">
                          <a:noAutofit/>
                        </wps:bodyPr>
                      </wps:wsp>
                      <wps:wsp>
                        <wps:cNvPr id="5335" name="Rectangle 5335"/>
                        <wps:cNvSpPr/>
                        <wps:spPr>
                          <a:xfrm>
                            <a:off x="2771744" y="285714"/>
                            <a:ext cx="40190" cy="13454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336" name="Rectangle 5336"/>
                        <wps:cNvSpPr/>
                        <wps:spPr>
                          <a:xfrm>
                            <a:off x="2801916" y="301771"/>
                            <a:ext cx="453188" cy="1134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а </w:t>
                              </w:r>
                            </w:p>
                          </w:txbxContent>
                        </wps:txbx>
                        <wps:bodyPr horzOverflow="overflow" vert="horz" lIns="0" tIns="0" rIns="0" bIns="0" rtlCol="0">
                          <a:noAutofit/>
                        </wps:bodyPr>
                      </wps:wsp>
                      <wps:wsp>
                        <wps:cNvPr id="5337" name="Rectangle 5337"/>
                        <wps:cNvSpPr/>
                        <wps:spPr>
                          <a:xfrm>
                            <a:off x="1477086" y="410643"/>
                            <a:ext cx="2099398"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результаты помещаются в адресное </w:t>
                              </w:r>
                            </w:p>
                          </w:txbxContent>
                        </wps:txbx>
                        <wps:bodyPr horzOverflow="overflow" vert="horz" lIns="0" tIns="0" rIns="0" bIns="0" rtlCol="0">
                          <a:noAutofit/>
                        </wps:bodyPr>
                      </wps:wsp>
                      <wps:wsp>
                        <wps:cNvPr id="5338" name="Rectangle 5338"/>
                        <wps:cNvSpPr/>
                        <wps:spPr>
                          <a:xfrm>
                            <a:off x="1477086" y="519516"/>
                            <a:ext cx="2242652" cy="1134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ространство вызывающей программы </w:t>
                              </w:r>
                            </w:p>
                          </w:txbxContent>
                        </wps:txbx>
                        <wps:bodyPr horzOverflow="overflow" vert="horz" lIns="0" tIns="0" rIns="0" bIns="0" rtlCol="0">
                          <a:noAutofit/>
                        </wps:bodyPr>
                      </wps:wsp>
                      <wps:wsp>
                        <wps:cNvPr id="5339" name="Shape 5339"/>
                        <wps:cNvSpPr/>
                        <wps:spPr>
                          <a:xfrm>
                            <a:off x="17416" y="889356"/>
                            <a:ext cx="4029779" cy="0"/>
                          </a:xfrm>
                          <a:custGeom>
                            <a:avLst/>
                            <a:gdLst/>
                            <a:ahLst/>
                            <a:cxnLst/>
                            <a:rect l="0" t="0" r="0" b="0"/>
                            <a:pathLst>
                              <a:path w="4029779">
                                <a:moveTo>
                                  <a:pt x="0" y="0"/>
                                </a:moveTo>
                                <a:lnTo>
                                  <a:pt x="4029779" y="0"/>
                                </a:lnTo>
                              </a:path>
                            </a:pathLst>
                          </a:custGeom>
                          <a:ln w="16331" cap="rnd">
                            <a:round/>
                          </a:ln>
                        </wps:spPr>
                        <wps:style>
                          <a:lnRef idx="1">
                            <a:srgbClr val="000000"/>
                          </a:lnRef>
                          <a:fillRef idx="0">
                            <a:srgbClr val="000000">
                              <a:alpha val="0"/>
                            </a:srgbClr>
                          </a:fillRef>
                          <a:effectRef idx="0">
                            <a:scrgbClr r="0" g="0" b="0"/>
                          </a:effectRef>
                          <a:fontRef idx="none"/>
                        </wps:style>
                        <wps:bodyPr/>
                      </wps:wsp>
                      <wps:wsp>
                        <wps:cNvPr id="5340" name="Rectangle 5340"/>
                        <wps:cNvSpPr/>
                        <wps:spPr>
                          <a:xfrm>
                            <a:off x="2891825" y="774914"/>
                            <a:ext cx="1443488" cy="1134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wps:txbx>
                        <wps:bodyPr horzOverflow="overflow" vert="horz" lIns="0" tIns="0" rIns="0" bIns="0" rtlCol="0">
                          <a:noAutofit/>
                        </wps:bodyPr>
                      </wps:wsp>
                      <wps:wsp>
                        <wps:cNvPr id="5341" name="Rectangle 5341"/>
                        <wps:cNvSpPr/>
                        <wps:spPr>
                          <a:xfrm>
                            <a:off x="3477261" y="926126"/>
                            <a:ext cx="682278" cy="11342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 ядра</w:t>
                              </w:r>
                            </w:p>
                          </w:txbxContent>
                        </wps:txbx>
                        <wps:bodyPr horzOverflow="overflow" vert="horz" lIns="0" tIns="0" rIns="0" bIns="0" rtlCol="0">
                          <a:noAutofit/>
                        </wps:bodyPr>
                      </wps:wsp>
                    </wpg:wgp>
                  </a:graphicData>
                </a:graphic>
              </wp:inline>
            </w:drawing>
          </mc:Choice>
          <mc:Fallback>
            <w:pict>
              <v:group id="Group 61880" o:spid="_x0000_s2497" style="width:325.7pt;height:306.25pt;mso-position-horizontal-relative:char;mso-position-vertical-relative:line" coordsize="41366,3889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">
                <v:shape id="Shape 5236" o:spid="_x0000_s2498" style="position:absolute;width:8922;height:4928;visibility:visible;mso-wrap-style:square;v-text-anchor:top" coordsize="892256,4928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" path="m892256,246476c892256,110310,692503,,446117,,199730,,,110310,,246476,,382567,199730,492877,446117,492877v246386,,446139,-110310,446139,-246401xe" filled="f" strokeweight=".15122mm">
                  <v:stroke endcap="round"/>
                  <v:path arrowok="t" textboxrect="0,0,892256,492877"/>
                </v:shape>
                <v:rect id="Rectangle 5237" o:spid="_x0000_s2499" style="position:absolute;left:1886;top:1531;width:7184;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v:textbox>
                </v:rect>
                <v:rect id="Rectangle 5238" o:spid="_x0000_s2500" style="position:absolute;left:369;top:2620;width:8670;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кружения или </w:t>
                        </w:r>
                      </w:p>
                    </w:txbxContent>
                  </v:textbox>
                </v:rect>
                <v:rect id="Rectangle 5239" o:spid="_x0000_s2501" style="position:absolute;left:6888;top:2460;width:2214;height:13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DL</w:t>
                        </w:r>
                        <w:r>
                          <w:rPr>
                            <w:rFonts w:ascii="Arial" w:eastAsia="Arial" w:hAnsi="Arial" w:cs="Arial"/>
                            <w:sz w:val="14"/>
                          </w:rPr>
                          <w:t>L</w:t>
                        </w:r>
                      </w:p>
                    </w:txbxContent>
                  </v:textbox>
                </v:rect>
                <v:shape id="Shape 5241" o:spid="_x0000_s2502" style="position:absolute;left:1460;top:9965;width:7502;height:2143;visibility:visible;mso-wrap-style:square;v-text-anchor:top" coordsize="750230,2143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" path="m,214313r750230,l750230,,,,,214313xe" filled="f" strokeweight=".05042mm">
                  <v:stroke endcap="round"/>
                  <v:path arrowok="t" textboxrect="0,0,750230,214313"/>
                </v:shape>
                <v:rect id="Rectangle 5242" o:spid="_x0000_s2503" style="position:absolute;left:3331;top:10648;width:5001;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Сервисы</w:t>
                        </w:r>
                      </w:p>
                    </w:txbxContent>
                  </v:textbox>
                </v:rect>
                <v:shape id="Shape 69467" o:spid="_x0000_s2504" style="position:absolute;left:1460;top:12108;width:7502;height:2786;visibility:visible;mso-wrap-style:square;v-text-anchor:top" coordsize="750230,2786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" path="m,l750230,r,278609l,278609,,e" stroked="f" strokeweight="0">
                  <v:stroke endcap="round"/>
                  <v:path arrowok="t" textboxrect="0,0,750230,278609"/>
                </v:shape>
                <v:shape id="Shape 5244" o:spid="_x0000_s2505" style="position:absolute;left:1460;top:12108;width:7502;height:2786;visibility:visible;mso-wrap-style:square;v-text-anchor:top" coordsize="750230,2786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" path="m,278609r750230,l750230,,,,,278609xe" filled="f" strokeweight=".05042mm">
                  <v:stroke endcap="round"/>
                  <v:path arrowok="t" textboxrect="0,0,750230,278609"/>
                </v:shape>
                <v:rect id="Rectangle 5245" o:spid="_x0000_s2506" style="position:absolute;left:2850;top:12569;width:6280;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v:textbox>
                </v:rect>
                <v:rect id="Rectangle 5246" o:spid="_x0000_s2507" style="position:absolute;left:2231;top:13657;width:3329;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5247" o:spid="_x0000_s2508" style="position:absolute;left:4734;top:13497;width:402;height:13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248" o:spid="_x0000_s2509" style="position:absolute;left:5036;top:13657;width:4196;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5250" o:spid="_x0000_s2510" style="position:absolute;left:602;top:19609;width:9217;height:2787;visibility:visible;mso-wrap-style:square;v-text-anchor:top" coordsize="921709,2786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" path="m,278609r921709,l921709,,,,,278609xe" filled="f" strokeweight=".05042mm">
                  <v:stroke endcap="round"/>
                  <v:path arrowok="t" textboxrect="0,0,921709,278609"/>
                </v:shape>
                <v:rect id="Rectangle 5251" o:spid="_x0000_s2511" style="position:absolute;left:1005;top:20069;width:11188;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райвер файловой </w:t>
                        </w:r>
                      </w:p>
                    </w:txbxContent>
                  </v:textbox>
                </v:rect>
                <v:rect id="Rectangle 5252" o:spid="_x0000_s2512" style="position:absolute;left:3406;top:21158;width:4802;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системы</w:t>
                        </w:r>
                      </w:p>
                    </w:txbxContent>
                  </v:textbox>
                </v:rect>
                <v:shape id="Shape 5253" o:spid="_x0000_s2513" style="position:absolute;left:6921;top:15109;width:1505;height:4500;visibility:visible;mso-wrap-style:square;v-text-anchor:top" coordsize="150457,4500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" path="m150457,450083c150457,243754,89509,61468,,e" filled="f" strokeweight=".15122mm">
                  <v:stroke endcap="round"/>
                  <v:path arrowok="t" textboxrect="0,0,150457,450083"/>
                </v:shape>
                <v:shape id="Shape 5254" o:spid="_x0000_s2514" style="position:absolute;left:6283;top:14894;width:774;height:466;visibility:visible;mso-wrap-style:square;v-text-anchor:top" coordsize="77471,466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" path="m,l77471,151,61893,46649,,xe" fillcolor="black" stroked="f" strokeweight="0">
                  <v:stroke endcap="round"/>
                  <v:path arrowok="t" textboxrect="0,0,77471,46649"/>
                </v:shape>
                <v:shape id="Shape 5256" o:spid="_x0000_s2515" style="position:absolute;left:602;top:26682;width:9217;height:2786;visibility:visible;mso-wrap-style:square;v-text-anchor:top" coordsize="921709,2786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" path="m,278609r921709,l921709,,,,,278609xe" filled="f" strokeweight=".05042mm">
                  <v:stroke endcap="round"/>
                  <v:path arrowok="t" textboxrect="0,0,921709,278609"/>
                </v:shape>
                <v:rect id="Rectangle 5257" o:spid="_x0000_s2516" style="position:absolute;left:2078;top:27687;width:8334;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 диска</w:t>
                        </w:r>
                      </w:p>
                    </w:txbxContent>
                  </v:textbox>
                </v:rect>
                <v:shape id="Shape 5258" o:spid="_x0000_s2517" style="position:absolute;left:7276;top:22340;width:2544;height:4342;visibility:visible;mso-wrap-style:square;v-text-anchor:top" coordsize="254402,43420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" path="m254402,434206c194739,205875,92655,31528,,e" filled="f" strokeweight=".15122mm">
                  <v:stroke endcap="round"/>
                  <v:path arrowok="t" textboxrect="0,0,254402,434206"/>
                </v:shape>
                <v:shape id="Shape 5259" o:spid="_x0000_s2518" style="position:absolute;left:6604;top:22090;width:753;height:489;visibility:visible;mso-wrap-style:square;v-text-anchor:top" coordsize="75278,488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" path="m71217,r4061,48841l,30545,71217,xe" fillcolor="black" stroked="f" strokeweight="0">
                  <v:stroke endcap="round"/>
                  <v:path arrowok="t" textboxrect="0,0,75278,48841"/>
                </v:shape>
                <v:shape id="Shape 5260" o:spid="_x0000_s2519" style="position:absolute;left:5996;top:5110;width:1680;height:4855;visibility:visible;mso-wrap-style:square;v-text-anchor:top" coordsize="168016,4855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" path="m168016,485543c161815,263865,93555,66609,,e" filled="f" strokeweight=".15122mm">
                  <v:stroke endcap="round"/>
                  <v:path arrowok="t" textboxrect="0,0,168016,485543"/>
                </v:shape>
                <v:shape id="Shape 5261" o:spid="_x0000_s2520" style="position:absolute;left:5363;top:4878;width:775;height:483;visibility:visible;mso-wrap-style:square;v-text-anchor:top" coordsize="77448,483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" path="m,l77448,2268,60578,48313,,xe" fillcolor="black" stroked="f" strokeweight="0">
                  <v:stroke endcap="round"/>
                  <v:path arrowok="t" textboxrect="0,0,77448,48313"/>
                </v:shape>
                <v:rect id="Rectangle 5262" o:spid="_x0000_s2521" style="position:absolute;left:20272;top:27687;width:5217;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Текущий </w:t>
                        </w:r>
                      </w:p>
                    </w:txbxContent>
                  </v:textbox>
                </v:rect>
                <v:shape id="Shape 5263" o:spid="_x0000_s2522" style="position:absolute;left:16495;top:28075;width:2970;height:0;visibility:visible;mso-wrap-style:square;v-text-anchor:top" coordsize="29702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" path="m297028,l,e" filled="f" strokeweight=".15122mm">
                  <v:stroke endcap="round"/>
                  <v:path arrowok="t" textboxrect="0,0,297028,0"/>
                </v:shape>
                <v:shape id="Shape 5264" o:spid="_x0000_s2523" style="position:absolute;left:15821;top:27830;width:735;height:490;visibility:visible;mso-wrap-style:square;v-text-anchor:top" coordsize="73501,489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" path="m73501,r,48993l,24497,73501,xe" fillcolor="black" stroked="f" strokeweight="0">
                  <v:stroke endcap="round"/>
                  <v:path arrowok="t" textboxrect="0,0,73501,48993"/>
                </v:shape>
                <v:shape id="Shape 5266" o:spid="_x0000_s2524" style="position:absolute;left:11963;top:26467;width:3215;height:1072;visibility:visible;mso-wrap-style:square;v-text-anchor:top" coordsize="321528,1071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" path="m,107157r321528,l321528,,,,,107157xe" filled="f" strokeweight=".05042mm">
                  <v:stroke endcap="round"/>
                  <v:path arrowok="t" textboxrect="0,0,321528,107157"/>
                </v:shape>
                <v:rect id="Rectangle 5267" o:spid="_x0000_s2525" style="position:absolute;left:12814;top:26454;width:2012;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shape id="Shape 5269" o:spid="_x0000_s2526" style="position:absolute;left:11963;top:28611;width:3215;height:1071;visibility:visible;mso-wrap-style:square;v-text-anchor:top" coordsize="321528,1071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" path="m,107157r321528,l321528,,,,,107157xe" filled="f" strokeweight=".05042mm">
                  <v:stroke endcap="round"/>
                  <v:path arrowok="t" textboxrect="0,0,321528,107157"/>
                </v:shape>
                <v:shape id="Shape 69468" o:spid="_x0000_s2527" style="position:absolute;left:11963;top:27539;width:3215;height:1071;visibility:visible;mso-wrap-style:square;v-text-anchor:top" coordsize="321528,1071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" path="m,l321528,r,107157l,107157,,e" fillcolor="#a6a6a6" stroked="f" strokeweight="0">
                  <v:stroke endcap="round"/>
                  <v:path arrowok="t" textboxrect="0,0,321528,107157"/>
                </v:shape>
                <v:shape id="Shape 5271" o:spid="_x0000_s2528" style="position:absolute;left:11963;top:27539;width:3215;height:1071;visibility:visible;mso-wrap-style:square;v-text-anchor:top" coordsize="321528,1071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" path="m,107157r321528,l321528,,,,,107157xe" filled="f" strokeweight=".05042mm">
                  <v:stroke endcap="round"/>
                  <v:path arrowok="t" textboxrect="0,0,321528,107157"/>
                </v:shape>
                <v:shape id="Picture 67489" o:spid="_x0000_s2529" type="#_x0000_t75" style="position:absolute;left:3339;top:35027;width:5425;height:313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">
                  <v:imagedata r:id="rId84" o:title=""/>
                </v:shape>
                <v:shape id="Picture 67490" o:spid="_x0000_s2530" type="#_x0000_t75" style="position:absolute;left:5655;top:36358;width:3109;height:25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">
                  <v:imagedata r:id="rId85" o:title=""/>
                </v:shape>
                <v:shape id="Shape 5277" o:spid="_x0000_s2531" style="position:absolute;left:5686;top:36407;width:3061;height:2487;visibility:visible;mso-wrap-style:square;v-text-anchor:top" coordsize="306185,2487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" path="m,248759l290911,80369r,-15310l306185,57400,306185,,,176041r,72718xe" filled="f" strokecolor="white" strokeweight=".15122mm">
                  <v:stroke endcap="round"/>
                  <v:path arrowok="t" textboxrect="0,0,306185,248759"/>
                </v:shape>
                <v:shape id="Picture 67491" o:spid="_x0000_s2532" type="#_x0000_t75" style="position:absolute;left:3339;top:36775;width:2346;height:213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">
                  <v:imagedata r:id="rId86" o:title=""/>
                </v:shape>
                <v:shape id="Shape 5280" o:spid="_x0000_s2533" style="position:absolute;left:3389;top:36828;width:2297;height:2066;visibility:visible;mso-wrap-style:square;v-text-anchor:top" coordsize="229660,2066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" path="m,57408r15313,9564l15313,82282,229660,206662r,-72718l,,,57408xe" filled="f" strokeweight=".15122mm">
                  <v:stroke endcap="round"/>
                  <v:path arrowok="t" textboxrect="0,0,229660,206662"/>
                </v:shape>
                <v:shape id="Shape 5281" o:spid="_x0000_s2534" style="position:absolute;left:3389;top:35067;width:5358;height:3827;visibility:visible;mso-wrap-style:square;v-text-anchor:top" coordsize="535845,3827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" path="m,176049r,57408l15313,243021r,15310l229660,382711,520570,214321r,-15311l535845,191352r,-57400l306215,,,176049xe" filled="f" strokeweight=".31503mm">
                  <v:stroke endcap="round"/>
                  <v:path arrowok="t" textboxrect="0,0,535845,382711"/>
                </v:shape>
                <v:shape id="Picture 67492" o:spid="_x0000_s2535" type="#_x0000_t75" style="position:absolute;left:5269;top:38014;width:213;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">
                  <v:imagedata r:id="rId87" o:title=""/>
                </v:shape>
                <v:shape id="Shape 5284" o:spid="_x0000_s2536" style="position:absolute;left:5298;top:38060;width:161;height:243;visibility:visible;mso-wrap-style:square;v-text-anchor:top" coordsize="16129,242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" path="m,15689r16129,8588l16129,8922,,,,15689xe" filled="f" strokeweight=".05042mm">
                  <v:stroke endcap="round"/>
                  <v:path arrowok="t" textboxrect="0,0,16129,24277"/>
                </v:shape>
                <v:shape id="Picture 67493" o:spid="_x0000_s2537" type="#_x0000_t75" style="position:absolute;left:3714;top:37120;width:397;height:61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">
                  <v:imagedata r:id="rId88" o:title=""/>
                </v:shape>
                <v:shape id="Shape 5287" o:spid="_x0000_s2538" style="position:absolute;left:3745;top:37169;width:360;height:542;visibility:visible;mso-wrap-style:square;v-text-anchor:top" coordsize="35987,5417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" path="m,35013l35987,54172r,-34272l,,,35013xe" filled="f" strokeweight=".05042mm">
                  <v:stroke endcap="round"/>
                  <v:path arrowok="t" textboxrect="0,0,35987,54172"/>
                </v:shape>
                <v:shape id="Picture 67494" o:spid="_x0000_s2539" type="#_x0000_t75" style="position:absolute;left:4802;top:37760;width:213;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">
                  <v:imagedata r:id="rId89" o:title=""/>
                </v:shape>
                <v:shape id="Shape 5290" o:spid="_x0000_s2540" style="position:absolute;left:4843;top:37802;width:162;height:243;visibility:visible;mso-wrap-style:square;v-text-anchor:top" coordsize="16129,2428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" path="m,15688r16129,8597l16129,8922,,,,15688xe" filled="f" strokeweight=".05042mm">
                  <v:stroke endcap="round"/>
                  <v:path arrowok="t" textboxrect="0,0,16129,24285"/>
                </v:shape>
                <v:shape id="Shape 5291" o:spid="_x0000_s2541" style="position:absolute;left:8310;top:32274;width:6670;height:4033;visibility:visible;mso-wrap-style:square;v-text-anchor:top" coordsize="666952,4032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" path="m,403253l607894,190195,131197,187783,666952,e" filled="f" strokeweight=".15122mm">
                  <v:stroke endcap="round"/>
                  <v:path arrowok="t" textboxrect="0,0,666952,403253"/>
                </v:shape>
                <v:shape id="Shape 5292" o:spid="_x0000_s2542" style="position:absolute;left:14841;top:32051;width:775;height:475;visibility:visible;mso-wrap-style:square;v-text-anchor:top" coordsize="77433,474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" path="m77433,l16182,47481,,1210,77433,xe" fillcolor="black" stroked="f" strokeweight="0">
                  <v:stroke endcap="round"/>
                  <v:path arrowok="t" textboxrect="0,0,77433,47481"/>
                </v:shape>
                <v:shape id="Shape 5293" o:spid="_x0000_s2543" style="position:absolute;left:16250;top:31195;width:1500;height:1500;visibility:visible;mso-wrap-style:square;v-text-anchor:top" coordsize="150027,1500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" path="m75013,v41439,,75014,33569,75014,75001c150027,116434,116452,150003,75013,150003,33575,150003,,116434,,75001,,33569,33575,,75013,xe" fillcolor="#a6a6a6" stroked="f" strokeweight="0">
                  <v:stroke endcap="round"/>
                  <v:path arrowok="t" textboxrect="0,0,150027,150003"/>
                </v:shape>
                <v:shape id="Shape 5294" o:spid="_x0000_s2544" style="position:absolute;left:16250;top:31195;width:1500;height:1500;visibility:visible;mso-wrap-style:square;v-text-anchor:top" coordsize="150027,1500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" path="m150027,75001c150027,33569,116452,,75013,,33575,,,33569,,75001v,41433,33575,75002,75013,75002c116452,150003,150027,116434,150027,75001xe" filled="f" strokeweight=".15122mm">
                  <v:stroke endcap="round"/>
                  <v:path arrowok="t" textboxrect="0,0,150027,150003"/>
                </v:shape>
                <v:rect id="Rectangle 5295" o:spid="_x0000_s2545" style="position:absolute;left:16748;top:31396;width:671;height:13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rect id="Rectangle 5296" o:spid="_x0000_s2546" style="position:absolute;left:18105;top:31006;width:13539;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озникают прерывания </w:t>
                        </w:r>
                      </w:p>
                    </w:txbxContent>
                  </v:textbox>
                </v:rect>
                <v:rect id="Rectangle 5297" o:spid="_x0000_s2547" style="position:absolute;left:19126;top:32095;width:10487;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уровня устройства</w:t>
                        </w:r>
                      </w:p>
                    </w:txbxContent>
                  </v:textbox>
                </v:rect>
                <v:shape id="Shape 5298" o:spid="_x0000_s2548" style="position:absolute;left:21609;top:21967;width:1501;height:1500;visibility:visible;mso-wrap-style:square;v-text-anchor:top" coordsize="150102,1500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" path="m75014,v41438,,75088,33569,75088,75001c150102,116433,116452,150002,75014,150002,33575,150002,,116433,,75001,,33569,33575,,75014,xe" fillcolor="#a6a6a6" stroked="f" strokeweight="0">
                  <v:stroke endcap="round"/>
                  <v:path arrowok="t" textboxrect="0,0,150102,150002"/>
                </v:shape>
                <v:shape id="Shape 5299" o:spid="_x0000_s2549" style="position:absolute;left:21609;top:21967;width:1501;height:1500;visibility:visible;mso-wrap-style:square;v-text-anchor:top" coordsize="150102,1500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" path="m150102,75001c150102,33569,116452,,75014,,33575,,,33569,,75001v,41432,33575,75001,75014,75001c116452,150002,150102,116433,150102,75001xe" filled="f" strokeweight=".15122mm">
                  <v:stroke endcap="round"/>
                  <v:path arrowok="t" textboxrect="0,0,150102,150002"/>
                </v:shape>
                <v:rect id="Rectangle 5300" o:spid="_x0000_s2550" style="position:absolute;left:22107;top:22168;width:671;height:13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rect id="Rectangle 5301" o:spid="_x0000_s2551" style="position:absolute;left:23452;top:22295;width:23155;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 диска обслуживает прерывание</w:t>
                        </w:r>
                      </w:p>
                    </w:txbxContent>
                  </v:textbox>
                </v:rect>
                <v:rect id="Rectangle 5302" o:spid="_x0000_s2552" style="position:absolute;left:40862;top:22134;width:670;height:13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303" o:spid="_x0000_s2553" style="position:absolute;left:23452;top:23383;width:21691;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сле чего посылает для завершения </w:t>
                        </w:r>
                      </w:p>
                    </w:txbxContent>
                  </v:textbox>
                </v:rect>
                <v:rect id="Rectangle 5304" o:spid="_x0000_s2554" style="position:absolute;left:23452;top:24472;width:3329;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5305" o:spid="_x0000_s2555" style="position:absolute;left:25955;top:24311;width:402;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306" o:spid="_x0000_s2556" style="position:absolute;left:26258;top:24472;width:4531;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а </w:t>
                        </w:r>
                      </w:p>
                    </w:txbxContent>
                  </v:textbox>
                </v:rect>
                <v:rect id="Rectangle 5307" o:spid="_x0000_s2557" style="position:absolute;left:29665;top:24311;width:2548;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5308" o:spid="_x0000_s2558" style="position:absolute;left:31580;top:24311;width:671;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309" o:spid="_x0000_s2559" style="position:absolute;left:32085;top:24472;width:4971;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который </w:t>
                        </w:r>
                      </w:p>
                    </w:txbxContent>
                  </v:textbox>
                </v:rect>
                <v:rect id="Rectangle 5310" o:spid="_x0000_s2560" style="position:absolute;left:23452;top:25561;width:671;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311" o:spid="_x0000_s2561" style="position:absolute;left:23956;top:25561;width:7176;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ыталкивает</w:t>
                        </w:r>
                      </w:p>
                    </w:txbxContent>
                  </v:textbox>
                </v:rect>
                <v:rect id="Rectangle 5312" o:spid="_x0000_s2562" style="position:absolute;left:29352;top:25561;width:1007;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313" o:spid="_x0000_s2563" style="position:absolute;left:30109;top:25561;width:12072;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торой блок из стека </w:t>
                        </w:r>
                      </w:p>
                    </w:txbxContent>
                  </v:textbox>
                </v:rect>
                <v:rect id="Rectangle 5314" o:spid="_x0000_s2564" style="position:absolute;left:39185;top:25400;width:2347;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P </w:t>
                        </w:r>
                      </w:p>
                    </w:txbxContent>
                  </v:textbox>
                </v:rect>
                <v:rect id="Rectangle 5315" o:spid="_x0000_s2565" style="position:absolute;left:23452;top:26649;width:22688;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и вызывает драйвер файловой системы</w:t>
                        </w:r>
                      </w:p>
                    </w:txbxContent>
                  </v:textbox>
                </v:rect>
                <v:rect id="Rectangle 5316" o:spid="_x0000_s2566" style="position:absolute;left:20272;top:17614;width:5217;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Текущий </w:t>
                        </w:r>
                      </w:p>
                    </w:txbxContent>
                  </v:textbox>
                </v:rect>
                <v:shape id="Shape 5317" o:spid="_x0000_s2567" style="position:absolute;left:16495;top:18002;width:2970;height:0;visibility:visible;mso-wrap-style:square;v-text-anchor:top" coordsize="29702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" path="m297028,l,e" filled="f" strokeweight=".15122mm">
                  <v:stroke endcap="round"/>
                  <v:path arrowok="t" textboxrect="0,0,297028,0"/>
                </v:shape>
                <v:shape id="Shape 5318" o:spid="_x0000_s2568" style="position:absolute;left:15821;top:17757;width:735;height:490;visibility:visible;mso-wrap-style:square;v-text-anchor:top" coordsize="73501,489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" path="m73501,r,48993l,24496,73501,xe" fillcolor="black" stroked="f" strokeweight="0">
                  <v:stroke endcap="round"/>
                  <v:path arrowok="t" textboxrect="0,0,73501,48993"/>
                </v:shape>
                <v:shape id="Shape 5320" o:spid="_x0000_s2569" style="position:absolute;left:11963;top:16394;width:3215;height:1072;visibility:visible;mso-wrap-style:square;v-text-anchor:top" coordsize="321528,10715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" path="m,107156r321528,l321528,,,,,107156xe" filled="f" strokeweight=".05042mm">
                  <v:stroke endcap="round"/>
                  <v:path arrowok="t" textboxrect="0,0,321528,107156"/>
                </v:shape>
                <v:rect id="Rectangle 5321" o:spid="_x0000_s2570" style="position:absolute;left:12814;top:16381;width:2012;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shape id="Shape 5323" o:spid="_x0000_s2571" style="position:absolute;left:11963;top:18538;width:3215;height:1071;visibility:visible;mso-wrap-style:square;v-text-anchor:top" coordsize="321528,1071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" path="m,107157r321528,l321528,,,,,107157xe" filled="f" strokeweight=".05042mm">
                  <v:stroke endcap="round"/>
                  <v:path arrowok="t" textboxrect="0,0,321528,107157"/>
                </v:shape>
                <v:shape id="Shape 69469" o:spid="_x0000_s2572" style="position:absolute;left:11963;top:17466;width:3215;height:1071;visibility:visible;mso-wrap-style:square;v-text-anchor:top" coordsize="321528,1071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" path="m,l321528,r,107157l,107157,,e" fillcolor="#a6a6a6" stroked="f" strokeweight="0">
                  <v:stroke endcap="round"/>
                  <v:path arrowok="t" textboxrect="0,0,321528,107157"/>
                </v:shape>
                <v:shape id="Shape 5325" o:spid="_x0000_s2573" style="position:absolute;left:11963;top:17466;width:3215;height:1071;visibility:visible;mso-wrap-style:square;v-text-anchor:top" coordsize="321528,1071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" path="m,107157r321528,l321528,,,,,107157xe" filled="f" strokeweight=".05042mm">
                  <v:stroke endcap="round"/>
                  <v:path arrowok="t" textboxrect="0,0,321528,107157"/>
                </v:shape>
                <v:shape id="Shape 5326" o:spid="_x0000_s2574" style="position:absolute;left:17750;top:12853;width:1501;height:1500;visibility:visible;mso-wrap-style:square;v-text-anchor:top" coordsize="150026,1500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" path="m75013,v41439,,75013,33569,75013,75001c150026,116433,116452,150003,75013,150003,33574,150003,,116433,,75001,,33569,33574,,75013,xe" fillcolor="#a6a6a6" stroked="f" strokeweight="0">
                  <v:stroke endcap="round"/>
                  <v:path arrowok="t" textboxrect="0,0,150026,150003"/>
                </v:shape>
                <v:shape id="Shape 5327" o:spid="_x0000_s2575" style="position:absolute;left:17750;top:12853;width:1501;height:1500;visibility:visible;mso-wrap-style:square;v-text-anchor:top" coordsize="150026,1500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" path="m150026,75001c150026,33569,116452,,75013,,33574,,,33569,,75001v,41432,33574,75002,75013,75002c116452,150003,150026,116433,150026,75001xe" filled="f" strokeweight=".15122mm">
                  <v:stroke endcap="round"/>
                  <v:path arrowok="t" textboxrect="0,0,150026,150003"/>
                </v:shape>
                <v:rect id="Rectangle 5328" o:spid="_x0000_s2576" style="position:absolute;left:18248;top:13054;width:671;height:13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3</w:t>
                        </w:r>
                      </w:p>
                    </w:txbxContent>
                  </v:textbox>
                </v:rect>
                <v:rect id="Rectangle 5329" o:spid="_x0000_s2577" style="position:absolute;left:19553;top:12777;width:16326;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райвер файловой системы </w:t>
                        </w:r>
                      </w:p>
                    </w:txbxContent>
                  </v:textbox>
                </v:rect>
                <v:rect id="Rectangle 5330" o:spid="_x0000_s2578" style="position:absolute;left:19553;top:13866;width:19041;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полняет необходимую очистку </w:t>
                        </w:r>
                      </w:p>
                    </w:txbxContent>
                  </v:textbox>
                </v:rect>
                <v:shape id="Shape 5331" o:spid="_x0000_s2579" style="position:absolute;left:12901;top:3390;width:1500;height:1500;visibility:visible;mso-wrap-style:square;v-text-anchor:top" coordsize="150027,1500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" path="m75013,v41439,,75014,33569,75014,75001c150027,116433,116452,150002,75013,150002,33574,150002,,116433,,75001,,33569,33574,,75013,xe" fillcolor="#a6a6a6" stroked="f" strokeweight="0">
                  <v:stroke endcap="round"/>
                  <v:path arrowok="t" textboxrect="0,0,150027,150002"/>
                </v:shape>
                <v:shape id="Shape 5332" o:spid="_x0000_s2580" style="position:absolute;left:12901;top:3390;width:1500;height:1500;visibility:visible;mso-wrap-style:square;v-text-anchor:top" coordsize="150027,1500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" path="m150027,75001c150027,33569,116452,,75013,,33574,,,33569,,75001v,41432,33574,75001,75013,75001c116452,150002,150027,116433,150027,75001xe" filled="f" strokeweight=".15122mm">
                  <v:stroke endcap="round"/>
                  <v:path arrowok="t" textboxrect="0,0,150027,150002"/>
                </v:shape>
                <v:rect id="Rectangle 5333" o:spid="_x0000_s2581" style="position:absolute;left:13399;top:3592;width:671;height:13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4</w:t>
                        </w:r>
                      </w:p>
                    </w:txbxContent>
                  </v:textbox>
                </v:rect>
                <v:rect id="Rectangle 5334" o:spid="_x0000_s2582" style="position:absolute;left:14770;top:3017;width:17218;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 процессе завершения ввода</w:t>
                        </w:r>
                      </w:p>
                    </w:txbxContent>
                  </v:textbox>
                </v:rect>
                <v:rect id="Rectangle 5335" o:spid="_x0000_s2583" style="position:absolute;left:27717;top:2857;width:402;height:13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336" o:spid="_x0000_s2584" style="position:absolute;left:28019;top:3017;width:4532;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а </w:t>
                        </w:r>
                      </w:p>
                    </w:txbxContent>
                  </v:textbox>
                </v:rect>
                <v:rect id="Rectangle 5337" o:spid="_x0000_s2585" style="position:absolute;left:14770;top:4106;width:20994;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результаты помещаются в адресное </w:t>
                        </w:r>
                      </w:p>
                    </w:txbxContent>
                  </v:textbox>
                </v:rect>
                <v:rect id="Rectangle 5338" o:spid="_x0000_s2586" style="position:absolute;left:14770;top:5195;width:22427;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ространство вызывающей программы </w:t>
                        </w:r>
                      </w:p>
                    </w:txbxContent>
                  </v:textbox>
                </v:rect>
                <v:shape id="Shape 5339" o:spid="_x0000_s2587" style="position:absolute;left:174;top:8893;width:40297;height:0;visibility:visible;mso-wrap-style:square;v-text-anchor:top" coordsize="402977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" path="m,l4029779,e" filled="f" strokeweight=".45364mm">
                  <v:stroke endcap="round"/>
                  <v:path arrowok="t" textboxrect="0,0,4029779,0"/>
                </v:shape>
                <v:rect id="Rectangle 5340" o:spid="_x0000_s2588" style="position:absolute;left:28918;top:7749;width:14435;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v:textbox>
                </v:rect>
                <v:rect id="Rectangle 5341" o:spid="_x0000_s2589" style="position:absolute;left:34772;top:9261;width:6823;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Режим ядра</w:t>
                        </w:r>
                      </w:p>
                    </w:txbxContent>
                  </v:textbox>
                </v:rect>
                <w10:anchorlock/>
              </v:group>
            </w:pict>
          </mc:Fallback>
        </mc:AlternateContent>
      </w:r>
    </w:p>
    <w:p w:rsidR="0043064D" w:rsidRDefault="008B3C4B">
      <w:pPr>
        <w:spacing w:after="297" w:line="259" w:lineRule="auto"/>
        <w:ind w:left="0" w:right="973" w:firstLine="0"/>
        <w:jc w:val="right"/>
      </w:pPr>
      <w:r>
        <w:t xml:space="preserve"> </w:t>
      </w:r>
    </w:p>
    <w:p w:rsidR="0043064D" w:rsidRDefault="008B3C4B">
      <w:pPr>
        <w:spacing w:after="350"/>
        <w:ind w:left="178" w:right="1"/>
      </w:pPr>
      <w:r>
        <w:t xml:space="preserve">Рис. 17. Завершение обработки запроса на ввод-вывод к многоуровневым драйверам </w:t>
      </w:r>
    </w:p>
    <w:p w:rsidR="0043064D" w:rsidRDefault="008B3C4B">
      <w:pPr>
        <w:spacing w:after="11"/>
        <w:ind w:left="-5" w:right="1"/>
      </w:pPr>
      <w:r>
        <w:t>В качестве альтернативы повторному использованию единственного I</w:t>
      </w:r>
      <w:r>
        <w:t>RP файловая система может создать группу сопоставленных IRP (</w:t>
      </w:r>
      <w:proofErr w:type="spellStart"/>
      <w:r>
        <w:t>associated</w:t>
      </w:r>
      <w:proofErr w:type="spellEnd"/>
      <w:r>
        <w:t xml:space="preserve"> </w:t>
      </w:r>
      <w:proofErr w:type="spellStart"/>
      <w:r>
        <w:t>IRPs</w:t>
      </w:r>
      <w:proofErr w:type="spellEnd"/>
      <w:r>
        <w:t>), которые будут обрабатываться параллельно. Например, если данные, которые нужно считать из файла, разбросаны по всему диску, драйвер файловой системы может создать несколько IRP,</w:t>
      </w:r>
      <w:r>
        <w:t xml:space="preserve"> каждый из которых инициирует чтение данных из отдельного сектора. Этот случай иллюстрирует Рис. 18. </w:t>
      </w:r>
    </w:p>
    <w:p w:rsidR="0043064D" w:rsidRDefault="008B3C4B">
      <w:pPr>
        <w:spacing w:after="139" w:line="259" w:lineRule="auto"/>
        <w:ind w:left="1342" w:firstLine="0"/>
        <w:jc w:val="left"/>
      </w:pPr>
      <w:r>
        <w:rPr>
          <w:rFonts w:ascii="Calibri" w:eastAsia="Calibri" w:hAnsi="Calibri" w:cs="Calibri"/>
          <w:noProof/>
          <w:sz w:val="22"/>
        </w:rPr>
        <mc:AlternateContent>
          <mc:Choice Requires="wpg">
            <w:drawing>
              <wp:inline distT="0" distB="0" distL="0" distR="0">
                <wp:extent cx="4135921" cy="3720852"/>
                <wp:effectExtent l="0" t="0" r="0" b="0"/>
                <wp:docPr id="61884" name="Group 61884"/>
                <wp:cNvGraphicFramePr/>
                <a:graphic xmlns:a="http://schemas.openxmlformats.org/drawingml/2006/main">
                  <a:graphicData uri="http://schemas.microsoft.com/office/word/2010/wordprocessingGroup">
                    <wpg:wgp>
                      <wpg:cNvGrpSpPr/>
                      <wpg:grpSpPr>
                        <a:xfrm>
                          <a:off x="0" y="0"/>
                          <a:ext cx="4135921" cy="3720852"/>
                          <a:chOff x="0" y="0"/>
                          <a:chExt cx="4135921" cy="3720852"/>
                        </a:xfrm>
                      </wpg:grpSpPr>
                      <wps:wsp>
                        <wps:cNvPr id="5379" name="Shape 5379"/>
                        <wps:cNvSpPr/>
                        <wps:spPr>
                          <a:xfrm>
                            <a:off x="1591135" y="0"/>
                            <a:ext cx="959453" cy="443304"/>
                          </a:xfrm>
                          <a:custGeom>
                            <a:avLst/>
                            <a:gdLst/>
                            <a:ahLst/>
                            <a:cxnLst/>
                            <a:rect l="0" t="0" r="0" b="0"/>
                            <a:pathLst>
                              <a:path w="959453" h="443304">
                                <a:moveTo>
                                  <a:pt x="959453" y="221614"/>
                                </a:moveTo>
                                <a:cubicBezTo>
                                  <a:pt x="959453" y="99223"/>
                                  <a:pt x="744655" y="0"/>
                                  <a:pt x="479689" y="0"/>
                                </a:cubicBezTo>
                                <a:cubicBezTo>
                                  <a:pt x="214722" y="0"/>
                                  <a:pt x="0" y="99223"/>
                                  <a:pt x="0" y="221614"/>
                                </a:cubicBezTo>
                                <a:cubicBezTo>
                                  <a:pt x="0" y="344081"/>
                                  <a:pt x="214722" y="443304"/>
                                  <a:pt x="479689" y="443304"/>
                                </a:cubicBezTo>
                                <a:cubicBezTo>
                                  <a:pt x="744655" y="443304"/>
                                  <a:pt x="959453" y="344081"/>
                                  <a:pt x="959453" y="221614"/>
                                </a:cubicBezTo>
                                <a:close/>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380" name="Rectangle 5380"/>
                        <wps:cNvSpPr/>
                        <wps:spPr>
                          <a:xfrm>
                            <a:off x="1810820" y="127600"/>
                            <a:ext cx="725479"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wps:txbx>
                        <wps:bodyPr horzOverflow="overflow" vert="horz" lIns="0" tIns="0" rIns="0" bIns="0" rtlCol="0">
                          <a:noAutofit/>
                        </wps:bodyPr>
                      </wps:wsp>
                      <wps:wsp>
                        <wps:cNvPr id="5381" name="Rectangle 5381"/>
                        <wps:cNvSpPr/>
                        <wps:spPr>
                          <a:xfrm>
                            <a:off x="1657644" y="237340"/>
                            <a:ext cx="875495"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кружения или </w:t>
                              </w:r>
                            </w:p>
                          </w:txbxContent>
                        </wps:txbx>
                        <wps:bodyPr horzOverflow="overflow" vert="horz" lIns="0" tIns="0" rIns="0" bIns="0" rtlCol="0">
                          <a:noAutofit/>
                        </wps:bodyPr>
                      </wps:wsp>
                      <wps:wsp>
                        <wps:cNvPr id="5382" name="Rectangle 5382"/>
                        <wps:cNvSpPr/>
                        <wps:spPr>
                          <a:xfrm>
                            <a:off x="2315936" y="221155"/>
                            <a:ext cx="223567"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LL</w:t>
                              </w:r>
                            </w:p>
                          </w:txbxContent>
                        </wps:txbx>
                        <wps:bodyPr horzOverflow="overflow" vert="horz" lIns="0" tIns="0" rIns="0" bIns="0" rtlCol="0">
                          <a:noAutofit/>
                        </wps:bodyPr>
                      </wps:wsp>
                      <wps:wsp>
                        <wps:cNvPr id="5383" name="Shape 5383"/>
                        <wps:cNvSpPr/>
                        <wps:spPr>
                          <a:xfrm>
                            <a:off x="64936" y="480875"/>
                            <a:ext cx="151512" cy="151198"/>
                          </a:xfrm>
                          <a:custGeom>
                            <a:avLst/>
                            <a:gdLst/>
                            <a:ahLst/>
                            <a:cxnLst/>
                            <a:rect l="0" t="0" r="0" b="0"/>
                            <a:pathLst>
                              <a:path w="151512" h="151198">
                                <a:moveTo>
                                  <a:pt x="75756" y="0"/>
                                </a:moveTo>
                                <a:cubicBezTo>
                                  <a:pt x="117601" y="0"/>
                                  <a:pt x="151512" y="33837"/>
                                  <a:pt x="151512" y="75599"/>
                                </a:cubicBezTo>
                                <a:cubicBezTo>
                                  <a:pt x="151512" y="117361"/>
                                  <a:pt x="117601" y="151198"/>
                                  <a:pt x="75756" y="151198"/>
                                </a:cubicBezTo>
                                <a:cubicBezTo>
                                  <a:pt x="33919" y="151198"/>
                                  <a:pt x="0" y="117361"/>
                                  <a:pt x="0" y="75599"/>
                                </a:cubicBezTo>
                                <a:cubicBezTo>
                                  <a:pt x="0" y="33837"/>
                                  <a:pt x="33919" y="0"/>
                                  <a:pt x="75756"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384" name="Shape 5384"/>
                        <wps:cNvSpPr/>
                        <wps:spPr>
                          <a:xfrm>
                            <a:off x="64936" y="480875"/>
                            <a:ext cx="151512" cy="151198"/>
                          </a:xfrm>
                          <a:custGeom>
                            <a:avLst/>
                            <a:gdLst/>
                            <a:ahLst/>
                            <a:cxnLst/>
                            <a:rect l="0" t="0" r="0" b="0"/>
                            <a:pathLst>
                              <a:path w="151512" h="151198">
                                <a:moveTo>
                                  <a:pt x="151512" y="75599"/>
                                </a:moveTo>
                                <a:cubicBezTo>
                                  <a:pt x="151512" y="33837"/>
                                  <a:pt x="117601" y="0"/>
                                  <a:pt x="75756" y="0"/>
                                </a:cubicBezTo>
                                <a:cubicBezTo>
                                  <a:pt x="33919" y="0"/>
                                  <a:pt x="0" y="33837"/>
                                  <a:pt x="0" y="75599"/>
                                </a:cubicBezTo>
                                <a:cubicBezTo>
                                  <a:pt x="0" y="117361"/>
                                  <a:pt x="33919" y="151198"/>
                                  <a:pt x="75756" y="151198"/>
                                </a:cubicBezTo>
                                <a:cubicBezTo>
                                  <a:pt x="117601" y="151198"/>
                                  <a:pt x="151512" y="117361"/>
                                  <a:pt x="151512" y="75599"/>
                                </a:cubicBezTo>
                                <a:close/>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385" name="Rectangle 5385"/>
                        <wps:cNvSpPr/>
                        <wps:spPr>
                          <a:xfrm>
                            <a:off x="115211" y="501146"/>
                            <a:ext cx="67779"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5386" name="Rectangle 5386"/>
                        <wps:cNvSpPr/>
                        <wps:spPr>
                          <a:xfrm>
                            <a:off x="255208" y="516720"/>
                            <a:ext cx="1219172"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зов сервиса ввода</w:t>
                              </w:r>
                            </w:p>
                          </w:txbxContent>
                        </wps:txbx>
                        <wps:bodyPr horzOverflow="overflow" vert="horz" lIns="0" tIns="0" rIns="0" bIns="0" rtlCol="0">
                          <a:noAutofit/>
                        </wps:bodyPr>
                      </wps:wsp>
                      <wps:wsp>
                        <wps:cNvPr id="5387" name="Rectangle 5387"/>
                        <wps:cNvSpPr/>
                        <wps:spPr>
                          <a:xfrm>
                            <a:off x="1171923" y="500536"/>
                            <a:ext cx="40584"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388" name="Rectangle 5388"/>
                        <wps:cNvSpPr/>
                        <wps:spPr>
                          <a:xfrm>
                            <a:off x="1202390" y="516720"/>
                            <a:ext cx="423732"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5389" name="Rectangle 5389"/>
                        <wps:cNvSpPr/>
                        <wps:spPr>
                          <a:xfrm>
                            <a:off x="2844419" y="398292"/>
                            <a:ext cx="1717699"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озврат кода незавершенной </w:t>
                              </w:r>
                            </w:p>
                          </w:txbxContent>
                        </wps:txbx>
                        <wps:bodyPr horzOverflow="overflow" vert="horz" lIns="0" tIns="0" rIns="0" bIns="0" rtlCol="0">
                          <a:noAutofit/>
                        </wps:bodyPr>
                      </wps:wsp>
                      <wps:wsp>
                        <wps:cNvPr id="5390" name="Rectangle 5390"/>
                        <wps:cNvSpPr/>
                        <wps:spPr>
                          <a:xfrm>
                            <a:off x="2844419" y="508032"/>
                            <a:ext cx="913064"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операции ввода</w:t>
                              </w:r>
                            </w:p>
                          </w:txbxContent>
                        </wps:txbx>
                        <wps:bodyPr horzOverflow="overflow" vert="horz" lIns="0" tIns="0" rIns="0" bIns="0" rtlCol="0">
                          <a:noAutofit/>
                        </wps:bodyPr>
                      </wps:wsp>
                      <wps:wsp>
                        <wps:cNvPr id="5391" name="Rectangle 5391"/>
                        <wps:cNvSpPr/>
                        <wps:spPr>
                          <a:xfrm>
                            <a:off x="3530964" y="491847"/>
                            <a:ext cx="40584"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392" name="Rectangle 5392"/>
                        <wps:cNvSpPr/>
                        <wps:spPr>
                          <a:xfrm>
                            <a:off x="3561432" y="508032"/>
                            <a:ext cx="457630"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а </w:t>
                              </w:r>
                            </w:p>
                          </w:txbxContent>
                        </wps:txbx>
                        <wps:bodyPr horzOverflow="overflow" vert="horz" lIns="0" tIns="0" rIns="0" bIns="0" rtlCol="0">
                          <a:noAutofit/>
                        </wps:bodyPr>
                      </wps:wsp>
                      <wps:wsp>
                        <wps:cNvPr id="5393" name="Shape 5393"/>
                        <wps:cNvSpPr/>
                        <wps:spPr>
                          <a:xfrm>
                            <a:off x="2662378" y="372888"/>
                            <a:ext cx="151497" cy="151198"/>
                          </a:xfrm>
                          <a:custGeom>
                            <a:avLst/>
                            <a:gdLst/>
                            <a:ahLst/>
                            <a:cxnLst/>
                            <a:rect l="0" t="0" r="0" b="0"/>
                            <a:pathLst>
                              <a:path w="151497" h="151198">
                                <a:moveTo>
                                  <a:pt x="75748" y="0"/>
                                </a:moveTo>
                                <a:cubicBezTo>
                                  <a:pt x="117593" y="0"/>
                                  <a:pt x="151497" y="33837"/>
                                  <a:pt x="151497" y="75599"/>
                                </a:cubicBezTo>
                                <a:cubicBezTo>
                                  <a:pt x="151497" y="117361"/>
                                  <a:pt x="117593" y="151198"/>
                                  <a:pt x="75748" y="151198"/>
                                </a:cubicBezTo>
                                <a:cubicBezTo>
                                  <a:pt x="33903" y="151198"/>
                                  <a:pt x="0" y="117361"/>
                                  <a:pt x="0" y="75599"/>
                                </a:cubicBezTo>
                                <a:cubicBezTo>
                                  <a:pt x="0" y="33837"/>
                                  <a:pt x="33903" y="0"/>
                                  <a:pt x="75748"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394" name="Shape 5394"/>
                        <wps:cNvSpPr/>
                        <wps:spPr>
                          <a:xfrm>
                            <a:off x="2662378" y="372888"/>
                            <a:ext cx="151497" cy="151198"/>
                          </a:xfrm>
                          <a:custGeom>
                            <a:avLst/>
                            <a:gdLst/>
                            <a:ahLst/>
                            <a:cxnLst/>
                            <a:rect l="0" t="0" r="0" b="0"/>
                            <a:pathLst>
                              <a:path w="151497" h="151198">
                                <a:moveTo>
                                  <a:pt x="151497" y="75599"/>
                                </a:moveTo>
                                <a:cubicBezTo>
                                  <a:pt x="151497" y="33837"/>
                                  <a:pt x="117593" y="0"/>
                                  <a:pt x="75748" y="0"/>
                                </a:cubicBezTo>
                                <a:cubicBezTo>
                                  <a:pt x="33903" y="0"/>
                                  <a:pt x="0" y="33837"/>
                                  <a:pt x="0" y="75599"/>
                                </a:cubicBezTo>
                                <a:cubicBezTo>
                                  <a:pt x="0" y="117361"/>
                                  <a:pt x="33903" y="151198"/>
                                  <a:pt x="75748" y="151198"/>
                                </a:cubicBezTo>
                                <a:cubicBezTo>
                                  <a:pt x="117593" y="151198"/>
                                  <a:pt x="151497" y="117361"/>
                                  <a:pt x="151497" y="75599"/>
                                </a:cubicBezTo>
                                <a:close/>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395" name="Rectangle 5395"/>
                        <wps:cNvSpPr/>
                        <wps:spPr>
                          <a:xfrm>
                            <a:off x="2712622" y="393159"/>
                            <a:ext cx="67779"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7</w:t>
                              </w:r>
                            </w:p>
                          </w:txbxContent>
                        </wps:txbx>
                        <wps:bodyPr horzOverflow="overflow" vert="horz" lIns="0" tIns="0" rIns="0" bIns="0" rtlCol="0">
                          <a:noAutofit/>
                        </wps:bodyPr>
                      </wps:wsp>
                      <wps:wsp>
                        <wps:cNvPr id="5396" name="Shape 5396"/>
                        <wps:cNvSpPr/>
                        <wps:spPr>
                          <a:xfrm>
                            <a:off x="0" y="741660"/>
                            <a:ext cx="4112592" cy="0"/>
                          </a:xfrm>
                          <a:custGeom>
                            <a:avLst/>
                            <a:gdLst/>
                            <a:ahLst/>
                            <a:cxnLst/>
                            <a:rect l="0" t="0" r="0" b="0"/>
                            <a:pathLst>
                              <a:path w="4112592">
                                <a:moveTo>
                                  <a:pt x="0" y="0"/>
                                </a:moveTo>
                                <a:lnTo>
                                  <a:pt x="4112592" y="0"/>
                                </a:lnTo>
                              </a:path>
                            </a:pathLst>
                          </a:custGeom>
                          <a:ln w="16461" cap="rnd">
                            <a:round/>
                          </a:ln>
                        </wps:spPr>
                        <wps:style>
                          <a:lnRef idx="1">
                            <a:srgbClr val="000000"/>
                          </a:lnRef>
                          <a:fillRef idx="0">
                            <a:srgbClr val="000000">
                              <a:alpha val="0"/>
                            </a:srgbClr>
                          </a:fillRef>
                          <a:effectRef idx="0">
                            <a:scrgbClr r="0" g="0" b="0"/>
                          </a:effectRef>
                          <a:fontRef idx="none"/>
                        </wps:style>
                        <wps:bodyPr/>
                      </wps:wsp>
                      <wps:wsp>
                        <wps:cNvPr id="5397" name="Rectangle 5397"/>
                        <wps:cNvSpPr/>
                        <wps:spPr>
                          <a:xfrm>
                            <a:off x="3023481" y="626307"/>
                            <a:ext cx="1457635"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wps:txbx>
                        <wps:bodyPr horzOverflow="overflow" vert="horz" lIns="0" tIns="0" rIns="0" bIns="0" rtlCol="0">
                          <a:noAutofit/>
                        </wps:bodyPr>
                      </wps:wsp>
                      <wps:wsp>
                        <wps:cNvPr id="5398" name="Rectangle 5398"/>
                        <wps:cNvSpPr/>
                        <wps:spPr>
                          <a:xfrm>
                            <a:off x="3551352" y="778724"/>
                            <a:ext cx="688965"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 ядра</w:t>
                              </w:r>
                            </w:p>
                          </w:txbxContent>
                        </wps:txbx>
                        <wps:bodyPr horzOverflow="overflow" vert="horz" lIns="0" tIns="0" rIns="0" bIns="0" rtlCol="0">
                          <a:noAutofit/>
                        </wps:bodyPr>
                      </wps:wsp>
                      <wps:wsp>
                        <wps:cNvPr id="5400" name="Shape 5400"/>
                        <wps:cNvSpPr/>
                        <wps:spPr>
                          <a:xfrm>
                            <a:off x="1677497" y="871245"/>
                            <a:ext cx="757582" cy="216020"/>
                          </a:xfrm>
                          <a:custGeom>
                            <a:avLst/>
                            <a:gdLst/>
                            <a:ahLst/>
                            <a:cxnLst/>
                            <a:rect l="0" t="0" r="0" b="0"/>
                            <a:pathLst>
                              <a:path w="757582" h="216020">
                                <a:moveTo>
                                  <a:pt x="0" y="216020"/>
                                </a:moveTo>
                                <a:lnTo>
                                  <a:pt x="757582" y="216020"/>
                                </a:lnTo>
                                <a:lnTo>
                                  <a:pt x="757582"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5401" name="Rectangle 5401"/>
                        <wps:cNvSpPr/>
                        <wps:spPr>
                          <a:xfrm>
                            <a:off x="1866486" y="940134"/>
                            <a:ext cx="504950"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ервисы</w:t>
                              </w:r>
                            </w:p>
                          </w:txbxContent>
                        </wps:txbx>
                        <wps:bodyPr horzOverflow="overflow" vert="horz" lIns="0" tIns="0" rIns="0" bIns="0" rtlCol="0">
                          <a:noAutofit/>
                        </wps:bodyPr>
                      </wps:wsp>
                      <wps:wsp>
                        <wps:cNvPr id="69473" name="Shape 69473"/>
                        <wps:cNvSpPr/>
                        <wps:spPr>
                          <a:xfrm>
                            <a:off x="1677497" y="1087265"/>
                            <a:ext cx="757582" cy="280829"/>
                          </a:xfrm>
                          <a:custGeom>
                            <a:avLst/>
                            <a:gdLst/>
                            <a:ahLst/>
                            <a:cxnLst/>
                            <a:rect l="0" t="0" r="0" b="0"/>
                            <a:pathLst>
                              <a:path w="757582" h="280829">
                                <a:moveTo>
                                  <a:pt x="0" y="0"/>
                                </a:moveTo>
                                <a:lnTo>
                                  <a:pt x="757582" y="0"/>
                                </a:lnTo>
                                <a:lnTo>
                                  <a:pt x="757582" y="280829"/>
                                </a:lnTo>
                                <a:lnTo>
                                  <a:pt x="0" y="280829"/>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5403" name="Shape 5403"/>
                        <wps:cNvSpPr/>
                        <wps:spPr>
                          <a:xfrm>
                            <a:off x="1677497" y="1087265"/>
                            <a:ext cx="757582" cy="280829"/>
                          </a:xfrm>
                          <a:custGeom>
                            <a:avLst/>
                            <a:gdLst/>
                            <a:ahLst/>
                            <a:cxnLst/>
                            <a:rect l="0" t="0" r="0" b="0"/>
                            <a:pathLst>
                              <a:path w="757582" h="280829">
                                <a:moveTo>
                                  <a:pt x="0" y="280829"/>
                                </a:moveTo>
                                <a:lnTo>
                                  <a:pt x="757582" y="280829"/>
                                </a:lnTo>
                                <a:lnTo>
                                  <a:pt x="757582"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5404" name="Rectangle 5404"/>
                        <wps:cNvSpPr/>
                        <wps:spPr>
                          <a:xfrm>
                            <a:off x="1817922" y="1133703"/>
                            <a:ext cx="634075"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5405" name="Rectangle 5405"/>
                        <wps:cNvSpPr/>
                        <wps:spPr>
                          <a:xfrm>
                            <a:off x="1755383" y="1243443"/>
                            <a:ext cx="336140"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5406" name="Rectangle 5406"/>
                        <wps:cNvSpPr/>
                        <wps:spPr>
                          <a:xfrm>
                            <a:off x="2008132" y="1227259"/>
                            <a:ext cx="40584"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407" name="Rectangle 5407"/>
                        <wps:cNvSpPr/>
                        <wps:spPr>
                          <a:xfrm>
                            <a:off x="2038600" y="1243443"/>
                            <a:ext cx="423732"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5408" name="Shape 5408"/>
                        <wps:cNvSpPr/>
                        <wps:spPr>
                          <a:xfrm>
                            <a:off x="1754085" y="419452"/>
                            <a:ext cx="156689" cy="384623"/>
                          </a:xfrm>
                          <a:custGeom>
                            <a:avLst/>
                            <a:gdLst/>
                            <a:ahLst/>
                            <a:cxnLst/>
                            <a:rect l="0" t="0" r="0" b="0"/>
                            <a:pathLst>
                              <a:path w="156689" h="384623">
                                <a:moveTo>
                                  <a:pt x="156689" y="11126"/>
                                </a:moveTo>
                                <a:cubicBezTo>
                                  <a:pt x="55818" y="0"/>
                                  <a:pt x="0" y="158970"/>
                                  <a:pt x="25581" y="384623"/>
                                </a:cubicBezTo>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09" name="Shape 5409"/>
                        <wps:cNvSpPr/>
                        <wps:spPr>
                          <a:xfrm>
                            <a:off x="1754314" y="794396"/>
                            <a:ext cx="48946" cy="76895"/>
                          </a:xfrm>
                          <a:custGeom>
                            <a:avLst/>
                            <a:gdLst/>
                            <a:ahLst/>
                            <a:cxnLst/>
                            <a:rect l="0" t="0" r="0" b="0"/>
                            <a:pathLst>
                              <a:path w="48946" h="76895">
                                <a:moveTo>
                                  <a:pt x="48946" y="0"/>
                                </a:moveTo>
                                <a:lnTo>
                                  <a:pt x="35125" y="76895"/>
                                </a:lnTo>
                                <a:lnTo>
                                  <a:pt x="0" y="7088"/>
                                </a:lnTo>
                                <a:lnTo>
                                  <a:pt x="4894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410" name="Shape 5410"/>
                        <wps:cNvSpPr/>
                        <wps:spPr>
                          <a:xfrm>
                            <a:off x="2297610" y="449706"/>
                            <a:ext cx="94304" cy="421585"/>
                          </a:xfrm>
                          <a:custGeom>
                            <a:avLst/>
                            <a:gdLst/>
                            <a:ahLst/>
                            <a:cxnLst/>
                            <a:rect l="0" t="0" r="0" b="0"/>
                            <a:pathLst>
                              <a:path w="94304" h="421585">
                                <a:moveTo>
                                  <a:pt x="59026" y="421585"/>
                                </a:moveTo>
                                <a:cubicBezTo>
                                  <a:pt x="94304" y="225501"/>
                                  <a:pt x="70708" y="56852"/>
                                  <a:pt x="0" y="0"/>
                                </a:cubicBezTo>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11" name="Shape 5411"/>
                        <wps:cNvSpPr/>
                        <wps:spPr>
                          <a:xfrm>
                            <a:off x="2232400" y="427758"/>
                            <a:ext cx="78191" cy="47402"/>
                          </a:xfrm>
                          <a:custGeom>
                            <a:avLst/>
                            <a:gdLst/>
                            <a:ahLst/>
                            <a:cxnLst/>
                            <a:rect l="0" t="0" r="0" b="0"/>
                            <a:pathLst>
                              <a:path w="78191" h="47402">
                                <a:moveTo>
                                  <a:pt x="78191" y="0"/>
                                </a:moveTo>
                                <a:lnTo>
                                  <a:pt x="64141" y="47402"/>
                                </a:lnTo>
                                <a:lnTo>
                                  <a:pt x="0" y="2591"/>
                                </a:lnTo>
                                <a:lnTo>
                                  <a:pt x="78191"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412" name="Shape 5412"/>
                        <wps:cNvSpPr/>
                        <wps:spPr>
                          <a:xfrm>
                            <a:off x="64936" y="1044055"/>
                            <a:ext cx="151512" cy="151274"/>
                          </a:xfrm>
                          <a:custGeom>
                            <a:avLst/>
                            <a:gdLst/>
                            <a:ahLst/>
                            <a:cxnLst/>
                            <a:rect l="0" t="0" r="0" b="0"/>
                            <a:pathLst>
                              <a:path w="151512" h="151274">
                                <a:moveTo>
                                  <a:pt x="75756" y="0"/>
                                </a:moveTo>
                                <a:cubicBezTo>
                                  <a:pt x="117601" y="0"/>
                                  <a:pt x="151512" y="33913"/>
                                  <a:pt x="151512" y="75598"/>
                                </a:cubicBezTo>
                                <a:cubicBezTo>
                                  <a:pt x="151512" y="117361"/>
                                  <a:pt x="117601" y="151274"/>
                                  <a:pt x="75756" y="151274"/>
                                </a:cubicBezTo>
                                <a:cubicBezTo>
                                  <a:pt x="33919" y="151274"/>
                                  <a:pt x="0" y="117361"/>
                                  <a:pt x="0" y="75598"/>
                                </a:cubicBezTo>
                                <a:cubicBezTo>
                                  <a:pt x="0" y="33913"/>
                                  <a:pt x="33919" y="0"/>
                                  <a:pt x="75756"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413" name="Shape 5413"/>
                        <wps:cNvSpPr/>
                        <wps:spPr>
                          <a:xfrm>
                            <a:off x="64936" y="1044055"/>
                            <a:ext cx="151512" cy="151274"/>
                          </a:xfrm>
                          <a:custGeom>
                            <a:avLst/>
                            <a:gdLst/>
                            <a:ahLst/>
                            <a:cxnLst/>
                            <a:rect l="0" t="0" r="0" b="0"/>
                            <a:pathLst>
                              <a:path w="151512" h="151274">
                                <a:moveTo>
                                  <a:pt x="151512" y="75598"/>
                                </a:moveTo>
                                <a:cubicBezTo>
                                  <a:pt x="151512" y="33913"/>
                                  <a:pt x="117601" y="0"/>
                                  <a:pt x="75756" y="0"/>
                                </a:cubicBezTo>
                                <a:cubicBezTo>
                                  <a:pt x="33919" y="0"/>
                                  <a:pt x="0" y="33913"/>
                                  <a:pt x="0" y="75598"/>
                                </a:cubicBezTo>
                                <a:cubicBezTo>
                                  <a:pt x="0" y="117361"/>
                                  <a:pt x="33919" y="151274"/>
                                  <a:pt x="75756" y="151274"/>
                                </a:cubicBezTo>
                                <a:cubicBezTo>
                                  <a:pt x="117601" y="151274"/>
                                  <a:pt x="151512" y="117361"/>
                                  <a:pt x="151512" y="75598"/>
                                </a:cubicBezTo>
                                <a:close/>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14" name="Rectangle 5414"/>
                        <wps:cNvSpPr/>
                        <wps:spPr>
                          <a:xfrm>
                            <a:off x="115211" y="1064325"/>
                            <a:ext cx="67779"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5415" name="Rectangle 5415"/>
                        <wps:cNvSpPr/>
                        <wps:spPr>
                          <a:xfrm>
                            <a:off x="250725" y="1143000"/>
                            <a:ext cx="970196"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 ввода</w:t>
                              </w:r>
                            </w:p>
                          </w:txbxContent>
                        </wps:txbx>
                        <wps:bodyPr horzOverflow="overflow" vert="horz" lIns="0" tIns="0" rIns="0" bIns="0" rtlCol="0">
                          <a:noAutofit/>
                        </wps:bodyPr>
                      </wps:wsp>
                      <wps:wsp>
                        <wps:cNvPr id="5416" name="Rectangle 5416"/>
                        <wps:cNvSpPr/>
                        <wps:spPr>
                          <a:xfrm>
                            <a:off x="980185" y="1126816"/>
                            <a:ext cx="40584"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417" name="Rectangle 5417"/>
                        <wps:cNvSpPr/>
                        <wps:spPr>
                          <a:xfrm>
                            <a:off x="1010728" y="1143000"/>
                            <a:ext cx="457630"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а </w:t>
                              </w:r>
                            </w:p>
                          </w:txbxContent>
                        </wps:txbx>
                        <wps:bodyPr horzOverflow="overflow" vert="horz" lIns="0" tIns="0" rIns="0" bIns="0" rtlCol="0">
                          <a:noAutofit/>
                        </wps:bodyPr>
                      </wps:wsp>
                      <wps:wsp>
                        <wps:cNvPr id="5418" name="Rectangle 5418"/>
                        <wps:cNvSpPr/>
                        <wps:spPr>
                          <a:xfrm>
                            <a:off x="250725" y="1252741"/>
                            <a:ext cx="480960"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оздает </w:t>
                              </w:r>
                            </w:p>
                          </w:txbxContent>
                        </wps:txbx>
                        <wps:bodyPr horzOverflow="overflow" vert="horz" lIns="0" tIns="0" rIns="0" bIns="0" rtlCol="0">
                          <a:noAutofit/>
                        </wps:bodyPr>
                      </wps:wsp>
                      <wps:wsp>
                        <wps:cNvPr id="5419" name="Rectangle 5419"/>
                        <wps:cNvSpPr/>
                        <wps:spPr>
                          <a:xfrm>
                            <a:off x="612332" y="1236556"/>
                            <a:ext cx="237019"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P </w:t>
                              </w:r>
                            </w:p>
                          </w:txbxContent>
                        </wps:txbx>
                        <wps:bodyPr horzOverflow="overflow" vert="horz" lIns="0" tIns="0" rIns="0" bIns="0" rtlCol="0">
                          <a:noAutofit/>
                        </wps:bodyPr>
                      </wps:wsp>
                      <wps:wsp>
                        <wps:cNvPr id="5420" name="Rectangle 5420"/>
                        <wps:cNvSpPr/>
                        <wps:spPr>
                          <a:xfrm>
                            <a:off x="790509" y="1236556"/>
                            <a:ext cx="33860"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421" name="Rectangle 5421"/>
                        <wps:cNvSpPr/>
                        <wps:spPr>
                          <a:xfrm>
                            <a:off x="816013" y="1252741"/>
                            <a:ext cx="687743"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 вызывает </w:t>
                              </w:r>
                            </w:p>
                          </w:txbxContent>
                        </wps:txbx>
                        <wps:bodyPr horzOverflow="overflow" vert="horz" lIns="0" tIns="0" rIns="0" bIns="0" rtlCol="0">
                          <a:noAutofit/>
                        </wps:bodyPr>
                      </wps:wsp>
                      <wps:wsp>
                        <wps:cNvPr id="5422" name="Rectangle 5422"/>
                        <wps:cNvSpPr/>
                        <wps:spPr>
                          <a:xfrm>
                            <a:off x="250725" y="1362481"/>
                            <a:ext cx="1603351"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 файловой системы</w:t>
                              </w:r>
                            </w:p>
                          </w:txbxContent>
                        </wps:txbx>
                        <wps:bodyPr horzOverflow="overflow" vert="horz" lIns="0" tIns="0" rIns="0" bIns="0" rtlCol="0">
                          <a:noAutofit/>
                        </wps:bodyPr>
                      </wps:wsp>
                      <wps:wsp>
                        <wps:cNvPr id="5423" name="Rectangle 5423"/>
                        <wps:cNvSpPr/>
                        <wps:spPr>
                          <a:xfrm>
                            <a:off x="2843120" y="1511697"/>
                            <a:ext cx="1717698"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озврат кода незавершенной </w:t>
                              </w:r>
                            </w:p>
                          </w:txbxContent>
                        </wps:txbx>
                        <wps:bodyPr horzOverflow="overflow" vert="horz" lIns="0" tIns="0" rIns="0" bIns="0" rtlCol="0">
                          <a:noAutofit/>
                        </wps:bodyPr>
                      </wps:wsp>
                      <wps:wsp>
                        <wps:cNvPr id="5424" name="Rectangle 5424"/>
                        <wps:cNvSpPr/>
                        <wps:spPr>
                          <a:xfrm>
                            <a:off x="2843120" y="1621437"/>
                            <a:ext cx="913064"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операции ввода</w:t>
                              </w:r>
                            </w:p>
                          </w:txbxContent>
                        </wps:txbx>
                        <wps:bodyPr horzOverflow="overflow" vert="horz" lIns="0" tIns="0" rIns="0" bIns="0" rtlCol="0">
                          <a:noAutofit/>
                        </wps:bodyPr>
                      </wps:wsp>
                      <wps:wsp>
                        <wps:cNvPr id="5425" name="Rectangle 5425"/>
                        <wps:cNvSpPr/>
                        <wps:spPr>
                          <a:xfrm>
                            <a:off x="3529589" y="1605253"/>
                            <a:ext cx="40584"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426" name="Rectangle 5426"/>
                        <wps:cNvSpPr/>
                        <wps:spPr>
                          <a:xfrm>
                            <a:off x="3560133" y="1621437"/>
                            <a:ext cx="457630"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а </w:t>
                              </w:r>
                            </w:p>
                          </w:txbxContent>
                        </wps:txbx>
                        <wps:bodyPr horzOverflow="overflow" vert="horz" lIns="0" tIns="0" rIns="0" bIns="0" rtlCol="0">
                          <a:noAutofit/>
                        </wps:bodyPr>
                      </wps:wsp>
                      <wps:wsp>
                        <wps:cNvPr id="5427" name="Shape 5427"/>
                        <wps:cNvSpPr/>
                        <wps:spPr>
                          <a:xfrm>
                            <a:off x="2661004" y="1486369"/>
                            <a:ext cx="151573" cy="151198"/>
                          </a:xfrm>
                          <a:custGeom>
                            <a:avLst/>
                            <a:gdLst/>
                            <a:ahLst/>
                            <a:cxnLst/>
                            <a:rect l="0" t="0" r="0" b="0"/>
                            <a:pathLst>
                              <a:path w="151573" h="151198">
                                <a:moveTo>
                                  <a:pt x="75748" y="0"/>
                                </a:moveTo>
                                <a:cubicBezTo>
                                  <a:pt x="117593" y="0"/>
                                  <a:pt x="151573" y="33837"/>
                                  <a:pt x="151573" y="75599"/>
                                </a:cubicBezTo>
                                <a:cubicBezTo>
                                  <a:pt x="151573" y="117361"/>
                                  <a:pt x="117593" y="151198"/>
                                  <a:pt x="75748" y="151198"/>
                                </a:cubicBezTo>
                                <a:cubicBezTo>
                                  <a:pt x="33980" y="151198"/>
                                  <a:pt x="0" y="117361"/>
                                  <a:pt x="0" y="75599"/>
                                </a:cubicBezTo>
                                <a:cubicBezTo>
                                  <a:pt x="0" y="33837"/>
                                  <a:pt x="33980" y="0"/>
                                  <a:pt x="75748"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428" name="Shape 5428"/>
                        <wps:cNvSpPr/>
                        <wps:spPr>
                          <a:xfrm>
                            <a:off x="2661004" y="1486369"/>
                            <a:ext cx="151573" cy="151198"/>
                          </a:xfrm>
                          <a:custGeom>
                            <a:avLst/>
                            <a:gdLst/>
                            <a:ahLst/>
                            <a:cxnLst/>
                            <a:rect l="0" t="0" r="0" b="0"/>
                            <a:pathLst>
                              <a:path w="151573" h="151198">
                                <a:moveTo>
                                  <a:pt x="151573" y="75599"/>
                                </a:moveTo>
                                <a:cubicBezTo>
                                  <a:pt x="151573" y="33837"/>
                                  <a:pt x="117593" y="0"/>
                                  <a:pt x="75748" y="0"/>
                                </a:cubicBezTo>
                                <a:cubicBezTo>
                                  <a:pt x="33980" y="0"/>
                                  <a:pt x="0" y="33837"/>
                                  <a:pt x="0" y="75599"/>
                                </a:cubicBezTo>
                                <a:cubicBezTo>
                                  <a:pt x="0" y="117361"/>
                                  <a:pt x="33980" y="151198"/>
                                  <a:pt x="75748" y="151198"/>
                                </a:cubicBezTo>
                                <a:cubicBezTo>
                                  <a:pt x="117593" y="151198"/>
                                  <a:pt x="151573" y="117361"/>
                                  <a:pt x="151573" y="75599"/>
                                </a:cubicBezTo>
                                <a:close/>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29" name="Rectangle 5429"/>
                        <wps:cNvSpPr/>
                        <wps:spPr>
                          <a:xfrm>
                            <a:off x="2711324" y="1506639"/>
                            <a:ext cx="67779"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6</w:t>
                              </w:r>
                            </w:p>
                          </w:txbxContent>
                        </wps:txbx>
                        <wps:bodyPr horzOverflow="overflow" vert="horz" lIns="0" tIns="0" rIns="0" bIns="0" rtlCol="0">
                          <a:noAutofit/>
                        </wps:bodyPr>
                      </wps:wsp>
                      <wps:wsp>
                        <wps:cNvPr id="5431" name="Shape 5431"/>
                        <wps:cNvSpPr/>
                        <wps:spPr>
                          <a:xfrm>
                            <a:off x="1590906" y="1843405"/>
                            <a:ext cx="930742" cy="280828"/>
                          </a:xfrm>
                          <a:custGeom>
                            <a:avLst/>
                            <a:gdLst/>
                            <a:ahLst/>
                            <a:cxnLst/>
                            <a:rect l="0" t="0" r="0" b="0"/>
                            <a:pathLst>
                              <a:path w="930742" h="280828">
                                <a:moveTo>
                                  <a:pt x="0" y="280828"/>
                                </a:moveTo>
                                <a:lnTo>
                                  <a:pt x="930742" y="280828"/>
                                </a:lnTo>
                                <a:lnTo>
                                  <a:pt x="930742"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5432" name="Rectangle 5432"/>
                        <wps:cNvSpPr/>
                        <wps:spPr>
                          <a:xfrm>
                            <a:off x="1631529" y="1889766"/>
                            <a:ext cx="1129834"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райвер файловой </w:t>
                              </w:r>
                            </w:p>
                          </w:txbxContent>
                        </wps:txbx>
                        <wps:bodyPr horzOverflow="overflow" vert="horz" lIns="0" tIns="0" rIns="0" bIns="0" rtlCol="0">
                          <a:noAutofit/>
                        </wps:bodyPr>
                      </wps:wsp>
                      <wps:wsp>
                        <wps:cNvPr id="5433" name="Rectangle 5433"/>
                        <wps:cNvSpPr/>
                        <wps:spPr>
                          <a:xfrm>
                            <a:off x="1873970" y="1999507"/>
                            <a:ext cx="484963"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истемы</w:t>
                              </w:r>
                            </w:p>
                          </w:txbxContent>
                        </wps:txbx>
                        <wps:bodyPr horzOverflow="overflow" vert="horz" lIns="0" tIns="0" rIns="0" bIns="0" rtlCol="0">
                          <a:noAutofit/>
                        </wps:bodyPr>
                      </wps:wsp>
                      <wps:wsp>
                        <wps:cNvPr id="5434" name="Shape 5434"/>
                        <wps:cNvSpPr/>
                        <wps:spPr>
                          <a:xfrm>
                            <a:off x="2229039" y="1389737"/>
                            <a:ext cx="151955" cy="453668"/>
                          </a:xfrm>
                          <a:custGeom>
                            <a:avLst/>
                            <a:gdLst/>
                            <a:ahLst/>
                            <a:cxnLst/>
                            <a:rect l="0" t="0" r="0" b="0"/>
                            <a:pathLst>
                              <a:path w="151955" h="453668">
                                <a:moveTo>
                                  <a:pt x="151955" y="453668"/>
                                </a:moveTo>
                                <a:cubicBezTo>
                                  <a:pt x="151955" y="245696"/>
                                  <a:pt x="90333" y="61957"/>
                                  <a:pt x="0" y="0"/>
                                </a:cubicBezTo>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35" name="Shape 5435"/>
                        <wps:cNvSpPr/>
                        <wps:spPr>
                          <a:xfrm>
                            <a:off x="2164516" y="1368094"/>
                            <a:ext cx="78268" cy="47020"/>
                          </a:xfrm>
                          <a:custGeom>
                            <a:avLst/>
                            <a:gdLst/>
                            <a:ahLst/>
                            <a:cxnLst/>
                            <a:rect l="0" t="0" r="0" b="0"/>
                            <a:pathLst>
                              <a:path w="78268" h="47020">
                                <a:moveTo>
                                  <a:pt x="0" y="0"/>
                                </a:moveTo>
                                <a:lnTo>
                                  <a:pt x="78268" y="152"/>
                                </a:lnTo>
                                <a:lnTo>
                                  <a:pt x="62462" y="4702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436" name="Shape 5436"/>
                        <wps:cNvSpPr/>
                        <wps:spPr>
                          <a:xfrm>
                            <a:off x="1733850" y="1368094"/>
                            <a:ext cx="214188" cy="407410"/>
                          </a:xfrm>
                          <a:custGeom>
                            <a:avLst/>
                            <a:gdLst/>
                            <a:ahLst/>
                            <a:cxnLst/>
                            <a:rect l="0" t="0" r="0" b="0"/>
                            <a:pathLst>
                              <a:path w="214188" h="407410">
                                <a:moveTo>
                                  <a:pt x="214188" y="0"/>
                                </a:moveTo>
                                <a:cubicBezTo>
                                  <a:pt x="106597" y="0"/>
                                  <a:pt x="15348" y="173603"/>
                                  <a:pt x="0" y="407410"/>
                                </a:cubicBezTo>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37" name="Shape 5437"/>
                        <wps:cNvSpPr/>
                        <wps:spPr>
                          <a:xfrm>
                            <a:off x="1709339" y="1768493"/>
                            <a:ext cx="49404" cy="74912"/>
                          </a:xfrm>
                          <a:custGeom>
                            <a:avLst/>
                            <a:gdLst/>
                            <a:ahLst/>
                            <a:cxnLst/>
                            <a:rect l="0" t="0" r="0" b="0"/>
                            <a:pathLst>
                              <a:path w="49404" h="74912">
                                <a:moveTo>
                                  <a:pt x="0" y="0"/>
                                </a:moveTo>
                                <a:lnTo>
                                  <a:pt x="49404" y="1677"/>
                                </a:lnTo>
                                <a:lnTo>
                                  <a:pt x="22297" y="74912"/>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9474" name="Shape 69474"/>
                        <wps:cNvSpPr/>
                        <wps:spPr>
                          <a:xfrm>
                            <a:off x="1302421" y="1539387"/>
                            <a:ext cx="324679" cy="108010"/>
                          </a:xfrm>
                          <a:custGeom>
                            <a:avLst/>
                            <a:gdLst/>
                            <a:ahLst/>
                            <a:cxnLst/>
                            <a:rect l="0" t="0" r="0" b="0"/>
                            <a:pathLst>
                              <a:path w="324679" h="108010">
                                <a:moveTo>
                                  <a:pt x="0" y="0"/>
                                </a:moveTo>
                                <a:lnTo>
                                  <a:pt x="324679" y="0"/>
                                </a:lnTo>
                                <a:lnTo>
                                  <a:pt x="324679" y="108010"/>
                                </a:lnTo>
                                <a:lnTo>
                                  <a:pt x="0" y="108010"/>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5440" name="Rectangle 5440"/>
                        <wps:cNvSpPr/>
                        <wps:spPr>
                          <a:xfrm>
                            <a:off x="1350222" y="1538037"/>
                            <a:ext cx="203157"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wps:txbx>
                        <wps:bodyPr horzOverflow="overflow" vert="horz" lIns="0" tIns="0" rIns="0" bIns="0" rtlCol="0">
                          <a:noAutofit/>
                        </wps:bodyPr>
                      </wps:wsp>
                      <wps:wsp>
                        <wps:cNvPr id="5441" name="Rectangle 5441"/>
                        <wps:cNvSpPr/>
                        <wps:spPr>
                          <a:xfrm>
                            <a:off x="1502940" y="1538037"/>
                            <a:ext cx="33860"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wps:txbx>
                        <wps:bodyPr horzOverflow="overflow" vert="horz" lIns="0" tIns="0" rIns="0" bIns="0" rtlCol="0">
                          <a:noAutofit/>
                        </wps:bodyPr>
                      </wps:wsp>
                      <wps:wsp>
                        <wps:cNvPr id="5442" name="Rectangle 5442"/>
                        <wps:cNvSpPr/>
                        <wps:spPr>
                          <a:xfrm>
                            <a:off x="1528367" y="1538037"/>
                            <a:ext cx="67779"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0</w:t>
                              </w:r>
                            </w:p>
                          </w:txbxContent>
                        </wps:txbx>
                        <wps:bodyPr horzOverflow="overflow" vert="horz" lIns="0" tIns="0" rIns="0" bIns="0" rtlCol="0">
                          <a:noAutofit/>
                        </wps:bodyPr>
                      </wps:wsp>
                      <wps:wsp>
                        <wps:cNvPr id="5443" name="Shape 5443"/>
                        <wps:cNvSpPr/>
                        <wps:spPr>
                          <a:xfrm>
                            <a:off x="57842" y="2101066"/>
                            <a:ext cx="151512" cy="151198"/>
                          </a:xfrm>
                          <a:custGeom>
                            <a:avLst/>
                            <a:gdLst/>
                            <a:ahLst/>
                            <a:cxnLst/>
                            <a:rect l="0" t="0" r="0" b="0"/>
                            <a:pathLst>
                              <a:path w="151512" h="151198">
                                <a:moveTo>
                                  <a:pt x="75756" y="0"/>
                                </a:moveTo>
                                <a:cubicBezTo>
                                  <a:pt x="117593" y="0"/>
                                  <a:pt x="151512" y="33836"/>
                                  <a:pt x="151512" y="75598"/>
                                </a:cubicBezTo>
                                <a:cubicBezTo>
                                  <a:pt x="151512" y="117361"/>
                                  <a:pt x="117593" y="151198"/>
                                  <a:pt x="75756" y="151198"/>
                                </a:cubicBezTo>
                                <a:cubicBezTo>
                                  <a:pt x="33919" y="151198"/>
                                  <a:pt x="0" y="117361"/>
                                  <a:pt x="0" y="75598"/>
                                </a:cubicBezTo>
                                <a:cubicBezTo>
                                  <a:pt x="0" y="33836"/>
                                  <a:pt x="33919" y="0"/>
                                  <a:pt x="75756"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444" name="Shape 5444"/>
                        <wps:cNvSpPr/>
                        <wps:spPr>
                          <a:xfrm>
                            <a:off x="57842" y="2101066"/>
                            <a:ext cx="151512" cy="151198"/>
                          </a:xfrm>
                          <a:custGeom>
                            <a:avLst/>
                            <a:gdLst/>
                            <a:ahLst/>
                            <a:cxnLst/>
                            <a:rect l="0" t="0" r="0" b="0"/>
                            <a:pathLst>
                              <a:path w="151512" h="151198">
                                <a:moveTo>
                                  <a:pt x="151512" y="75598"/>
                                </a:moveTo>
                                <a:cubicBezTo>
                                  <a:pt x="151512" y="33836"/>
                                  <a:pt x="117593" y="0"/>
                                  <a:pt x="75756" y="0"/>
                                </a:cubicBezTo>
                                <a:cubicBezTo>
                                  <a:pt x="33919" y="0"/>
                                  <a:pt x="0" y="33836"/>
                                  <a:pt x="0" y="75598"/>
                                </a:cubicBezTo>
                                <a:cubicBezTo>
                                  <a:pt x="0" y="117361"/>
                                  <a:pt x="33919" y="151198"/>
                                  <a:pt x="75756" y="151198"/>
                                </a:cubicBezTo>
                                <a:cubicBezTo>
                                  <a:pt x="117593" y="151198"/>
                                  <a:pt x="151512" y="117361"/>
                                  <a:pt x="151512" y="75598"/>
                                </a:cubicBezTo>
                                <a:close/>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45" name="Rectangle 5445"/>
                        <wps:cNvSpPr/>
                        <wps:spPr>
                          <a:xfrm>
                            <a:off x="108117" y="2121336"/>
                            <a:ext cx="67779"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w:t>
                              </w:r>
                            </w:p>
                          </w:txbxContent>
                        </wps:txbx>
                        <wps:bodyPr horzOverflow="overflow" vert="horz" lIns="0" tIns="0" rIns="0" bIns="0" rtlCol="0">
                          <a:noAutofit/>
                        </wps:bodyPr>
                      </wps:wsp>
                      <wps:wsp>
                        <wps:cNvPr id="5446" name="Rectangle 5446"/>
                        <wps:cNvSpPr/>
                        <wps:spPr>
                          <a:xfrm>
                            <a:off x="250725" y="2103455"/>
                            <a:ext cx="1648625"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райвер файловой системы </w:t>
                              </w:r>
                            </w:p>
                          </w:txbxContent>
                        </wps:txbx>
                        <wps:bodyPr horzOverflow="overflow" vert="horz" lIns="0" tIns="0" rIns="0" bIns="0" rtlCol="0">
                          <a:noAutofit/>
                        </wps:bodyPr>
                      </wps:wsp>
                      <wps:wsp>
                        <wps:cNvPr id="5447" name="Rectangle 5447"/>
                        <wps:cNvSpPr/>
                        <wps:spPr>
                          <a:xfrm>
                            <a:off x="250725" y="2213196"/>
                            <a:ext cx="1368633"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оздает сопоставление </w:t>
                              </w:r>
                            </w:p>
                          </w:txbxContent>
                        </wps:txbx>
                        <wps:bodyPr horzOverflow="overflow" vert="horz" lIns="0" tIns="0" rIns="0" bIns="0" rtlCol="0">
                          <a:noAutofit/>
                        </wps:bodyPr>
                      </wps:wsp>
                      <wps:wsp>
                        <wps:cNvPr id="5448" name="Rectangle 5448"/>
                        <wps:cNvSpPr/>
                        <wps:spPr>
                          <a:xfrm>
                            <a:off x="1279742" y="2197011"/>
                            <a:ext cx="237019"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P </w:t>
                              </w:r>
                            </w:p>
                          </w:txbxContent>
                        </wps:txbx>
                        <wps:bodyPr horzOverflow="overflow" vert="horz" lIns="0" tIns="0" rIns="0" bIns="0" rtlCol="0">
                          <a:noAutofit/>
                        </wps:bodyPr>
                      </wps:wsp>
                      <wps:wsp>
                        <wps:cNvPr id="5449" name="Rectangle 5449"/>
                        <wps:cNvSpPr/>
                        <wps:spPr>
                          <a:xfrm>
                            <a:off x="1457964" y="2197011"/>
                            <a:ext cx="33860"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450" name="Rectangle 5450"/>
                        <wps:cNvSpPr/>
                        <wps:spPr>
                          <a:xfrm>
                            <a:off x="1483392" y="2213196"/>
                            <a:ext cx="101958"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 </w:t>
                              </w:r>
                            </w:p>
                          </w:txbxContent>
                        </wps:txbx>
                        <wps:bodyPr horzOverflow="overflow" vert="horz" lIns="0" tIns="0" rIns="0" bIns="0" rtlCol="0">
                          <a:noAutofit/>
                        </wps:bodyPr>
                      </wps:wsp>
                      <wps:wsp>
                        <wps:cNvPr id="5451" name="Rectangle 5451"/>
                        <wps:cNvSpPr/>
                        <wps:spPr>
                          <a:xfrm>
                            <a:off x="250725" y="2322935"/>
                            <a:ext cx="1999056"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зывает драйвер диска один или </w:t>
                              </w:r>
                            </w:p>
                          </w:txbxContent>
                        </wps:txbx>
                        <wps:bodyPr horzOverflow="overflow" vert="horz" lIns="0" tIns="0" rIns="0" bIns="0" rtlCol="0">
                          <a:noAutofit/>
                        </wps:bodyPr>
                      </wps:wsp>
                      <wps:wsp>
                        <wps:cNvPr id="5452" name="Rectangle 5452"/>
                        <wps:cNvSpPr/>
                        <wps:spPr>
                          <a:xfrm>
                            <a:off x="250725" y="2432675"/>
                            <a:ext cx="798053"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несколько раз</w:t>
                              </w:r>
                            </w:p>
                          </w:txbxContent>
                        </wps:txbx>
                        <wps:bodyPr horzOverflow="overflow" vert="horz" lIns="0" tIns="0" rIns="0" bIns="0" rtlCol="0">
                          <a:noAutofit/>
                        </wps:bodyPr>
                      </wps:wsp>
                      <wps:wsp>
                        <wps:cNvPr id="5453" name="Shape 5453"/>
                        <wps:cNvSpPr/>
                        <wps:spPr>
                          <a:xfrm>
                            <a:off x="2662378" y="2059380"/>
                            <a:ext cx="151497" cy="151197"/>
                          </a:xfrm>
                          <a:custGeom>
                            <a:avLst/>
                            <a:gdLst/>
                            <a:ahLst/>
                            <a:cxnLst/>
                            <a:rect l="0" t="0" r="0" b="0"/>
                            <a:pathLst>
                              <a:path w="151497" h="151197">
                                <a:moveTo>
                                  <a:pt x="75748" y="0"/>
                                </a:moveTo>
                                <a:cubicBezTo>
                                  <a:pt x="117593" y="0"/>
                                  <a:pt x="151497" y="33836"/>
                                  <a:pt x="151497" y="75598"/>
                                </a:cubicBezTo>
                                <a:cubicBezTo>
                                  <a:pt x="151497" y="117361"/>
                                  <a:pt x="117593" y="151197"/>
                                  <a:pt x="75748" y="151197"/>
                                </a:cubicBezTo>
                                <a:cubicBezTo>
                                  <a:pt x="33903" y="151197"/>
                                  <a:pt x="0" y="117361"/>
                                  <a:pt x="0" y="75598"/>
                                </a:cubicBezTo>
                                <a:cubicBezTo>
                                  <a:pt x="0" y="33836"/>
                                  <a:pt x="33903" y="0"/>
                                  <a:pt x="75748"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454" name="Shape 5454"/>
                        <wps:cNvSpPr/>
                        <wps:spPr>
                          <a:xfrm>
                            <a:off x="2662378" y="2059380"/>
                            <a:ext cx="151497" cy="151197"/>
                          </a:xfrm>
                          <a:custGeom>
                            <a:avLst/>
                            <a:gdLst/>
                            <a:ahLst/>
                            <a:cxnLst/>
                            <a:rect l="0" t="0" r="0" b="0"/>
                            <a:pathLst>
                              <a:path w="151497" h="151197">
                                <a:moveTo>
                                  <a:pt x="151497" y="75598"/>
                                </a:moveTo>
                                <a:cubicBezTo>
                                  <a:pt x="151497" y="33836"/>
                                  <a:pt x="117593" y="0"/>
                                  <a:pt x="75748" y="0"/>
                                </a:cubicBezTo>
                                <a:cubicBezTo>
                                  <a:pt x="33903" y="0"/>
                                  <a:pt x="0" y="33836"/>
                                  <a:pt x="0" y="75598"/>
                                </a:cubicBezTo>
                                <a:cubicBezTo>
                                  <a:pt x="0" y="117361"/>
                                  <a:pt x="33903" y="151197"/>
                                  <a:pt x="75748" y="151197"/>
                                </a:cubicBezTo>
                                <a:cubicBezTo>
                                  <a:pt x="117593" y="151197"/>
                                  <a:pt x="151497" y="117361"/>
                                  <a:pt x="151497" y="75598"/>
                                </a:cubicBezTo>
                                <a:close/>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55" name="Rectangle 5455"/>
                        <wps:cNvSpPr/>
                        <wps:spPr>
                          <a:xfrm>
                            <a:off x="2712622" y="2079649"/>
                            <a:ext cx="67779"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5</w:t>
                              </w:r>
                            </w:p>
                          </w:txbxContent>
                        </wps:txbx>
                        <wps:bodyPr horzOverflow="overflow" vert="horz" lIns="0" tIns="0" rIns="0" bIns="0" rtlCol="0">
                          <a:noAutofit/>
                        </wps:bodyPr>
                      </wps:wsp>
                      <wps:wsp>
                        <wps:cNvPr id="5456" name="Rectangle 5456"/>
                        <wps:cNvSpPr/>
                        <wps:spPr>
                          <a:xfrm>
                            <a:off x="2844419" y="2116564"/>
                            <a:ext cx="1717699"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озврат кода незавершенной </w:t>
                              </w:r>
                            </w:p>
                          </w:txbxContent>
                        </wps:txbx>
                        <wps:bodyPr horzOverflow="overflow" vert="horz" lIns="0" tIns="0" rIns="0" bIns="0" rtlCol="0">
                          <a:noAutofit/>
                        </wps:bodyPr>
                      </wps:wsp>
                      <wps:wsp>
                        <wps:cNvPr id="5457" name="Rectangle 5457"/>
                        <wps:cNvSpPr/>
                        <wps:spPr>
                          <a:xfrm>
                            <a:off x="2844419" y="2226303"/>
                            <a:ext cx="913064"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операции ввода</w:t>
                              </w:r>
                            </w:p>
                          </w:txbxContent>
                        </wps:txbx>
                        <wps:bodyPr horzOverflow="overflow" vert="horz" lIns="0" tIns="0" rIns="0" bIns="0" rtlCol="0">
                          <a:noAutofit/>
                        </wps:bodyPr>
                      </wps:wsp>
                      <wps:wsp>
                        <wps:cNvPr id="5458" name="Rectangle 5458"/>
                        <wps:cNvSpPr/>
                        <wps:spPr>
                          <a:xfrm>
                            <a:off x="3530964" y="2210119"/>
                            <a:ext cx="40584"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459" name="Rectangle 5459"/>
                        <wps:cNvSpPr/>
                        <wps:spPr>
                          <a:xfrm>
                            <a:off x="3561432" y="2226303"/>
                            <a:ext cx="457630"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а </w:t>
                              </w:r>
                            </w:p>
                          </w:txbxContent>
                        </wps:txbx>
                        <wps:bodyPr horzOverflow="overflow" vert="horz" lIns="0" tIns="0" rIns="0" bIns="0" rtlCol="0">
                          <a:noAutofit/>
                        </wps:bodyPr>
                      </wps:wsp>
                      <wps:wsp>
                        <wps:cNvPr id="69475" name="Shape 69475"/>
                        <wps:cNvSpPr/>
                        <wps:spPr>
                          <a:xfrm>
                            <a:off x="544853" y="2576279"/>
                            <a:ext cx="324679" cy="108010"/>
                          </a:xfrm>
                          <a:custGeom>
                            <a:avLst/>
                            <a:gdLst/>
                            <a:ahLst/>
                            <a:cxnLst/>
                            <a:rect l="0" t="0" r="0" b="0"/>
                            <a:pathLst>
                              <a:path w="324679" h="108010">
                                <a:moveTo>
                                  <a:pt x="0" y="0"/>
                                </a:moveTo>
                                <a:lnTo>
                                  <a:pt x="324679" y="0"/>
                                </a:lnTo>
                                <a:lnTo>
                                  <a:pt x="324679" y="108010"/>
                                </a:lnTo>
                                <a:lnTo>
                                  <a:pt x="0" y="108010"/>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5462" name="Rectangle 5462"/>
                        <wps:cNvSpPr/>
                        <wps:spPr>
                          <a:xfrm>
                            <a:off x="592616" y="2575005"/>
                            <a:ext cx="203157"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wps:txbx>
                        <wps:bodyPr horzOverflow="overflow" vert="horz" lIns="0" tIns="0" rIns="0" bIns="0" rtlCol="0">
                          <a:noAutofit/>
                        </wps:bodyPr>
                      </wps:wsp>
                      <wps:wsp>
                        <wps:cNvPr id="5463" name="Rectangle 5463"/>
                        <wps:cNvSpPr/>
                        <wps:spPr>
                          <a:xfrm>
                            <a:off x="745380" y="2575005"/>
                            <a:ext cx="33860"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wps:txbx>
                        <wps:bodyPr horzOverflow="overflow" vert="horz" lIns="0" tIns="0" rIns="0" bIns="0" rtlCol="0">
                          <a:noAutofit/>
                        </wps:bodyPr>
                      </wps:wsp>
                      <wps:wsp>
                        <wps:cNvPr id="5464" name="Rectangle 5464"/>
                        <wps:cNvSpPr/>
                        <wps:spPr>
                          <a:xfrm>
                            <a:off x="770808" y="2575005"/>
                            <a:ext cx="67779"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1</w:t>
                              </w:r>
                            </w:p>
                          </w:txbxContent>
                        </wps:txbx>
                        <wps:bodyPr horzOverflow="overflow" vert="horz" lIns="0" tIns="0" rIns="0" bIns="0" rtlCol="0">
                          <a:noAutofit/>
                        </wps:bodyPr>
                      </wps:wsp>
                      <wps:wsp>
                        <wps:cNvPr id="5466" name="Shape 5466"/>
                        <wps:cNvSpPr/>
                        <wps:spPr>
                          <a:xfrm>
                            <a:off x="1590906" y="2814681"/>
                            <a:ext cx="930742" cy="280828"/>
                          </a:xfrm>
                          <a:custGeom>
                            <a:avLst/>
                            <a:gdLst/>
                            <a:ahLst/>
                            <a:cxnLst/>
                            <a:rect l="0" t="0" r="0" b="0"/>
                            <a:pathLst>
                              <a:path w="930742" h="280828">
                                <a:moveTo>
                                  <a:pt x="0" y="280828"/>
                                </a:moveTo>
                                <a:lnTo>
                                  <a:pt x="930742" y="280828"/>
                                </a:lnTo>
                                <a:lnTo>
                                  <a:pt x="930742" y="0"/>
                                </a:lnTo>
                                <a:lnTo>
                                  <a:pt x="0" y="0"/>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5467" name="Rectangle 5467"/>
                        <wps:cNvSpPr/>
                        <wps:spPr>
                          <a:xfrm>
                            <a:off x="1739882" y="2915989"/>
                            <a:ext cx="841541"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 диска</w:t>
                              </w:r>
                            </w:p>
                          </w:txbxContent>
                        </wps:txbx>
                        <wps:bodyPr horzOverflow="overflow" vert="horz" lIns="0" tIns="0" rIns="0" bIns="0" rtlCol="0">
                          <a:noAutofit/>
                        </wps:bodyPr>
                      </wps:wsp>
                      <wps:wsp>
                        <wps:cNvPr id="5468" name="Shape 5468"/>
                        <wps:cNvSpPr/>
                        <wps:spPr>
                          <a:xfrm>
                            <a:off x="2284018" y="2152888"/>
                            <a:ext cx="115532" cy="661794"/>
                          </a:xfrm>
                          <a:custGeom>
                            <a:avLst/>
                            <a:gdLst/>
                            <a:ahLst/>
                            <a:cxnLst/>
                            <a:rect l="0" t="0" r="0" b="0"/>
                            <a:pathLst>
                              <a:path w="115532" h="661794">
                                <a:moveTo>
                                  <a:pt x="87584" y="661794"/>
                                </a:moveTo>
                                <a:cubicBezTo>
                                  <a:pt x="115532" y="354674"/>
                                  <a:pt x="80101" y="87030"/>
                                  <a:pt x="0" y="0"/>
                                </a:cubicBezTo>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69" name="Shape 5469"/>
                        <wps:cNvSpPr/>
                        <wps:spPr>
                          <a:xfrm>
                            <a:off x="2222320" y="2124233"/>
                            <a:ext cx="77734" cy="53651"/>
                          </a:xfrm>
                          <a:custGeom>
                            <a:avLst/>
                            <a:gdLst/>
                            <a:ahLst/>
                            <a:cxnLst/>
                            <a:rect l="0" t="0" r="0" b="0"/>
                            <a:pathLst>
                              <a:path w="77734" h="53651">
                                <a:moveTo>
                                  <a:pt x="0" y="0"/>
                                </a:moveTo>
                                <a:lnTo>
                                  <a:pt x="77734" y="8917"/>
                                </a:lnTo>
                                <a:lnTo>
                                  <a:pt x="56811" y="53651"/>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470" name="Shape 5470"/>
                        <wps:cNvSpPr/>
                        <wps:spPr>
                          <a:xfrm>
                            <a:off x="1712241" y="2116994"/>
                            <a:ext cx="175932" cy="630015"/>
                          </a:xfrm>
                          <a:custGeom>
                            <a:avLst/>
                            <a:gdLst/>
                            <a:ahLst/>
                            <a:cxnLst/>
                            <a:rect l="0" t="0" r="0" b="0"/>
                            <a:pathLst>
                              <a:path w="175932" h="630015">
                                <a:moveTo>
                                  <a:pt x="175932" y="7239"/>
                                </a:moveTo>
                                <a:cubicBezTo>
                                  <a:pt x="66051" y="0"/>
                                  <a:pt x="0" y="269549"/>
                                  <a:pt x="23366" y="630015"/>
                                </a:cubicBezTo>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71" name="Shape 5471"/>
                        <wps:cNvSpPr/>
                        <wps:spPr>
                          <a:xfrm>
                            <a:off x="1710484" y="2738930"/>
                            <a:ext cx="49328" cy="75751"/>
                          </a:xfrm>
                          <a:custGeom>
                            <a:avLst/>
                            <a:gdLst/>
                            <a:ahLst/>
                            <a:cxnLst/>
                            <a:rect l="0" t="0" r="0" b="0"/>
                            <a:pathLst>
                              <a:path w="49328" h="75751">
                                <a:moveTo>
                                  <a:pt x="49328" y="0"/>
                                </a:moveTo>
                                <a:lnTo>
                                  <a:pt x="30467" y="75751"/>
                                </a:lnTo>
                                <a:lnTo>
                                  <a:pt x="0" y="3887"/>
                                </a:lnTo>
                                <a:lnTo>
                                  <a:pt x="49328"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472" name="Shape 5472"/>
                        <wps:cNvSpPr/>
                        <wps:spPr>
                          <a:xfrm>
                            <a:off x="90310" y="3095129"/>
                            <a:ext cx="151512" cy="151243"/>
                          </a:xfrm>
                          <a:custGeom>
                            <a:avLst/>
                            <a:gdLst/>
                            <a:ahLst/>
                            <a:cxnLst/>
                            <a:rect l="0" t="0" r="0" b="0"/>
                            <a:pathLst>
                              <a:path w="151512" h="151243">
                                <a:moveTo>
                                  <a:pt x="75756" y="0"/>
                                </a:moveTo>
                                <a:cubicBezTo>
                                  <a:pt x="117593" y="0"/>
                                  <a:pt x="151512" y="33836"/>
                                  <a:pt x="151512" y="75629"/>
                                </a:cubicBezTo>
                                <a:cubicBezTo>
                                  <a:pt x="151512" y="117391"/>
                                  <a:pt x="117593" y="151243"/>
                                  <a:pt x="75756" y="151243"/>
                                </a:cubicBezTo>
                                <a:cubicBezTo>
                                  <a:pt x="33919" y="151243"/>
                                  <a:pt x="0" y="117391"/>
                                  <a:pt x="0" y="75629"/>
                                </a:cubicBezTo>
                                <a:cubicBezTo>
                                  <a:pt x="0" y="33836"/>
                                  <a:pt x="33919" y="0"/>
                                  <a:pt x="75756"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473" name="Shape 5473"/>
                        <wps:cNvSpPr/>
                        <wps:spPr>
                          <a:xfrm>
                            <a:off x="90310" y="3095129"/>
                            <a:ext cx="151512" cy="151243"/>
                          </a:xfrm>
                          <a:custGeom>
                            <a:avLst/>
                            <a:gdLst/>
                            <a:ahLst/>
                            <a:cxnLst/>
                            <a:rect l="0" t="0" r="0" b="0"/>
                            <a:pathLst>
                              <a:path w="151512" h="151243">
                                <a:moveTo>
                                  <a:pt x="151512" y="75629"/>
                                </a:moveTo>
                                <a:cubicBezTo>
                                  <a:pt x="151512" y="33836"/>
                                  <a:pt x="117593" y="0"/>
                                  <a:pt x="75756" y="0"/>
                                </a:cubicBezTo>
                                <a:cubicBezTo>
                                  <a:pt x="33919" y="0"/>
                                  <a:pt x="0" y="33836"/>
                                  <a:pt x="0" y="75629"/>
                                </a:cubicBezTo>
                                <a:cubicBezTo>
                                  <a:pt x="0" y="117391"/>
                                  <a:pt x="33919" y="151243"/>
                                  <a:pt x="75756" y="151243"/>
                                </a:cubicBezTo>
                                <a:cubicBezTo>
                                  <a:pt x="117593" y="151243"/>
                                  <a:pt x="151512" y="117391"/>
                                  <a:pt x="151512" y="75629"/>
                                </a:cubicBezTo>
                                <a:close/>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74" name="Rectangle 5474"/>
                        <wps:cNvSpPr/>
                        <wps:spPr>
                          <a:xfrm>
                            <a:off x="140585" y="3115429"/>
                            <a:ext cx="67779"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4</w:t>
                              </w:r>
                            </w:p>
                          </w:txbxContent>
                        </wps:txbx>
                        <wps:bodyPr horzOverflow="overflow" vert="horz" lIns="0" tIns="0" rIns="0" bIns="0" rtlCol="0">
                          <a:noAutofit/>
                        </wps:bodyPr>
                      </wps:wsp>
                      <wps:wsp>
                        <wps:cNvPr id="5475" name="Rectangle 5475"/>
                        <wps:cNvSpPr/>
                        <wps:spPr>
                          <a:xfrm>
                            <a:off x="256132" y="3089960"/>
                            <a:ext cx="237019"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P </w:t>
                              </w:r>
                            </w:p>
                          </w:txbxContent>
                        </wps:txbx>
                        <wps:bodyPr horzOverflow="overflow" vert="horz" lIns="0" tIns="0" rIns="0" bIns="0" rtlCol="0">
                          <a:noAutofit/>
                        </wps:bodyPr>
                      </wps:wsp>
                      <wps:wsp>
                        <wps:cNvPr id="5476" name="Rectangle 5476"/>
                        <wps:cNvSpPr/>
                        <wps:spPr>
                          <a:xfrm>
                            <a:off x="434347" y="3106144"/>
                            <a:ext cx="1135664" cy="1143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тавится в очередь </w:t>
                              </w:r>
                            </w:p>
                          </w:txbxContent>
                        </wps:txbx>
                        <wps:bodyPr horzOverflow="overflow" vert="horz" lIns="0" tIns="0" rIns="0" bIns="0" rtlCol="0">
                          <a:noAutofit/>
                        </wps:bodyPr>
                      </wps:wsp>
                      <wps:wsp>
                        <wps:cNvPr id="5477" name="Rectangle 5477"/>
                        <wps:cNvSpPr/>
                        <wps:spPr>
                          <a:xfrm>
                            <a:off x="256132" y="3215885"/>
                            <a:ext cx="630585"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стройства</w:t>
                              </w:r>
                            </w:p>
                          </w:txbxContent>
                        </wps:txbx>
                        <wps:bodyPr horzOverflow="overflow" vert="horz" lIns="0" tIns="0" rIns="0" bIns="0" rtlCol="0">
                          <a:noAutofit/>
                        </wps:bodyPr>
                      </wps:wsp>
                      <wps:wsp>
                        <wps:cNvPr id="5478" name="Rectangle 5478"/>
                        <wps:cNvSpPr/>
                        <wps:spPr>
                          <a:xfrm>
                            <a:off x="730277" y="3199700"/>
                            <a:ext cx="67720" cy="13561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479" name="Rectangle 5479"/>
                        <wps:cNvSpPr/>
                        <wps:spPr>
                          <a:xfrm>
                            <a:off x="781193" y="3215885"/>
                            <a:ext cx="790106"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 происходит </w:t>
                              </w:r>
                            </w:p>
                          </w:txbxContent>
                        </wps:txbx>
                        <wps:bodyPr horzOverflow="overflow" vert="horz" lIns="0" tIns="0" rIns="0" bIns="0" rtlCol="0">
                          <a:noAutofit/>
                        </wps:bodyPr>
                      </wps:wsp>
                      <wps:wsp>
                        <wps:cNvPr id="5480" name="Rectangle 5480"/>
                        <wps:cNvSpPr/>
                        <wps:spPr>
                          <a:xfrm>
                            <a:off x="256132" y="3325625"/>
                            <a:ext cx="1179755" cy="1143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озврат управления </w:t>
                              </w:r>
                            </w:p>
                          </w:txbxContent>
                        </wps:txbx>
                        <wps:bodyPr horzOverflow="overflow" vert="horz" lIns="0" tIns="0" rIns="0" bIns="0" rtlCol="0">
                          <a:noAutofit/>
                        </wps:bodyPr>
                      </wps:wsp>
                      <pic:pic xmlns:pic="http://schemas.openxmlformats.org/drawingml/2006/picture">
                        <pic:nvPicPr>
                          <pic:cNvPr id="67495" name="Picture 67495"/>
                          <pic:cNvPicPr/>
                        </pic:nvPicPr>
                        <pic:blipFill>
                          <a:blip r:embed="rId90"/>
                          <a:stretch>
                            <a:fillRect/>
                          </a:stretch>
                        </pic:blipFill>
                        <pic:spPr>
                          <a:xfrm>
                            <a:off x="1840673" y="3330396"/>
                            <a:ext cx="545592" cy="316992"/>
                          </a:xfrm>
                          <a:prstGeom prst="rect">
                            <a:avLst/>
                          </a:prstGeom>
                        </pic:spPr>
                      </pic:pic>
                      <pic:pic xmlns:pic="http://schemas.openxmlformats.org/drawingml/2006/picture">
                        <pic:nvPicPr>
                          <pic:cNvPr id="67496" name="Picture 67496"/>
                          <pic:cNvPicPr/>
                        </pic:nvPicPr>
                        <pic:blipFill>
                          <a:blip r:embed="rId91"/>
                          <a:stretch>
                            <a:fillRect/>
                          </a:stretch>
                        </pic:blipFill>
                        <pic:spPr>
                          <a:xfrm>
                            <a:off x="2072321" y="3464508"/>
                            <a:ext cx="313944" cy="259080"/>
                          </a:xfrm>
                          <a:prstGeom prst="rect">
                            <a:avLst/>
                          </a:prstGeom>
                        </pic:spPr>
                      </pic:pic>
                      <wps:wsp>
                        <wps:cNvPr id="5486" name="Shape 5486"/>
                        <wps:cNvSpPr/>
                        <wps:spPr>
                          <a:xfrm>
                            <a:off x="2075481" y="3470104"/>
                            <a:ext cx="309178" cy="250748"/>
                          </a:xfrm>
                          <a:custGeom>
                            <a:avLst/>
                            <a:gdLst/>
                            <a:ahLst/>
                            <a:cxnLst/>
                            <a:rect l="0" t="0" r="0" b="0"/>
                            <a:pathLst>
                              <a:path w="309178" h="250748">
                                <a:moveTo>
                                  <a:pt x="0" y="250748"/>
                                </a:moveTo>
                                <a:lnTo>
                                  <a:pt x="293754" y="81010"/>
                                </a:lnTo>
                                <a:lnTo>
                                  <a:pt x="293754" y="65585"/>
                                </a:lnTo>
                                <a:lnTo>
                                  <a:pt x="309178" y="57865"/>
                                </a:lnTo>
                                <a:lnTo>
                                  <a:pt x="309178" y="0"/>
                                </a:lnTo>
                                <a:lnTo>
                                  <a:pt x="0" y="177451"/>
                                </a:lnTo>
                                <a:lnTo>
                                  <a:pt x="0" y="250748"/>
                                </a:lnTo>
                                <a:close/>
                              </a:path>
                            </a:pathLst>
                          </a:custGeom>
                          <a:ln w="5487"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67497" name="Picture 67497"/>
                          <pic:cNvPicPr/>
                        </pic:nvPicPr>
                        <pic:blipFill>
                          <a:blip r:embed="rId92"/>
                          <a:stretch>
                            <a:fillRect/>
                          </a:stretch>
                        </pic:blipFill>
                        <pic:spPr>
                          <a:xfrm>
                            <a:off x="1840673" y="3508196"/>
                            <a:ext cx="234696" cy="213360"/>
                          </a:xfrm>
                          <a:prstGeom prst="rect">
                            <a:avLst/>
                          </a:prstGeom>
                        </pic:spPr>
                      </pic:pic>
                      <wps:wsp>
                        <wps:cNvPr id="5489" name="Shape 5489"/>
                        <wps:cNvSpPr/>
                        <wps:spPr>
                          <a:xfrm>
                            <a:off x="1843578" y="3512537"/>
                            <a:ext cx="231903" cy="208315"/>
                          </a:xfrm>
                          <a:custGeom>
                            <a:avLst/>
                            <a:gdLst/>
                            <a:ahLst/>
                            <a:cxnLst/>
                            <a:rect l="0" t="0" r="0" b="0"/>
                            <a:pathLst>
                              <a:path w="231903" h="208315">
                                <a:moveTo>
                                  <a:pt x="0" y="57865"/>
                                </a:moveTo>
                                <a:lnTo>
                                  <a:pt x="15425" y="67513"/>
                                </a:lnTo>
                                <a:lnTo>
                                  <a:pt x="15425" y="82938"/>
                                </a:lnTo>
                                <a:lnTo>
                                  <a:pt x="231903" y="208315"/>
                                </a:lnTo>
                                <a:lnTo>
                                  <a:pt x="231903" y="135018"/>
                                </a:lnTo>
                                <a:lnTo>
                                  <a:pt x="0" y="0"/>
                                </a:lnTo>
                                <a:lnTo>
                                  <a:pt x="0" y="57865"/>
                                </a:lnTo>
                                <a:close/>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490" name="Shape 5490"/>
                        <wps:cNvSpPr/>
                        <wps:spPr>
                          <a:xfrm>
                            <a:off x="1843578" y="3335094"/>
                            <a:ext cx="541081" cy="385759"/>
                          </a:xfrm>
                          <a:custGeom>
                            <a:avLst/>
                            <a:gdLst/>
                            <a:ahLst/>
                            <a:cxnLst/>
                            <a:rect l="0" t="0" r="0" b="0"/>
                            <a:pathLst>
                              <a:path w="541081" h="385759">
                                <a:moveTo>
                                  <a:pt x="0" y="177443"/>
                                </a:moveTo>
                                <a:lnTo>
                                  <a:pt x="0" y="235308"/>
                                </a:lnTo>
                                <a:lnTo>
                                  <a:pt x="15425" y="244956"/>
                                </a:lnTo>
                                <a:lnTo>
                                  <a:pt x="15425" y="260381"/>
                                </a:lnTo>
                                <a:lnTo>
                                  <a:pt x="231903" y="385759"/>
                                </a:lnTo>
                                <a:lnTo>
                                  <a:pt x="525657" y="216020"/>
                                </a:lnTo>
                                <a:lnTo>
                                  <a:pt x="525657" y="200596"/>
                                </a:lnTo>
                                <a:lnTo>
                                  <a:pt x="541081" y="192875"/>
                                </a:lnTo>
                                <a:lnTo>
                                  <a:pt x="541081" y="135010"/>
                                </a:lnTo>
                                <a:lnTo>
                                  <a:pt x="309178" y="0"/>
                                </a:lnTo>
                                <a:lnTo>
                                  <a:pt x="0" y="177443"/>
                                </a:lnTo>
                                <a:close/>
                              </a:path>
                            </a:pathLst>
                          </a:custGeom>
                          <a:ln w="11431"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98" name="Picture 67498"/>
                          <pic:cNvPicPr/>
                        </pic:nvPicPr>
                        <pic:blipFill>
                          <a:blip r:embed="rId93"/>
                          <a:stretch>
                            <a:fillRect/>
                          </a:stretch>
                        </pic:blipFill>
                        <pic:spPr>
                          <a:xfrm>
                            <a:off x="2031681" y="3632149"/>
                            <a:ext cx="21336" cy="30480"/>
                          </a:xfrm>
                          <a:prstGeom prst="rect">
                            <a:avLst/>
                          </a:prstGeom>
                        </pic:spPr>
                      </pic:pic>
                      <wps:wsp>
                        <wps:cNvPr id="5493" name="Shape 5493"/>
                        <wps:cNvSpPr/>
                        <wps:spPr>
                          <a:xfrm>
                            <a:off x="2036385" y="3636727"/>
                            <a:ext cx="16265" cy="24478"/>
                          </a:xfrm>
                          <a:custGeom>
                            <a:avLst/>
                            <a:gdLst/>
                            <a:ahLst/>
                            <a:cxnLst/>
                            <a:rect l="0" t="0" r="0" b="0"/>
                            <a:pathLst>
                              <a:path w="16265" h="24478">
                                <a:moveTo>
                                  <a:pt x="0" y="15821"/>
                                </a:moveTo>
                                <a:lnTo>
                                  <a:pt x="16265" y="24478"/>
                                </a:lnTo>
                                <a:lnTo>
                                  <a:pt x="16265" y="8992"/>
                                </a:lnTo>
                                <a:lnTo>
                                  <a:pt x="0" y="0"/>
                                </a:lnTo>
                                <a:lnTo>
                                  <a:pt x="0" y="15821"/>
                                </a:lnTo>
                                <a:close/>
                              </a:path>
                            </a:pathLst>
                          </a:custGeom>
                          <a:ln w="1829"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99" name="Picture 67499"/>
                          <pic:cNvPicPr/>
                        </pic:nvPicPr>
                        <pic:blipFill>
                          <a:blip r:embed="rId94"/>
                          <a:stretch>
                            <a:fillRect/>
                          </a:stretch>
                        </pic:blipFill>
                        <pic:spPr>
                          <a:xfrm>
                            <a:off x="1876233" y="3543756"/>
                            <a:ext cx="39624" cy="57912"/>
                          </a:xfrm>
                          <a:prstGeom prst="rect">
                            <a:avLst/>
                          </a:prstGeom>
                        </pic:spPr>
                      </pic:pic>
                      <wps:wsp>
                        <wps:cNvPr id="5496" name="Shape 5496"/>
                        <wps:cNvSpPr/>
                        <wps:spPr>
                          <a:xfrm>
                            <a:off x="1879544" y="3546961"/>
                            <a:ext cx="36271" cy="54603"/>
                          </a:xfrm>
                          <a:custGeom>
                            <a:avLst/>
                            <a:gdLst/>
                            <a:ahLst/>
                            <a:cxnLst/>
                            <a:rect l="0" t="0" r="0" b="0"/>
                            <a:pathLst>
                              <a:path w="36271" h="54603">
                                <a:moveTo>
                                  <a:pt x="0" y="35284"/>
                                </a:moveTo>
                                <a:lnTo>
                                  <a:pt x="36271" y="54603"/>
                                </a:lnTo>
                                <a:lnTo>
                                  <a:pt x="36271" y="20058"/>
                                </a:lnTo>
                                <a:lnTo>
                                  <a:pt x="0" y="0"/>
                                </a:lnTo>
                                <a:lnTo>
                                  <a:pt x="0" y="35284"/>
                                </a:lnTo>
                                <a:close/>
                              </a:path>
                            </a:pathLst>
                          </a:custGeom>
                          <a:ln w="1829"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500" name="Picture 67500"/>
                          <pic:cNvPicPr/>
                        </pic:nvPicPr>
                        <pic:blipFill>
                          <a:blip r:embed="rId95"/>
                          <a:stretch>
                            <a:fillRect/>
                          </a:stretch>
                        </pic:blipFill>
                        <pic:spPr>
                          <a:xfrm>
                            <a:off x="1986977" y="3606749"/>
                            <a:ext cx="21336" cy="30480"/>
                          </a:xfrm>
                          <a:prstGeom prst="rect">
                            <a:avLst/>
                          </a:prstGeom>
                        </pic:spPr>
                      </pic:pic>
                      <wps:wsp>
                        <wps:cNvPr id="5499" name="Shape 5499"/>
                        <wps:cNvSpPr/>
                        <wps:spPr>
                          <a:xfrm>
                            <a:off x="1990417" y="3610762"/>
                            <a:ext cx="16341" cy="24471"/>
                          </a:xfrm>
                          <a:custGeom>
                            <a:avLst/>
                            <a:gdLst/>
                            <a:ahLst/>
                            <a:cxnLst/>
                            <a:rect l="0" t="0" r="0" b="0"/>
                            <a:pathLst>
                              <a:path w="16341" h="24471">
                                <a:moveTo>
                                  <a:pt x="0" y="15813"/>
                                </a:moveTo>
                                <a:lnTo>
                                  <a:pt x="16341" y="24471"/>
                                </a:lnTo>
                                <a:lnTo>
                                  <a:pt x="16341" y="8985"/>
                                </a:lnTo>
                                <a:lnTo>
                                  <a:pt x="0" y="0"/>
                                </a:lnTo>
                                <a:lnTo>
                                  <a:pt x="0" y="15813"/>
                                </a:lnTo>
                                <a:close/>
                              </a:path>
                            </a:pathLst>
                          </a:custGeom>
                          <a:ln w="1829" cap="rnd">
                            <a:round/>
                          </a:ln>
                        </wps:spPr>
                        <wps:style>
                          <a:lnRef idx="1">
                            <a:srgbClr val="000000"/>
                          </a:lnRef>
                          <a:fillRef idx="0">
                            <a:srgbClr val="000000">
                              <a:alpha val="0"/>
                            </a:srgbClr>
                          </a:fillRef>
                          <a:effectRef idx="0">
                            <a:scrgbClr r="0" g="0" b="0"/>
                          </a:effectRef>
                          <a:fontRef idx="none"/>
                        </wps:style>
                        <wps:bodyPr/>
                      </wps:wsp>
                      <wps:wsp>
                        <wps:cNvPr id="5500" name="Shape 5500"/>
                        <wps:cNvSpPr/>
                        <wps:spPr>
                          <a:xfrm>
                            <a:off x="1789440" y="3095509"/>
                            <a:ext cx="107055" cy="350963"/>
                          </a:xfrm>
                          <a:custGeom>
                            <a:avLst/>
                            <a:gdLst/>
                            <a:ahLst/>
                            <a:cxnLst/>
                            <a:rect l="0" t="0" r="0" b="0"/>
                            <a:pathLst>
                              <a:path w="107055" h="350963">
                                <a:moveTo>
                                  <a:pt x="0" y="0"/>
                                </a:moveTo>
                                <a:cubicBezTo>
                                  <a:pt x="4123" y="164374"/>
                                  <a:pt x="46121" y="302128"/>
                                  <a:pt x="107055" y="350963"/>
                                </a:cubicBezTo>
                              </a:path>
                            </a:pathLst>
                          </a:custGeom>
                          <a:ln w="5487" cap="rnd">
                            <a:round/>
                          </a:ln>
                        </wps:spPr>
                        <wps:style>
                          <a:lnRef idx="1">
                            <a:srgbClr val="000000"/>
                          </a:lnRef>
                          <a:fillRef idx="0">
                            <a:srgbClr val="000000">
                              <a:alpha val="0"/>
                            </a:srgbClr>
                          </a:fillRef>
                          <a:effectRef idx="0">
                            <a:scrgbClr r="0" g="0" b="0"/>
                          </a:effectRef>
                          <a:fontRef idx="none"/>
                        </wps:style>
                        <wps:bodyPr/>
                      </wps:wsp>
                      <wps:wsp>
                        <wps:cNvPr id="5501" name="Shape 5501"/>
                        <wps:cNvSpPr/>
                        <wps:spPr>
                          <a:xfrm>
                            <a:off x="1884660" y="3421018"/>
                            <a:ext cx="77963" cy="48012"/>
                          </a:xfrm>
                          <a:custGeom>
                            <a:avLst/>
                            <a:gdLst/>
                            <a:ahLst/>
                            <a:cxnLst/>
                            <a:rect l="0" t="0" r="0" b="0"/>
                            <a:pathLst>
                              <a:path w="77963" h="48012">
                                <a:moveTo>
                                  <a:pt x="11606" y="0"/>
                                </a:moveTo>
                                <a:lnTo>
                                  <a:pt x="77963" y="41374"/>
                                </a:lnTo>
                                <a:lnTo>
                                  <a:pt x="0" y="48012"/>
                                </a:lnTo>
                                <a:lnTo>
                                  <a:pt x="1160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9476" name="Shape 69476"/>
                        <wps:cNvSpPr/>
                        <wps:spPr>
                          <a:xfrm>
                            <a:off x="1248359" y="2576279"/>
                            <a:ext cx="324679" cy="108010"/>
                          </a:xfrm>
                          <a:custGeom>
                            <a:avLst/>
                            <a:gdLst/>
                            <a:ahLst/>
                            <a:cxnLst/>
                            <a:rect l="0" t="0" r="0" b="0"/>
                            <a:pathLst>
                              <a:path w="324679" h="108010">
                                <a:moveTo>
                                  <a:pt x="0" y="0"/>
                                </a:moveTo>
                                <a:lnTo>
                                  <a:pt x="324679" y="0"/>
                                </a:lnTo>
                                <a:lnTo>
                                  <a:pt x="324679" y="108010"/>
                                </a:lnTo>
                                <a:lnTo>
                                  <a:pt x="0" y="108010"/>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5504" name="Rectangle 5504"/>
                        <wps:cNvSpPr/>
                        <wps:spPr>
                          <a:xfrm>
                            <a:off x="1296083" y="2575005"/>
                            <a:ext cx="203157"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wps:txbx>
                        <wps:bodyPr horzOverflow="overflow" vert="horz" lIns="0" tIns="0" rIns="0" bIns="0" rtlCol="0">
                          <a:noAutofit/>
                        </wps:bodyPr>
                      </wps:wsp>
                      <wps:wsp>
                        <wps:cNvPr id="5505" name="Rectangle 5505"/>
                        <wps:cNvSpPr/>
                        <wps:spPr>
                          <a:xfrm>
                            <a:off x="1448801" y="2575005"/>
                            <a:ext cx="33860"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wps:txbx>
                        <wps:bodyPr horzOverflow="overflow" vert="horz" lIns="0" tIns="0" rIns="0" bIns="0" rtlCol="0">
                          <a:noAutofit/>
                        </wps:bodyPr>
                      </wps:wsp>
                      <wps:wsp>
                        <wps:cNvPr id="5506" name="Rectangle 5506"/>
                        <wps:cNvSpPr/>
                        <wps:spPr>
                          <a:xfrm>
                            <a:off x="1474305" y="2575005"/>
                            <a:ext cx="67779"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n</w:t>
                              </w:r>
                            </w:p>
                          </w:txbxContent>
                        </wps:txbx>
                        <wps:bodyPr horzOverflow="overflow" vert="horz" lIns="0" tIns="0" rIns="0" bIns="0" rtlCol="0">
                          <a:noAutofit/>
                        </wps:bodyPr>
                      </wps:wsp>
                      <wps:wsp>
                        <wps:cNvPr id="5507" name="Shape 5507"/>
                        <wps:cNvSpPr/>
                        <wps:spPr>
                          <a:xfrm>
                            <a:off x="869541" y="2630334"/>
                            <a:ext cx="378818" cy="0"/>
                          </a:xfrm>
                          <a:custGeom>
                            <a:avLst/>
                            <a:gdLst/>
                            <a:ahLst/>
                            <a:cxnLst/>
                            <a:rect l="0" t="0" r="0" b="0"/>
                            <a:pathLst>
                              <a:path w="378818">
                                <a:moveTo>
                                  <a:pt x="0" y="0"/>
                                </a:moveTo>
                                <a:lnTo>
                                  <a:pt x="378818" y="0"/>
                                </a:lnTo>
                              </a:path>
                            </a:pathLst>
                          </a:custGeom>
                          <a:ln w="16461" cap="rnd">
                            <a:custDash>
                              <a:ds d="1" sp="1166529"/>
                            </a:custDash>
                            <a:round/>
                          </a:ln>
                        </wps:spPr>
                        <wps:style>
                          <a:lnRef idx="1">
                            <a:srgbClr val="000000"/>
                          </a:lnRef>
                          <a:fillRef idx="0">
                            <a:srgbClr val="000000">
                              <a:alpha val="0"/>
                            </a:srgbClr>
                          </a:fillRef>
                          <a:effectRef idx="0">
                            <a:scrgbClr r="0" g="0" b="0"/>
                          </a:effectRef>
                          <a:fontRef idx="none"/>
                        </wps:style>
                        <wps:bodyPr/>
                      </wps:wsp>
                      <wps:wsp>
                        <wps:cNvPr id="69477" name="Shape 69477"/>
                        <wps:cNvSpPr/>
                        <wps:spPr>
                          <a:xfrm>
                            <a:off x="517799" y="3439247"/>
                            <a:ext cx="324679" cy="108010"/>
                          </a:xfrm>
                          <a:custGeom>
                            <a:avLst/>
                            <a:gdLst/>
                            <a:ahLst/>
                            <a:cxnLst/>
                            <a:rect l="0" t="0" r="0" b="0"/>
                            <a:pathLst>
                              <a:path w="324679" h="108010">
                                <a:moveTo>
                                  <a:pt x="0" y="0"/>
                                </a:moveTo>
                                <a:lnTo>
                                  <a:pt x="324679" y="0"/>
                                </a:lnTo>
                                <a:lnTo>
                                  <a:pt x="324679" y="108010"/>
                                </a:lnTo>
                                <a:lnTo>
                                  <a:pt x="0" y="108010"/>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5510" name="Rectangle 5510"/>
                        <wps:cNvSpPr/>
                        <wps:spPr>
                          <a:xfrm>
                            <a:off x="565554" y="3437928"/>
                            <a:ext cx="203157"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wps:txbx>
                        <wps:bodyPr horzOverflow="overflow" vert="horz" lIns="0" tIns="0" rIns="0" bIns="0" rtlCol="0">
                          <a:noAutofit/>
                        </wps:bodyPr>
                      </wps:wsp>
                      <wps:wsp>
                        <wps:cNvPr id="5511" name="Rectangle 5511"/>
                        <wps:cNvSpPr/>
                        <wps:spPr>
                          <a:xfrm>
                            <a:off x="718303" y="3437928"/>
                            <a:ext cx="33860"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wps:txbx>
                        <wps:bodyPr horzOverflow="overflow" vert="horz" lIns="0" tIns="0" rIns="0" bIns="0" rtlCol="0">
                          <a:noAutofit/>
                        </wps:bodyPr>
                      </wps:wsp>
                      <wps:wsp>
                        <wps:cNvPr id="5512" name="Rectangle 5512"/>
                        <wps:cNvSpPr/>
                        <wps:spPr>
                          <a:xfrm>
                            <a:off x="743777" y="3437928"/>
                            <a:ext cx="67779"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1</w:t>
                              </w:r>
                            </w:p>
                          </w:txbxContent>
                        </wps:txbx>
                        <wps:bodyPr horzOverflow="overflow" vert="horz" lIns="0" tIns="0" rIns="0" bIns="0" rtlCol="0">
                          <a:noAutofit/>
                        </wps:bodyPr>
                      </wps:wsp>
                      <wps:wsp>
                        <wps:cNvPr id="69478" name="Shape 69478"/>
                        <wps:cNvSpPr/>
                        <wps:spPr>
                          <a:xfrm>
                            <a:off x="1221251" y="3439247"/>
                            <a:ext cx="324679" cy="108010"/>
                          </a:xfrm>
                          <a:custGeom>
                            <a:avLst/>
                            <a:gdLst/>
                            <a:ahLst/>
                            <a:cxnLst/>
                            <a:rect l="0" t="0" r="0" b="0"/>
                            <a:pathLst>
                              <a:path w="324679" h="108010">
                                <a:moveTo>
                                  <a:pt x="0" y="0"/>
                                </a:moveTo>
                                <a:lnTo>
                                  <a:pt x="324679" y="0"/>
                                </a:lnTo>
                                <a:lnTo>
                                  <a:pt x="324679" y="108010"/>
                                </a:lnTo>
                                <a:lnTo>
                                  <a:pt x="0" y="108010"/>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5515" name="Rectangle 5515"/>
                        <wps:cNvSpPr/>
                        <wps:spPr>
                          <a:xfrm>
                            <a:off x="1269052" y="3437928"/>
                            <a:ext cx="203157"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wps:txbx>
                        <wps:bodyPr horzOverflow="overflow" vert="horz" lIns="0" tIns="0" rIns="0" bIns="0" rtlCol="0">
                          <a:noAutofit/>
                        </wps:bodyPr>
                      </wps:wsp>
                      <wps:wsp>
                        <wps:cNvPr id="5516" name="Rectangle 5516"/>
                        <wps:cNvSpPr/>
                        <wps:spPr>
                          <a:xfrm>
                            <a:off x="1421770" y="3437928"/>
                            <a:ext cx="33860"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wps:txbx>
                        <wps:bodyPr horzOverflow="overflow" vert="horz" lIns="0" tIns="0" rIns="0" bIns="0" rtlCol="0">
                          <a:noAutofit/>
                        </wps:bodyPr>
                      </wps:wsp>
                      <wps:wsp>
                        <wps:cNvPr id="5517" name="Rectangle 5517"/>
                        <wps:cNvSpPr/>
                        <wps:spPr>
                          <a:xfrm>
                            <a:off x="1447198" y="3437928"/>
                            <a:ext cx="67779" cy="13561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n</w:t>
                              </w:r>
                            </w:p>
                          </w:txbxContent>
                        </wps:txbx>
                        <wps:bodyPr horzOverflow="overflow" vert="horz" lIns="0" tIns="0" rIns="0" bIns="0" rtlCol="0">
                          <a:noAutofit/>
                        </wps:bodyPr>
                      </wps:wsp>
                      <wps:wsp>
                        <wps:cNvPr id="5518" name="Shape 5518"/>
                        <wps:cNvSpPr/>
                        <wps:spPr>
                          <a:xfrm>
                            <a:off x="842509" y="3493249"/>
                            <a:ext cx="378742" cy="0"/>
                          </a:xfrm>
                          <a:custGeom>
                            <a:avLst/>
                            <a:gdLst/>
                            <a:ahLst/>
                            <a:cxnLst/>
                            <a:rect l="0" t="0" r="0" b="0"/>
                            <a:pathLst>
                              <a:path w="378742">
                                <a:moveTo>
                                  <a:pt x="0" y="0"/>
                                </a:moveTo>
                                <a:lnTo>
                                  <a:pt x="378742" y="0"/>
                                </a:lnTo>
                              </a:path>
                            </a:pathLst>
                          </a:custGeom>
                          <a:ln w="16461" cap="rnd">
                            <a:custDash>
                              <a:ds d="1" sp="1166529"/>
                            </a:custDash>
                            <a:round/>
                          </a:ln>
                        </wps:spPr>
                        <wps:style>
                          <a:lnRef idx="1">
                            <a:srgbClr val="000000"/>
                          </a:lnRef>
                          <a:fillRef idx="0">
                            <a:srgbClr val="000000">
                              <a:alpha val="0"/>
                            </a:srgbClr>
                          </a:fillRef>
                          <a:effectRef idx="0">
                            <a:scrgbClr r="0" g="0" b="0"/>
                          </a:effectRef>
                          <a:fontRef idx="none"/>
                        </wps:style>
                        <wps:bodyPr/>
                      </wps:wsp>
                    </wpg:wgp>
                  </a:graphicData>
                </a:graphic>
              </wp:inline>
            </w:drawing>
          </mc:Choice>
          <mc:Fallback>
            <w:pict>
              <v:group id="Group 61884" o:spid="_x0000_s2590" style="width:325.65pt;height:293pt;mso-position-horizontal-relative:char;mso-position-vertical-relative:line" coordsize="41359,3720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">
                <v:shape id="Shape 5379" o:spid="_x0000_s2591" style="position:absolute;left:15911;width:9594;height:4433;visibility:visible;mso-wrap-style:square;v-text-anchor:top" coordsize="959453,4433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" path="m959453,221614c959453,99223,744655,,479689,,214722,,,99223,,221614,,344081,214722,443304,479689,443304v264966,,479764,-99223,479764,-221690xe" filled="f" strokeweight=".15242mm">
                  <v:stroke endcap="round"/>
                  <v:path arrowok="t" textboxrect="0,0,959453,443304"/>
                </v:shape>
                <v:rect id="Rectangle 5380" o:spid="_x0000_s2592" style="position:absolute;left:18108;top:1276;width:7254;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v:textbox>
                </v:rect>
                <v:rect id="Rectangle 5381" o:spid="_x0000_s2593" style="position:absolute;left:16576;top:2373;width:8755;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кружения или </w:t>
                        </w:r>
                      </w:p>
                    </w:txbxContent>
                  </v:textbox>
                </v:rect>
                <v:rect id="Rectangle 5382" o:spid="_x0000_s2594" style="position:absolute;left:23159;top:2211;width:223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DLL</w:t>
                        </w:r>
                      </w:p>
                    </w:txbxContent>
                  </v:textbox>
                </v:rect>
                <v:shape id="Shape 5383" o:spid="_x0000_s2595" style="position:absolute;left:649;top:4808;width:1515;height:1512;visibility:visible;mso-wrap-style:square;v-text-anchor:top" coordsize="151512,151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" path="m75756,v41845,,75756,33837,75756,75599c151512,117361,117601,151198,75756,151198,33919,151198,,117361,,75599,,33837,33919,,75756,xe" fillcolor="#d9d9d9" stroked="f" strokeweight="0">
                  <v:stroke endcap="round"/>
                  <v:path arrowok="t" textboxrect="0,0,151512,151198"/>
                </v:shape>
                <v:shape id="Shape 5384" o:spid="_x0000_s2596" style="position:absolute;left:649;top:4808;width:1515;height:1512;visibility:visible;mso-wrap-style:square;v-text-anchor:top" coordsize="151512,151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" path="m151512,75599c151512,33837,117601,,75756,,33919,,,33837,,75599v,41762,33919,75599,75756,75599c117601,151198,151512,117361,151512,75599xe" filled="f" strokeweight=".15242mm">
                  <v:stroke endcap="round"/>
                  <v:path arrowok="t" textboxrect="0,0,151512,151198"/>
                </v:shape>
                <v:rect id="Rectangle 5385" o:spid="_x0000_s2597" style="position:absolute;left:1152;top:5011;width:67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rect id="Rectangle 5386" o:spid="_x0000_s2598" style="position:absolute;left:2552;top:5167;width:12191;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ызов сервиса ввода</w:t>
                        </w:r>
                      </w:p>
                    </w:txbxContent>
                  </v:textbox>
                </v:rect>
                <v:rect id="Rectangle 5387" o:spid="_x0000_s2599" style="position:absolute;left:11719;top:5005;width:40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388" o:spid="_x0000_s2600" style="position:absolute;left:12023;top:5167;width:423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rect id="Rectangle 5389" o:spid="_x0000_s2601" style="position:absolute;left:28444;top:3982;width:17177;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озврат кода незавершенной </w:t>
                        </w:r>
                      </w:p>
                    </w:txbxContent>
                  </v:textbox>
                </v:rect>
                <v:rect id="Rectangle 5390" o:spid="_x0000_s2602" style="position:absolute;left:28444;top:5080;width:913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операции ввода</w:t>
                        </w:r>
                      </w:p>
                    </w:txbxContent>
                  </v:textbox>
                </v:rect>
                <v:rect id="Rectangle 5391" o:spid="_x0000_s2603" style="position:absolute;left:35309;top:4918;width:40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392" o:spid="_x0000_s2604" style="position:absolute;left:35614;top:5080;width:457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а </w:t>
                        </w:r>
                      </w:p>
                    </w:txbxContent>
                  </v:textbox>
                </v:rect>
                <v:shape id="Shape 5393" o:spid="_x0000_s2605" style="position:absolute;left:26623;top:3728;width:1515;height:1512;visibility:visible;mso-wrap-style:square;v-text-anchor:top" coordsize="151497,151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" path="m75748,v41845,,75749,33837,75749,75599c151497,117361,117593,151198,75748,151198,33903,151198,,117361,,75599,,33837,33903,,75748,xe" fillcolor="#d9d9d9" stroked="f" strokeweight="0">
                  <v:stroke endcap="round"/>
                  <v:path arrowok="t" textboxrect="0,0,151497,151198"/>
                </v:shape>
                <v:shape id="Shape 5394" o:spid="_x0000_s2606" style="position:absolute;left:26623;top:3728;width:1515;height:1512;visibility:visible;mso-wrap-style:square;v-text-anchor:top" coordsize="151497,151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" path="m151497,75599c151497,33837,117593,,75748,,33903,,,33837,,75599v,41762,33903,75599,75748,75599c117593,151198,151497,117361,151497,75599xe" filled="f" strokeweight=".15242mm">
                  <v:stroke endcap="round"/>
                  <v:path arrowok="t" textboxrect="0,0,151497,151198"/>
                </v:shape>
                <v:rect id="Rectangle 5395" o:spid="_x0000_s2607" style="position:absolute;left:27126;top:3931;width:678;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7</w:t>
                        </w:r>
                      </w:p>
                    </w:txbxContent>
                  </v:textbox>
                </v:rect>
                <v:shape id="Shape 5396" o:spid="_x0000_s2608" style="position:absolute;top:7416;width:41125;height:0;visibility:visible;mso-wrap-style:square;v-text-anchor:top" coordsize="411259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" path="m,l4112592,e" filled="f" strokeweight=".45725mm">
                  <v:stroke endcap="round"/>
                  <v:path arrowok="t" textboxrect="0,0,4112592,0"/>
                </v:shape>
                <v:rect id="Rectangle 5397" o:spid="_x0000_s2609" style="position:absolute;left:30234;top:6263;width:1457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v:textbox>
                </v:rect>
                <v:rect id="Rectangle 5398" o:spid="_x0000_s2610" style="position:absolute;left:35513;top:7787;width:689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Режим ядра</w:t>
                        </w:r>
                      </w:p>
                    </w:txbxContent>
                  </v:textbox>
                </v:rect>
                <v:shape id="Shape 5400" o:spid="_x0000_s2611" style="position:absolute;left:16774;top:8712;width:7576;height:2160;visibility:visible;mso-wrap-style:square;v-text-anchor:top" coordsize="757582,216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" path="m,216020r757582,l757582,,,,,216020xe" filled="f" strokeweight=".05081mm">
                  <v:stroke endcap="round"/>
                  <v:path arrowok="t" textboxrect="0,0,757582,216020"/>
                </v:shape>
                <v:rect id="Rectangle 5401" o:spid="_x0000_s2612" style="position:absolute;left:18664;top:9401;width:505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Сервисы</w:t>
                        </w:r>
                      </w:p>
                    </w:txbxContent>
                  </v:textbox>
                </v:rect>
                <v:shape id="Shape 69473" o:spid="_x0000_s2613" style="position:absolute;left:16774;top:10872;width:7576;height:2808;visibility:visible;mso-wrap-style:square;v-text-anchor:top" coordsize="757582,2808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" path="m,l757582,r,280829l,280829,,e" stroked="f" strokeweight="0">
                  <v:stroke endcap="round"/>
                  <v:path arrowok="t" textboxrect="0,0,757582,280829"/>
                </v:shape>
                <v:shape id="Shape 5403" o:spid="_x0000_s2614" style="position:absolute;left:16774;top:10872;width:7576;height:2808;visibility:visible;mso-wrap-style:square;v-text-anchor:top" coordsize="757582,2808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" path="m,280829r757582,l757582,,,,,280829xe" filled="f" strokeweight=".05081mm">
                  <v:stroke endcap="round"/>
                  <v:path arrowok="t" textboxrect="0,0,757582,280829"/>
                </v:shape>
                <v:rect id="Rectangle 5404" o:spid="_x0000_s2615" style="position:absolute;left:18179;top:11337;width:634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v:textbox>
                </v:rect>
                <v:rect id="Rectangle 5405" o:spid="_x0000_s2616" style="position:absolute;left:17553;top:12434;width:3362;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5406" o:spid="_x0000_s2617" style="position:absolute;left:20081;top:12272;width:40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407" o:spid="_x0000_s2618" style="position:absolute;left:20386;top:12434;width:423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5408" o:spid="_x0000_s2619" style="position:absolute;left:17540;top:4194;width:1567;height:3846;visibility:visible;mso-wrap-style:square;v-text-anchor:top" coordsize="156689,3846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" path="m156689,11126c55818,,,158970,25581,384623e" filled="f" strokeweight=".15242mm">
                  <v:stroke endcap="round"/>
                  <v:path arrowok="t" textboxrect="0,0,156689,384623"/>
                </v:shape>
                <v:shape id="Shape 5409" o:spid="_x0000_s2620" style="position:absolute;left:17543;top:7943;width:489;height:769;visibility:visible;mso-wrap-style:square;v-text-anchor:top" coordsize="48946,768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" path="m48946,l35125,76895,,7088,48946,xe" fillcolor="black" stroked="f" strokeweight="0">
                  <v:stroke endcap="round"/>
                  <v:path arrowok="t" textboxrect="0,0,48946,76895"/>
                </v:shape>
                <v:shape id="Shape 5410" o:spid="_x0000_s2621" style="position:absolute;left:22976;top:4497;width:943;height:4215;visibility:visible;mso-wrap-style:square;v-text-anchor:top" coordsize="94304,42158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" path="m59026,421585c94304,225501,70708,56852,,e" filled="f" strokeweight=".15242mm">
                  <v:stroke endcap="round"/>
                  <v:path arrowok="t" textboxrect="0,0,94304,421585"/>
                </v:shape>
                <v:shape id="Shape 5411" o:spid="_x0000_s2622" style="position:absolute;left:22324;top:4277;width:781;height:474;visibility:visible;mso-wrap-style:square;v-text-anchor:top" coordsize="78191,474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" path="m78191,l64141,47402,,2591,78191,xe" fillcolor="black" stroked="f" strokeweight="0">
                  <v:stroke endcap="round"/>
                  <v:path arrowok="t" textboxrect="0,0,78191,47402"/>
                </v:shape>
                <v:shape id="Shape 5412" o:spid="_x0000_s2623" style="position:absolute;left:649;top:10440;width:1515;height:1513;visibility:visible;mso-wrap-style:square;v-text-anchor:top" coordsize="151512,1512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" path="m75756,v41845,,75756,33913,75756,75598c151512,117361,117601,151274,75756,151274,33919,151274,,117361,,75598,,33913,33919,,75756,xe" fillcolor="#d9d9d9" stroked="f" strokeweight="0">
                  <v:stroke endcap="round"/>
                  <v:path arrowok="t" textboxrect="0,0,151512,151274"/>
                </v:shape>
                <v:shape id="Shape 5413" o:spid="_x0000_s2624" style="position:absolute;left:649;top:10440;width:1515;height:1513;visibility:visible;mso-wrap-style:square;v-text-anchor:top" coordsize="151512,1512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" path="m151512,75598c151512,33913,117601,,75756,,33919,,,33913,,75598v,41763,33919,75676,75756,75676c117601,151274,151512,117361,151512,75598xe" filled="f" strokeweight=".15242mm">
                  <v:stroke endcap="round"/>
                  <v:path arrowok="t" textboxrect="0,0,151512,151274"/>
                </v:shape>
                <v:rect id="Rectangle 5414" o:spid="_x0000_s2625" style="position:absolute;left:1152;top:10643;width:67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rect id="Rectangle 5415" o:spid="_x0000_s2626" style="position:absolute;left:2507;top:11430;width:9702;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 ввода</w:t>
                        </w:r>
                      </w:p>
                    </w:txbxContent>
                  </v:textbox>
                </v:rect>
                <v:rect id="Rectangle 5416" o:spid="_x0000_s2627" style="position:absolute;left:9801;top:11268;width:40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417" o:spid="_x0000_s2628" style="position:absolute;left:10107;top:11430;width:457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а </w:t>
                        </w:r>
                      </w:p>
                    </w:txbxContent>
                  </v:textbox>
                </v:rect>
                <v:rect id="Rectangle 5418" o:spid="_x0000_s2629" style="position:absolute;left:2507;top:12527;width:480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оздает </w:t>
                        </w:r>
                      </w:p>
                    </w:txbxContent>
                  </v:textbox>
                </v:rect>
                <v:rect id="Rectangle 5419" o:spid="_x0000_s2630" style="position:absolute;left:6123;top:12365;width:2370;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P </w:t>
                        </w:r>
                      </w:p>
                    </w:txbxContent>
                  </v:textbox>
                </v:rect>
                <v:rect id="Rectangle 5420" o:spid="_x0000_s2631" style="position:absolute;left:7905;top:12365;width:338;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421" o:spid="_x0000_s2632" style="position:absolute;left:8160;top:12527;width:687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 вызывает </w:t>
                        </w:r>
                      </w:p>
                    </w:txbxContent>
                  </v:textbox>
                </v:rect>
                <v:rect id="Rectangle 5422" o:spid="_x0000_s2633" style="position:absolute;left:2507;top:13624;width:16033;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 файловой системы</w:t>
                        </w:r>
                      </w:p>
                    </w:txbxContent>
                  </v:textbox>
                </v:rect>
                <v:rect id="Rectangle 5423" o:spid="_x0000_s2634" style="position:absolute;left:28431;top:15116;width:17177;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озврат кода незавершенной </w:t>
                        </w:r>
                      </w:p>
                    </w:txbxContent>
                  </v:textbox>
                </v:rect>
                <v:rect id="Rectangle 5424" o:spid="_x0000_s2635" style="position:absolute;left:28431;top:16214;width:913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операции ввода</w:t>
                        </w:r>
                      </w:p>
                    </w:txbxContent>
                  </v:textbox>
                </v:rect>
                <v:rect id="Rectangle 5425" o:spid="_x0000_s2636" style="position:absolute;left:35295;top:16052;width:40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426" o:spid="_x0000_s2637" style="position:absolute;left:35601;top:16214;width:457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а </w:t>
                        </w:r>
                      </w:p>
                    </w:txbxContent>
                  </v:textbox>
                </v:rect>
                <v:shape id="Shape 5427" o:spid="_x0000_s2638" style="position:absolute;left:26610;top:14863;width:1515;height:1512;visibility:visible;mso-wrap-style:square;v-text-anchor:top" coordsize="151573,151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" path="m75748,v41845,,75825,33837,75825,75599c151573,117361,117593,151198,75748,151198,33980,151198,,117361,,75599,,33837,33980,,75748,xe" fillcolor="#d9d9d9" stroked="f" strokeweight="0">
                  <v:stroke endcap="round"/>
                  <v:path arrowok="t" textboxrect="0,0,151573,151198"/>
                </v:shape>
                <v:shape id="Shape 5428" o:spid="_x0000_s2639" style="position:absolute;left:26610;top:14863;width:1515;height:1512;visibility:visible;mso-wrap-style:square;v-text-anchor:top" coordsize="151573,151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" path="m151573,75599c151573,33837,117593,,75748,,33980,,,33837,,75599v,41762,33980,75599,75748,75599c117593,151198,151573,117361,151573,75599xe" filled="f" strokeweight=".15242mm">
                  <v:stroke endcap="round"/>
                  <v:path arrowok="t" textboxrect="0,0,151573,151198"/>
                </v:shape>
                <v:rect id="Rectangle 5429" o:spid="_x0000_s2640" style="position:absolute;left:27113;top:15066;width:678;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6</w:t>
                        </w:r>
                      </w:p>
                    </w:txbxContent>
                  </v:textbox>
                </v:rect>
                <v:shape id="Shape 5431" o:spid="_x0000_s2641" style="position:absolute;left:15909;top:18434;width:9307;height:2808;visibility:visible;mso-wrap-style:square;v-text-anchor:top" coordsize="930742,2808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" path="m,280828r930742,l930742,,,,,280828xe" filled="f" strokeweight=".05081mm">
                  <v:stroke endcap="round"/>
                  <v:path arrowok="t" textboxrect="0,0,930742,280828"/>
                </v:shape>
                <v:rect id="Rectangle 5432" o:spid="_x0000_s2642" style="position:absolute;left:16315;top:18897;width:1129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райвер файловой </w:t>
                        </w:r>
                      </w:p>
                    </w:txbxContent>
                  </v:textbox>
                </v:rect>
                <v:rect id="Rectangle 5433" o:spid="_x0000_s2643" style="position:absolute;left:18739;top:19995;width:485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системы</w:t>
                        </w:r>
                      </w:p>
                    </w:txbxContent>
                  </v:textbox>
                </v:rect>
                <v:shape id="Shape 5434" o:spid="_x0000_s2644" style="position:absolute;left:22290;top:13897;width:1519;height:4537;visibility:visible;mso-wrap-style:square;v-text-anchor:top" coordsize="151955,4536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" path="m151955,453668c151955,245696,90333,61957,,e" filled="f" strokeweight=".15242mm">
                  <v:stroke endcap="round"/>
                  <v:path arrowok="t" textboxrect="0,0,151955,453668"/>
                </v:shape>
                <v:shape id="Shape 5435" o:spid="_x0000_s2645" style="position:absolute;left:21645;top:13680;width:782;height:471;visibility:visible;mso-wrap-style:square;v-text-anchor:top" coordsize="78268,47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" path="m,l78268,152,62462,47020,,xe" fillcolor="black" stroked="f" strokeweight="0">
                  <v:stroke endcap="round"/>
                  <v:path arrowok="t" textboxrect="0,0,78268,47020"/>
                </v:shape>
                <v:shape id="Shape 5436" o:spid="_x0000_s2646" style="position:absolute;left:17338;top:13680;width:2142;height:4075;visibility:visible;mso-wrap-style:square;v-text-anchor:top" coordsize="214188,4074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" path="m214188,c106597,,15348,173603,,407410e" filled="f" strokeweight=".15242mm">
                  <v:stroke endcap="round"/>
                  <v:path arrowok="t" textboxrect="0,0,214188,407410"/>
                </v:shape>
                <v:shape id="Shape 5437" o:spid="_x0000_s2647" style="position:absolute;left:17093;top:17684;width:494;height:750;visibility:visible;mso-wrap-style:square;v-text-anchor:top" coordsize="49404,749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" path="m,l49404,1677,22297,74912,,xe" fillcolor="black" stroked="f" strokeweight="0">
                  <v:stroke endcap="round"/>
                  <v:path arrowok="t" textboxrect="0,0,49404,74912"/>
                </v:shape>
                <v:shape id="Shape 69474" o:spid="_x0000_s2648" style="position:absolute;left:13024;top:15393;width:3247;height:1080;visibility:visible;mso-wrap-style:square;v-text-anchor:top" coordsize="324679,1080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" path="m,l324679,r,108010l,108010,,e" fillcolor="#f2f2f2" stroked="f" strokeweight="0">
                  <v:stroke endcap="round"/>
                  <v:path arrowok="t" textboxrect="0,0,324679,108010"/>
                </v:shape>
                <v:rect id="Rectangle 5440" o:spid="_x0000_s2649" style="position:absolute;left:13502;top:15380;width:2031;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v:textbox>
                </v:rect>
                <v:rect id="Rectangle 5441" o:spid="_x0000_s2650" style="position:absolute;left:15029;top:15380;width:339;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v:textbox>
                </v:rect>
                <v:rect id="Rectangle 5442" o:spid="_x0000_s2651" style="position:absolute;left:15283;top:15380;width:678;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0</w:t>
                        </w:r>
                      </w:p>
                    </w:txbxContent>
                  </v:textbox>
                </v:rect>
                <v:shape id="Shape 5443" o:spid="_x0000_s2652" style="position:absolute;left:578;top:21010;width:1515;height:1512;visibility:visible;mso-wrap-style:square;v-text-anchor:top" coordsize="151512,151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" path="m75756,v41837,,75756,33836,75756,75598c151512,117361,117593,151198,75756,151198,33919,151198,,117361,,75598,,33836,33919,,75756,xe" fillcolor="#d9d9d9" stroked="f" strokeweight="0">
                  <v:stroke endcap="round"/>
                  <v:path arrowok="t" textboxrect="0,0,151512,151198"/>
                </v:shape>
                <v:shape id="Shape 5444" o:spid="_x0000_s2653" style="position:absolute;left:578;top:21010;width:1515;height:1512;visibility:visible;mso-wrap-style:square;v-text-anchor:top" coordsize="151512,151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" path="m151512,75598c151512,33836,117593,,75756,,33919,,,33836,,75598v,41763,33919,75600,75756,75600c117593,151198,151512,117361,151512,75598xe" filled="f" strokeweight=".15242mm">
                  <v:stroke endcap="round"/>
                  <v:path arrowok="t" textboxrect="0,0,151512,151198"/>
                </v:shape>
                <v:rect id="Rectangle 5445" o:spid="_x0000_s2654" style="position:absolute;left:1081;top:21213;width:67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3</w:t>
                        </w:r>
                      </w:p>
                    </w:txbxContent>
                  </v:textbox>
                </v:rect>
                <v:rect id="Rectangle 5446" o:spid="_x0000_s2655" style="position:absolute;left:2507;top:21034;width:1648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райвер файловой системы </w:t>
                        </w:r>
                      </w:p>
                    </w:txbxContent>
                  </v:textbox>
                </v:rect>
                <v:rect id="Rectangle 5447" o:spid="_x0000_s2656" style="position:absolute;left:2507;top:22131;width:13686;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оздает сопоставление </w:t>
                        </w:r>
                      </w:p>
                    </w:txbxContent>
                  </v:textbox>
                </v:rect>
                <v:rect id="Rectangle 5448" o:spid="_x0000_s2657" style="position:absolute;left:12797;top:21970;width:2370;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P </w:t>
                        </w:r>
                      </w:p>
                    </w:txbxContent>
                  </v:textbox>
                </v:rect>
                <v:rect id="Rectangle 5449" o:spid="_x0000_s2658" style="position:absolute;left:14579;top:21970;width:339;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450" o:spid="_x0000_s2659" style="position:absolute;left:14833;top:22131;width:1020;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 </w:t>
                        </w:r>
                      </w:p>
                    </w:txbxContent>
                  </v:textbox>
                </v:rect>
                <v:rect id="Rectangle 5451" o:spid="_x0000_s2660" style="position:absolute;left:2507;top:23229;width:1999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зывает драйвер диска один или </w:t>
                        </w:r>
                      </w:p>
                    </w:txbxContent>
                  </v:textbox>
                </v:rect>
                <v:rect id="Rectangle 5452" o:spid="_x0000_s2661" style="position:absolute;left:2507;top:24326;width:7980;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несколько раз</w:t>
                        </w:r>
                      </w:p>
                    </w:txbxContent>
                  </v:textbox>
                </v:rect>
                <v:shape id="Shape 5453" o:spid="_x0000_s2662" style="position:absolute;left:26623;top:20593;width:1515;height:1512;visibility:visible;mso-wrap-style:square;v-text-anchor:top" coordsize="151497,1511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" path="m75748,v41845,,75749,33836,75749,75598c151497,117361,117593,151197,75748,151197,33903,151197,,117361,,75598,,33836,33903,,75748,xe" fillcolor="#d9d9d9" stroked="f" strokeweight="0">
                  <v:stroke endcap="round"/>
                  <v:path arrowok="t" textboxrect="0,0,151497,151197"/>
                </v:shape>
                <v:shape id="Shape 5454" o:spid="_x0000_s2663" style="position:absolute;left:26623;top:20593;width:1515;height:1512;visibility:visible;mso-wrap-style:square;v-text-anchor:top" coordsize="151497,1511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" path="m151497,75598c151497,33836,117593,,75748,,33903,,,33836,,75598v,41763,33903,75599,75748,75599c117593,151197,151497,117361,151497,75598xe" filled="f" strokeweight=".15242mm">
                  <v:stroke endcap="round"/>
                  <v:path arrowok="t" textboxrect="0,0,151497,151197"/>
                </v:shape>
                <v:rect id="Rectangle 5455" o:spid="_x0000_s2664" style="position:absolute;left:27126;top:20796;width:678;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5</w:t>
                        </w:r>
                      </w:p>
                    </w:txbxContent>
                  </v:textbox>
                </v:rect>
                <v:rect id="Rectangle 5456" o:spid="_x0000_s2665" style="position:absolute;left:28444;top:21165;width:1717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озврат кода незавершенной </w:t>
                        </w:r>
                      </w:p>
                    </w:txbxContent>
                  </v:textbox>
                </v:rect>
                <v:rect id="Rectangle 5457" o:spid="_x0000_s2666" style="position:absolute;left:28444;top:22263;width:913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операции ввода</w:t>
                        </w:r>
                      </w:p>
                    </w:txbxContent>
                  </v:textbox>
                </v:rect>
                <v:rect id="Rectangle 5458" o:spid="_x0000_s2667" style="position:absolute;left:35309;top:22101;width:40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459" o:spid="_x0000_s2668" style="position:absolute;left:35614;top:22263;width:457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а </w:t>
                        </w:r>
                      </w:p>
                    </w:txbxContent>
                  </v:textbox>
                </v:rect>
                <v:shape id="Shape 69475" o:spid="_x0000_s2669" style="position:absolute;left:5448;top:25762;width:3247;height:1080;visibility:visible;mso-wrap-style:square;v-text-anchor:top" coordsize="324679,1080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" path="m,l324679,r,108010l,108010,,e" fillcolor="#f2f2f2" stroked="f" strokeweight="0">
                  <v:stroke endcap="round"/>
                  <v:path arrowok="t" textboxrect="0,0,324679,108010"/>
                </v:shape>
                <v:rect id="Rectangle 5462" o:spid="_x0000_s2670" style="position:absolute;left:5926;top:25750;width:2031;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v:textbox>
                </v:rect>
                <v:rect id="Rectangle 5463" o:spid="_x0000_s2671" style="position:absolute;left:7453;top:25750;width:339;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v:textbox>
                </v:rect>
                <v:rect id="Rectangle 5464" o:spid="_x0000_s2672" style="position:absolute;left:7708;top:25750;width:67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1</w:t>
                        </w:r>
                      </w:p>
                    </w:txbxContent>
                  </v:textbox>
                </v:rect>
                <v:shape id="Shape 5466" o:spid="_x0000_s2673" style="position:absolute;left:15909;top:28146;width:9307;height:2809;visibility:visible;mso-wrap-style:square;v-text-anchor:top" coordsize="930742,2808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" path="m,280828r930742,l930742,,,,,280828xe" filled="f" strokeweight=".05081mm">
                  <v:stroke endcap="round"/>
                  <v:path arrowok="t" textboxrect="0,0,930742,280828"/>
                </v:shape>
                <v:rect id="Rectangle 5467" o:spid="_x0000_s2674" style="position:absolute;left:17398;top:29159;width:8416;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 диска</w:t>
                        </w:r>
                      </w:p>
                    </w:txbxContent>
                  </v:textbox>
                </v:rect>
                <v:shape id="Shape 5468" o:spid="_x0000_s2675" style="position:absolute;left:22840;top:21528;width:1155;height:6618;visibility:visible;mso-wrap-style:square;v-text-anchor:top" coordsize="115532,6617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" path="m87584,661794c115532,354674,80101,87030,,e" filled="f" strokeweight=".15242mm">
                  <v:stroke endcap="round"/>
                  <v:path arrowok="t" textboxrect="0,0,115532,661794"/>
                </v:shape>
                <v:shape id="Shape 5469" o:spid="_x0000_s2676" style="position:absolute;left:22223;top:21242;width:777;height:536;visibility:visible;mso-wrap-style:square;v-text-anchor:top" coordsize="77734,536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" path="m,l77734,8917,56811,53651,,xe" fillcolor="black" stroked="f" strokeweight="0">
                  <v:stroke endcap="round"/>
                  <v:path arrowok="t" textboxrect="0,0,77734,53651"/>
                </v:shape>
                <v:shape id="Shape 5470" o:spid="_x0000_s2677" style="position:absolute;left:17122;top:21169;width:1759;height:6301;visibility:visible;mso-wrap-style:square;v-text-anchor:top" coordsize="175932,6300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" path="m175932,7239c66051,,,269549,23366,630015e" filled="f" strokeweight=".15242mm">
                  <v:stroke endcap="round"/>
                  <v:path arrowok="t" textboxrect="0,0,175932,630015"/>
                </v:shape>
                <v:shape id="Shape 5471" o:spid="_x0000_s2678" style="position:absolute;left:17104;top:27389;width:494;height:757;visibility:visible;mso-wrap-style:square;v-text-anchor:top" coordsize="49328,757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" path="m49328,l30467,75751,,3887,49328,xe" fillcolor="black" stroked="f" strokeweight="0">
                  <v:stroke endcap="round"/>
                  <v:path arrowok="t" textboxrect="0,0,49328,75751"/>
                </v:shape>
                <v:shape id="Shape 5472" o:spid="_x0000_s2679" style="position:absolute;left:903;top:30951;width:1515;height:1512;visibility:visible;mso-wrap-style:square;v-text-anchor:top" coordsize="151512,1512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" path="m75756,v41837,,75756,33836,75756,75629c151512,117391,117593,151243,75756,151243,33919,151243,,117391,,75629,,33836,33919,,75756,xe" fillcolor="#d9d9d9" stroked="f" strokeweight="0">
                  <v:stroke endcap="round"/>
                  <v:path arrowok="t" textboxrect="0,0,151512,151243"/>
                </v:shape>
                <v:shape id="Shape 5473" o:spid="_x0000_s2680" style="position:absolute;left:903;top:30951;width:1515;height:1512;visibility:visible;mso-wrap-style:square;v-text-anchor:top" coordsize="151512,1512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" path="m151512,75629c151512,33836,117593,,75756,,33919,,,33836,,75629v,41762,33919,75614,75756,75614c117593,151243,151512,117391,151512,75629xe" filled="f" strokeweight=".15242mm">
                  <v:stroke endcap="round"/>
                  <v:path arrowok="t" textboxrect="0,0,151512,151243"/>
                </v:shape>
                <v:rect id="Rectangle 5474" o:spid="_x0000_s2681" style="position:absolute;left:1405;top:31154;width:678;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4</w:t>
                        </w:r>
                      </w:p>
                    </w:txbxContent>
                  </v:textbox>
                </v:rect>
                <v:rect id="Rectangle 5475" o:spid="_x0000_s2682" style="position:absolute;left:2561;top:30899;width:2370;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P </w:t>
                        </w:r>
                      </w:p>
                    </w:txbxContent>
                  </v:textbox>
                </v:rect>
                <v:rect id="Rectangle 5476" o:spid="_x0000_s2683" style="position:absolute;left:4343;top:31061;width:1135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тавится в очередь </w:t>
                        </w:r>
                      </w:p>
                    </w:txbxContent>
                  </v:textbox>
                </v:rect>
                <v:rect id="Rectangle 5477" o:spid="_x0000_s2684" style="position:absolute;left:2561;top:32158;width:6306;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устройства</w:t>
                        </w:r>
                      </w:p>
                    </w:txbxContent>
                  </v:textbox>
                </v:rect>
                <v:rect id="Rectangle 5478" o:spid="_x0000_s2685" style="position:absolute;left:7302;top:31997;width:67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479" o:spid="_x0000_s2686" style="position:absolute;left:7811;top:32158;width:7901;height:11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 происходит </w:t>
                        </w:r>
                      </w:p>
                    </w:txbxContent>
                  </v:textbox>
                </v:rect>
                <v:rect id="Rectangle 5480" o:spid="_x0000_s2687" style="position:absolute;left:2561;top:33256;width:1179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озврат управления </w:t>
                        </w:r>
                      </w:p>
                    </w:txbxContent>
                  </v:textbox>
                </v:rect>
                <v:shape id="Picture 67495" o:spid="_x0000_s2688" type="#_x0000_t75" style="position:absolute;left:18406;top:33303;width:5456;height:317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">
                  <v:imagedata r:id="rId96" o:title=""/>
                </v:shape>
                <v:shape id="Picture 67496" o:spid="_x0000_s2689" type="#_x0000_t75" style="position:absolute;left:20723;top:34645;width:3139;height:259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">
                  <v:imagedata r:id="rId97" o:title=""/>
                </v:shape>
                <v:shape id="Shape 5486" o:spid="_x0000_s2690" style="position:absolute;left:20754;top:34701;width:3092;height:2507;visibility:visible;mso-wrap-style:square;v-text-anchor:top" coordsize="309178,25074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" path="m,250748l293754,81010r,-15425l309178,57865,309178,,,177451r,73297xe" filled="f" strokecolor="white" strokeweight=".15242mm">
                  <v:stroke endcap="round"/>
                  <v:path arrowok="t" textboxrect="0,0,309178,250748"/>
                </v:shape>
                <v:shape id="Picture 67497" o:spid="_x0000_s2691" type="#_x0000_t75" style="position:absolute;left:18406;top:35081;width:2347;height:213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">
                  <v:imagedata r:id="rId98" o:title=""/>
                </v:shape>
                <v:shape id="Shape 5489" o:spid="_x0000_s2692" style="position:absolute;left:18435;top:35125;width:2319;height:2083;visibility:visible;mso-wrap-style:square;v-text-anchor:top" coordsize="231903,2083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" path="m,57865r15425,9648l15425,82938,231903,208315r,-73297l,,,57865xe" filled="f" strokeweight=".15242mm">
                  <v:stroke endcap="round"/>
                  <v:path arrowok="t" textboxrect="0,0,231903,208315"/>
                </v:shape>
                <v:shape id="Shape 5490" o:spid="_x0000_s2693" style="position:absolute;left:18435;top:33350;width:5411;height:3858;visibility:visible;mso-wrap-style:square;v-text-anchor:top" coordsize="541081,3857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" path="m,177443r,57865l15425,244956r,15425l231903,385759,525657,216020r,-15424l541081,192875r,-57865l309178,,,177443xe" filled="f" strokeweight=".31753mm">
                  <v:stroke endcap="round"/>
                  <v:path arrowok="t" textboxrect="0,0,541081,385759"/>
                </v:shape>
                <v:shape id="Picture 67498" o:spid="_x0000_s2694" type="#_x0000_t75" style="position:absolute;left:20316;top:36321;width:214;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">
                  <v:imagedata r:id="rId99" o:title=""/>
                </v:shape>
                <v:shape id="Shape 5493" o:spid="_x0000_s2695" style="position:absolute;left:20363;top:36367;width:163;height:245;visibility:visible;mso-wrap-style:square;v-text-anchor:top" coordsize="16265,244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" path="m,15821r16265,8657l16265,8992,,,,15821xe" filled="f" strokeweight=".05081mm">
                  <v:stroke endcap="round"/>
                  <v:path arrowok="t" textboxrect="0,0,16265,24478"/>
                </v:shape>
                <v:shape id="Picture 67499" o:spid="_x0000_s2696" type="#_x0000_t75" style="position:absolute;left:18762;top:35437;width:396;height:5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">
                  <v:imagedata r:id="rId100" o:title=""/>
                </v:shape>
                <v:shape id="Shape 5496" o:spid="_x0000_s2697" style="position:absolute;left:18795;top:35469;width:363;height:546;visibility:visible;mso-wrap-style:square;v-text-anchor:top" coordsize="36271,546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" path="m,35284l36271,54603r,-34545l,,,35284xe" filled="f" strokeweight=".05081mm">
                  <v:stroke endcap="round"/>
                  <v:path arrowok="t" textboxrect="0,0,36271,54603"/>
                </v:shape>
                <v:shape id="Picture 67500" o:spid="_x0000_s2698" type="#_x0000_t75" style="position:absolute;left:19869;top:36067;width:214;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">
                  <v:imagedata r:id="rId101" o:title=""/>
                </v:shape>
                <v:shape id="Shape 5499" o:spid="_x0000_s2699" style="position:absolute;left:19904;top:36107;width:163;height:245;visibility:visible;mso-wrap-style:square;v-text-anchor:top" coordsize="16341,2447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" path="m,15813r16341,8658l16341,8985,,,,15813xe" filled="f" strokeweight=".05081mm">
                  <v:stroke endcap="round"/>
                  <v:path arrowok="t" textboxrect="0,0,16341,24471"/>
                </v:shape>
                <v:shape id="Shape 5500" o:spid="_x0000_s2700" style="position:absolute;left:17894;top:30955;width:1070;height:3509;visibility:visible;mso-wrap-style:square;v-text-anchor:top" coordsize="107055,3509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" path="m,c4123,164374,46121,302128,107055,350963e" filled="f" strokeweight=".15242mm">
                  <v:stroke endcap="round"/>
                  <v:path arrowok="t" textboxrect="0,0,107055,350963"/>
                </v:shape>
                <v:shape id="Shape 5501" o:spid="_x0000_s2701" style="position:absolute;left:18846;top:34210;width:780;height:480;visibility:visible;mso-wrap-style:square;v-text-anchor:top" coordsize="77963,480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" path="m11606,l77963,41374,,48012,11606,xe" fillcolor="black" stroked="f" strokeweight="0">
                  <v:stroke endcap="round"/>
                  <v:path arrowok="t" textboxrect="0,0,77963,48012"/>
                </v:shape>
                <v:shape id="Shape 69476" o:spid="_x0000_s2702" style="position:absolute;left:12483;top:25762;width:3247;height:1080;visibility:visible;mso-wrap-style:square;v-text-anchor:top" coordsize="324679,1080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" path="m,l324679,r,108010l,108010,,e" fillcolor="#f2f2f2" stroked="f" strokeweight="0">
                  <v:stroke endcap="round"/>
                  <v:path arrowok="t" textboxrect="0,0,324679,108010"/>
                </v:shape>
                <v:rect id="Rectangle 5504" o:spid="_x0000_s2703" style="position:absolute;left:12960;top:25750;width:2032;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v:textbox>
                </v:rect>
                <v:rect id="Rectangle 5505" o:spid="_x0000_s2704" style="position:absolute;left:14488;top:25750;width:338;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v:textbox>
                </v:rect>
                <v:rect id="Rectangle 5506" o:spid="_x0000_s2705" style="position:absolute;left:14743;top:25750;width:67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n</w:t>
                        </w:r>
                      </w:p>
                    </w:txbxContent>
                  </v:textbox>
                </v:rect>
                <v:shape id="Shape 5507" o:spid="_x0000_s2706" style="position:absolute;left:8695;top:26303;width:3788;height:0;visibility:visible;mso-wrap-style:square;v-text-anchor:top" coordsize="37881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" path="m,l378818,e" filled="f" strokeweight=".45725mm">
                  <v:stroke endcap="round"/>
                  <v:path arrowok="t" textboxrect="0,0,378818,0"/>
                </v:shape>
                <v:shape id="Shape 69477" o:spid="_x0000_s2707" style="position:absolute;left:5177;top:34392;width:3247;height:1080;visibility:visible;mso-wrap-style:square;v-text-anchor:top" coordsize="324679,1080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" path="m,l324679,r,108010l,108010,,e" fillcolor="#f2f2f2" stroked="f" strokeweight="0">
                  <v:stroke endcap="round"/>
                  <v:path arrowok="t" textboxrect="0,0,324679,108010"/>
                </v:shape>
                <v:rect id="Rectangle 5510" o:spid="_x0000_s2708" style="position:absolute;left:5655;top:34379;width:2032;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v:textbox>
                </v:rect>
                <v:rect id="Rectangle 5511" o:spid="_x0000_s2709" style="position:absolute;left:7183;top:34379;width:338;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v:textbox>
                </v:rect>
                <v:rect id="Rectangle 5512" o:spid="_x0000_s2710" style="position:absolute;left:7437;top:34379;width:678;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1</w:t>
                        </w:r>
                      </w:p>
                    </w:txbxContent>
                  </v:textbox>
                </v:rect>
                <v:shape id="Shape 69478" o:spid="_x0000_s2711" style="position:absolute;left:12212;top:34392;width:3247;height:1080;visibility:visible;mso-wrap-style:square;v-text-anchor:top" coordsize="324679,1080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" path="m,l324679,r,108010l,108010,,e" fillcolor="#f2f2f2" stroked="f" strokeweight="0">
                  <v:stroke endcap="round"/>
                  <v:path arrowok="t" textboxrect="0,0,324679,108010"/>
                </v:shape>
                <v:rect id="Rectangle 5515" o:spid="_x0000_s2712" style="position:absolute;left:12690;top:34379;width:2032;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v:textbox>
                </v:rect>
                <v:rect id="Rectangle 5516" o:spid="_x0000_s2713" style="position:absolute;left:14217;top:34379;width:339;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v:textbox>
                </v:rect>
                <v:rect id="Rectangle 5517" o:spid="_x0000_s2714" style="position:absolute;left:14471;top:34379;width:678;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n</w:t>
                        </w:r>
                      </w:p>
                    </w:txbxContent>
                  </v:textbox>
                </v:rect>
                <v:shape id="Shape 5518" o:spid="_x0000_s2715" style="position:absolute;left:8425;top:34932;width:3787;height:0;visibility:visible;mso-wrap-style:square;v-text-anchor:top" coordsize="37874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" path="m,l378742,e" filled="f" strokeweight=".45725mm">
                  <v:stroke endcap="round"/>
                  <v:path arrowok="t" textboxrect="0,0,378742,0"/>
                </v:shape>
                <w10:anchorlock/>
              </v:group>
            </w:pict>
          </mc:Fallback>
        </mc:AlternateContent>
      </w:r>
    </w:p>
    <w:p w:rsidR="0043064D" w:rsidRDefault="008B3C4B">
      <w:pPr>
        <w:spacing w:after="297" w:line="259" w:lineRule="auto"/>
        <w:ind w:left="0" w:right="1237" w:firstLine="0"/>
        <w:jc w:val="right"/>
      </w:pPr>
      <w:r>
        <w:t xml:space="preserve"> </w:t>
      </w:r>
    </w:p>
    <w:p w:rsidR="0043064D" w:rsidRDefault="008B3C4B">
      <w:pPr>
        <w:spacing w:after="333" w:line="265" w:lineRule="auto"/>
        <w:ind w:right="10"/>
        <w:jc w:val="center"/>
      </w:pPr>
      <w:r>
        <w:t xml:space="preserve">Рис. 18. Обработка с использованием сопоставленных IRP </w:t>
      </w:r>
    </w:p>
    <w:p w:rsidR="0043064D" w:rsidRDefault="008B3C4B">
      <w:pPr>
        <w:spacing w:after="14"/>
        <w:ind w:left="-5" w:right="1"/>
      </w:pPr>
      <w:r>
        <w:lastRenderedPageBreak/>
        <w:t>Драйвер файловой системы передает сопоставленные IRP драйверу устройства, который ставит их в очередь устройства. Они обрабатываются по одному, а файловая система отслеживает возвращаемые данные. Когда выполнение всех сопоставленных IRP заканчивается, подс</w:t>
      </w:r>
      <w:r>
        <w:t xml:space="preserve">истема ввода-вывода завершает обработку исходного IRP и возвращает управление вызывающему потоку (Рис. 19). </w:t>
      </w:r>
    </w:p>
    <w:p w:rsidR="0043064D" w:rsidRDefault="008B3C4B">
      <w:pPr>
        <w:spacing w:after="138" w:line="259" w:lineRule="auto"/>
        <w:ind w:left="1013" w:firstLine="0"/>
        <w:jc w:val="left"/>
      </w:pPr>
      <w:r>
        <w:rPr>
          <w:rFonts w:ascii="Calibri" w:eastAsia="Calibri" w:hAnsi="Calibri" w:cs="Calibri"/>
          <w:noProof/>
          <w:sz w:val="22"/>
        </w:rPr>
        <mc:AlternateContent>
          <mc:Choice Requires="wpg">
            <w:drawing>
              <wp:inline distT="0" distB="0" distL="0" distR="0">
                <wp:extent cx="4100584" cy="3954494"/>
                <wp:effectExtent l="0" t="0" r="0" b="0"/>
                <wp:docPr id="61753" name="Group 61753"/>
                <wp:cNvGraphicFramePr/>
                <a:graphic xmlns:a="http://schemas.openxmlformats.org/drawingml/2006/main">
                  <a:graphicData uri="http://schemas.microsoft.com/office/word/2010/wordprocessingGroup">
                    <wpg:wgp>
                      <wpg:cNvGrpSpPr/>
                      <wpg:grpSpPr>
                        <a:xfrm>
                          <a:off x="0" y="0"/>
                          <a:ext cx="4100584" cy="3954494"/>
                          <a:chOff x="0" y="0"/>
                          <a:chExt cx="4100584" cy="3954494"/>
                        </a:xfrm>
                      </wpg:grpSpPr>
                      <wps:wsp>
                        <wps:cNvPr id="5555" name="Shape 5555"/>
                        <wps:cNvSpPr/>
                        <wps:spPr>
                          <a:xfrm>
                            <a:off x="0" y="0"/>
                            <a:ext cx="904026" cy="498522"/>
                          </a:xfrm>
                          <a:custGeom>
                            <a:avLst/>
                            <a:gdLst/>
                            <a:ahLst/>
                            <a:cxnLst/>
                            <a:rect l="0" t="0" r="0" b="0"/>
                            <a:pathLst>
                              <a:path w="904026" h="498522">
                                <a:moveTo>
                                  <a:pt x="904026" y="249222"/>
                                </a:moveTo>
                                <a:cubicBezTo>
                                  <a:pt x="904026" y="111573"/>
                                  <a:pt x="701639" y="0"/>
                                  <a:pt x="452002" y="0"/>
                                </a:cubicBezTo>
                                <a:cubicBezTo>
                                  <a:pt x="202365" y="0"/>
                                  <a:pt x="0" y="111573"/>
                                  <a:pt x="0" y="249222"/>
                                </a:cubicBezTo>
                                <a:cubicBezTo>
                                  <a:pt x="0" y="386948"/>
                                  <a:pt x="202365" y="498522"/>
                                  <a:pt x="452002" y="498522"/>
                                </a:cubicBezTo>
                                <a:cubicBezTo>
                                  <a:pt x="701639" y="498522"/>
                                  <a:pt x="904026" y="386948"/>
                                  <a:pt x="904026" y="249222"/>
                                </a:cubicBez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556" name="Rectangle 5556"/>
                        <wps:cNvSpPr/>
                        <wps:spPr>
                          <a:xfrm>
                            <a:off x="191133" y="154882"/>
                            <a:ext cx="727916" cy="11472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wps:txbx>
                        <wps:bodyPr horzOverflow="overflow" vert="horz" lIns="0" tIns="0" rIns="0" bIns="0" rtlCol="0">
                          <a:noAutofit/>
                        </wps:bodyPr>
                      </wps:wsp>
                      <wps:wsp>
                        <wps:cNvPr id="5557" name="Rectangle 5557"/>
                        <wps:cNvSpPr/>
                        <wps:spPr>
                          <a:xfrm>
                            <a:off x="37440" y="265002"/>
                            <a:ext cx="878436"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кружения или </w:t>
                              </w:r>
                            </w:p>
                          </w:txbxContent>
                        </wps:txbx>
                        <wps:bodyPr horzOverflow="overflow" vert="horz" lIns="0" tIns="0" rIns="0" bIns="0" rtlCol="0">
                          <a:noAutofit/>
                        </wps:bodyPr>
                      </wps:wsp>
                      <wps:wsp>
                        <wps:cNvPr id="5558" name="Rectangle 5558"/>
                        <wps:cNvSpPr/>
                        <wps:spPr>
                          <a:xfrm>
                            <a:off x="697900" y="248762"/>
                            <a:ext cx="224318"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LL</w:t>
                              </w:r>
                            </w:p>
                          </w:txbxContent>
                        </wps:txbx>
                        <wps:bodyPr horzOverflow="overflow" vert="horz" lIns="0" tIns="0" rIns="0" bIns="0" rtlCol="0">
                          <a:noAutofit/>
                        </wps:bodyPr>
                      </wps:wsp>
                      <wps:wsp>
                        <wps:cNvPr id="5560" name="Shape 5560"/>
                        <wps:cNvSpPr/>
                        <wps:spPr>
                          <a:xfrm>
                            <a:off x="147953" y="1007933"/>
                            <a:ext cx="760127" cy="216768"/>
                          </a:xfrm>
                          <a:custGeom>
                            <a:avLst/>
                            <a:gdLst/>
                            <a:ahLst/>
                            <a:cxnLst/>
                            <a:rect l="0" t="0" r="0" b="0"/>
                            <a:pathLst>
                              <a:path w="760127" h="216768">
                                <a:moveTo>
                                  <a:pt x="0" y="216768"/>
                                </a:moveTo>
                                <a:lnTo>
                                  <a:pt x="760127" y="216768"/>
                                </a:lnTo>
                                <a:lnTo>
                                  <a:pt x="760127"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561" name="Rectangle 5561"/>
                        <wps:cNvSpPr/>
                        <wps:spPr>
                          <a:xfrm>
                            <a:off x="337561" y="1077059"/>
                            <a:ext cx="506646"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ервисы</w:t>
                              </w:r>
                            </w:p>
                          </w:txbxContent>
                        </wps:txbx>
                        <wps:bodyPr horzOverflow="overflow" vert="horz" lIns="0" tIns="0" rIns="0" bIns="0" rtlCol="0">
                          <a:noAutofit/>
                        </wps:bodyPr>
                      </wps:wsp>
                      <wps:wsp>
                        <wps:cNvPr id="69485" name="Shape 69485"/>
                        <wps:cNvSpPr/>
                        <wps:spPr>
                          <a:xfrm>
                            <a:off x="147953" y="1224700"/>
                            <a:ext cx="760127" cy="281800"/>
                          </a:xfrm>
                          <a:custGeom>
                            <a:avLst/>
                            <a:gdLst/>
                            <a:ahLst/>
                            <a:cxnLst/>
                            <a:rect l="0" t="0" r="0" b="0"/>
                            <a:pathLst>
                              <a:path w="760127" h="281800">
                                <a:moveTo>
                                  <a:pt x="0" y="0"/>
                                </a:moveTo>
                                <a:lnTo>
                                  <a:pt x="760127" y="0"/>
                                </a:lnTo>
                                <a:lnTo>
                                  <a:pt x="760127" y="281800"/>
                                </a:lnTo>
                                <a:lnTo>
                                  <a:pt x="0" y="281800"/>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5563" name="Shape 5563"/>
                        <wps:cNvSpPr/>
                        <wps:spPr>
                          <a:xfrm>
                            <a:off x="147953" y="1224700"/>
                            <a:ext cx="760127" cy="281800"/>
                          </a:xfrm>
                          <a:custGeom>
                            <a:avLst/>
                            <a:gdLst/>
                            <a:ahLst/>
                            <a:cxnLst/>
                            <a:rect l="0" t="0" r="0" b="0"/>
                            <a:pathLst>
                              <a:path w="760127" h="281800">
                                <a:moveTo>
                                  <a:pt x="0" y="281800"/>
                                </a:moveTo>
                                <a:lnTo>
                                  <a:pt x="760127" y="281800"/>
                                </a:lnTo>
                                <a:lnTo>
                                  <a:pt x="760127"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564" name="Rectangle 5564"/>
                        <wps:cNvSpPr/>
                        <wps:spPr>
                          <a:xfrm>
                            <a:off x="288849" y="1271298"/>
                            <a:ext cx="636205"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5565" name="Rectangle 5565"/>
                        <wps:cNvSpPr/>
                        <wps:spPr>
                          <a:xfrm>
                            <a:off x="226070" y="1381418"/>
                            <a:ext cx="337268" cy="11472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5566" name="Rectangle 5566"/>
                        <wps:cNvSpPr/>
                        <wps:spPr>
                          <a:xfrm>
                            <a:off x="479668" y="1365178"/>
                            <a:ext cx="40721"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567" name="Rectangle 5567"/>
                        <wps:cNvSpPr/>
                        <wps:spPr>
                          <a:xfrm>
                            <a:off x="510283" y="1381418"/>
                            <a:ext cx="425155" cy="11472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а</w:t>
                              </w:r>
                            </w:p>
                          </w:txbxContent>
                        </wps:txbx>
                        <wps:bodyPr horzOverflow="overflow" vert="horz" lIns="0" tIns="0" rIns="0" bIns="0" rtlCol="0">
                          <a:noAutofit/>
                        </wps:bodyPr>
                      </wps:wsp>
                      <wps:wsp>
                        <wps:cNvPr id="5569" name="Shape 5569"/>
                        <wps:cNvSpPr/>
                        <wps:spPr>
                          <a:xfrm>
                            <a:off x="61081" y="1983457"/>
                            <a:ext cx="933868" cy="281799"/>
                          </a:xfrm>
                          <a:custGeom>
                            <a:avLst/>
                            <a:gdLst/>
                            <a:ahLst/>
                            <a:cxnLst/>
                            <a:rect l="0" t="0" r="0" b="0"/>
                            <a:pathLst>
                              <a:path w="933868" h="281799">
                                <a:moveTo>
                                  <a:pt x="0" y="281799"/>
                                </a:moveTo>
                                <a:lnTo>
                                  <a:pt x="933868" y="281799"/>
                                </a:lnTo>
                                <a:lnTo>
                                  <a:pt x="933868"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570" name="Rectangle 5570"/>
                        <wps:cNvSpPr/>
                        <wps:spPr>
                          <a:xfrm>
                            <a:off x="101845" y="2029978"/>
                            <a:ext cx="1133630"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райвер файловой </w:t>
                              </w:r>
                            </w:p>
                          </w:txbxContent>
                        </wps:txbx>
                        <wps:bodyPr horzOverflow="overflow" vert="horz" lIns="0" tIns="0" rIns="0" bIns="0" rtlCol="0">
                          <a:noAutofit/>
                        </wps:bodyPr>
                      </wps:wsp>
                      <wps:wsp>
                        <wps:cNvPr id="5571" name="Rectangle 5571"/>
                        <wps:cNvSpPr/>
                        <wps:spPr>
                          <a:xfrm>
                            <a:off x="345100" y="2140097"/>
                            <a:ext cx="486592"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истемы</w:t>
                              </w:r>
                            </w:p>
                          </w:txbxContent>
                        </wps:txbx>
                        <wps:bodyPr horzOverflow="overflow" vert="horz" lIns="0" tIns="0" rIns="0" bIns="0" rtlCol="0">
                          <a:noAutofit/>
                        </wps:bodyPr>
                      </wps:wsp>
                      <wps:wsp>
                        <wps:cNvPr id="5572" name="Shape 5572"/>
                        <wps:cNvSpPr/>
                        <wps:spPr>
                          <a:xfrm>
                            <a:off x="701324" y="1528218"/>
                            <a:ext cx="152442" cy="455239"/>
                          </a:xfrm>
                          <a:custGeom>
                            <a:avLst/>
                            <a:gdLst/>
                            <a:ahLst/>
                            <a:cxnLst/>
                            <a:rect l="0" t="0" r="0" b="0"/>
                            <a:pathLst>
                              <a:path w="152442" h="455239">
                                <a:moveTo>
                                  <a:pt x="152442" y="455239"/>
                                </a:moveTo>
                                <a:cubicBezTo>
                                  <a:pt x="152442" y="246546"/>
                                  <a:pt x="90690" y="62172"/>
                                  <a:pt x="0" y="0"/>
                                </a:cubicBez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573" name="Shape 5573"/>
                        <wps:cNvSpPr/>
                        <wps:spPr>
                          <a:xfrm>
                            <a:off x="636607" y="1506500"/>
                            <a:ext cx="78493" cy="47183"/>
                          </a:xfrm>
                          <a:custGeom>
                            <a:avLst/>
                            <a:gdLst/>
                            <a:ahLst/>
                            <a:cxnLst/>
                            <a:rect l="0" t="0" r="0" b="0"/>
                            <a:pathLst>
                              <a:path w="78493" h="47183">
                                <a:moveTo>
                                  <a:pt x="0" y="0"/>
                                </a:moveTo>
                                <a:lnTo>
                                  <a:pt x="78493" y="153"/>
                                </a:lnTo>
                                <a:lnTo>
                                  <a:pt x="62710" y="4718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575" name="Shape 5575"/>
                        <wps:cNvSpPr/>
                        <wps:spPr>
                          <a:xfrm>
                            <a:off x="61081" y="3034795"/>
                            <a:ext cx="933868" cy="281799"/>
                          </a:xfrm>
                          <a:custGeom>
                            <a:avLst/>
                            <a:gdLst/>
                            <a:ahLst/>
                            <a:cxnLst/>
                            <a:rect l="0" t="0" r="0" b="0"/>
                            <a:pathLst>
                              <a:path w="933868" h="281799">
                                <a:moveTo>
                                  <a:pt x="0" y="281799"/>
                                </a:moveTo>
                                <a:lnTo>
                                  <a:pt x="933868" y="281799"/>
                                </a:lnTo>
                                <a:lnTo>
                                  <a:pt x="933868"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576" name="Rectangle 5576"/>
                        <wps:cNvSpPr/>
                        <wps:spPr>
                          <a:xfrm>
                            <a:off x="210578" y="3136377"/>
                            <a:ext cx="844368" cy="1147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 диска</w:t>
                              </w:r>
                            </w:p>
                          </w:txbxContent>
                        </wps:txbx>
                        <wps:bodyPr horzOverflow="overflow" vert="horz" lIns="0" tIns="0" rIns="0" bIns="0" rtlCol="0">
                          <a:noAutofit/>
                        </wps:bodyPr>
                      </wps:wsp>
                      <wps:wsp>
                        <wps:cNvPr id="5577" name="Shape 5577"/>
                        <wps:cNvSpPr/>
                        <wps:spPr>
                          <a:xfrm>
                            <a:off x="731672" y="2292633"/>
                            <a:ext cx="154656" cy="742162"/>
                          </a:xfrm>
                          <a:custGeom>
                            <a:avLst/>
                            <a:gdLst/>
                            <a:ahLst/>
                            <a:cxnLst/>
                            <a:rect l="0" t="0" r="0" b="0"/>
                            <a:pathLst>
                              <a:path w="154656" h="742162">
                                <a:moveTo>
                                  <a:pt x="154656" y="742162"/>
                                </a:moveTo>
                                <a:cubicBezTo>
                                  <a:pt x="153201" y="392913"/>
                                  <a:pt x="90452" y="91690"/>
                                  <a:pt x="0" y="0"/>
                                </a:cubicBez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578" name="Shape 5578"/>
                        <wps:cNvSpPr/>
                        <wps:spPr>
                          <a:xfrm>
                            <a:off x="669184" y="2265256"/>
                            <a:ext cx="78156" cy="52536"/>
                          </a:xfrm>
                          <a:custGeom>
                            <a:avLst/>
                            <a:gdLst/>
                            <a:ahLst/>
                            <a:cxnLst/>
                            <a:rect l="0" t="0" r="0" b="0"/>
                            <a:pathLst>
                              <a:path w="78156" h="52536">
                                <a:moveTo>
                                  <a:pt x="0" y="0"/>
                                </a:moveTo>
                                <a:lnTo>
                                  <a:pt x="78156" y="7188"/>
                                </a:lnTo>
                                <a:lnTo>
                                  <a:pt x="58174" y="5253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579" name="Shape 5579"/>
                        <wps:cNvSpPr/>
                        <wps:spPr>
                          <a:xfrm>
                            <a:off x="607531" y="516875"/>
                            <a:ext cx="170232" cy="491104"/>
                          </a:xfrm>
                          <a:custGeom>
                            <a:avLst/>
                            <a:gdLst/>
                            <a:ahLst/>
                            <a:cxnLst/>
                            <a:rect l="0" t="0" r="0" b="0"/>
                            <a:pathLst>
                              <a:path w="170232" h="491104">
                                <a:moveTo>
                                  <a:pt x="170232" y="491104"/>
                                </a:moveTo>
                                <a:cubicBezTo>
                                  <a:pt x="163950" y="266888"/>
                                  <a:pt x="94789" y="67372"/>
                                  <a:pt x="0" y="0"/>
                                </a:cubicBez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580" name="Shape 5580"/>
                        <wps:cNvSpPr/>
                        <wps:spPr>
                          <a:xfrm>
                            <a:off x="543435" y="493398"/>
                            <a:ext cx="78470" cy="48866"/>
                          </a:xfrm>
                          <a:custGeom>
                            <a:avLst/>
                            <a:gdLst/>
                            <a:ahLst/>
                            <a:cxnLst/>
                            <a:rect l="0" t="0" r="0" b="0"/>
                            <a:pathLst>
                              <a:path w="78470" h="48866">
                                <a:moveTo>
                                  <a:pt x="0" y="0"/>
                                </a:moveTo>
                                <a:lnTo>
                                  <a:pt x="78470" y="2294"/>
                                </a:lnTo>
                                <a:lnTo>
                                  <a:pt x="61377" y="4886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pic:pic xmlns:pic="http://schemas.openxmlformats.org/drawingml/2006/picture">
                        <pic:nvPicPr>
                          <pic:cNvPr id="67501" name="Picture 67501"/>
                          <pic:cNvPicPr/>
                        </pic:nvPicPr>
                        <pic:blipFill>
                          <a:blip r:embed="rId102"/>
                          <a:stretch>
                            <a:fillRect/>
                          </a:stretch>
                        </pic:blipFill>
                        <pic:spPr>
                          <a:xfrm>
                            <a:off x="87845" y="3563670"/>
                            <a:ext cx="548640" cy="320040"/>
                          </a:xfrm>
                          <a:prstGeom prst="rect">
                            <a:avLst/>
                          </a:prstGeom>
                        </pic:spPr>
                      </pic:pic>
                      <pic:pic xmlns:pic="http://schemas.openxmlformats.org/drawingml/2006/picture">
                        <pic:nvPicPr>
                          <pic:cNvPr id="67502" name="Picture 67502"/>
                          <pic:cNvPicPr/>
                        </pic:nvPicPr>
                        <pic:blipFill>
                          <a:blip r:embed="rId103"/>
                          <a:stretch>
                            <a:fillRect/>
                          </a:stretch>
                        </pic:blipFill>
                        <pic:spPr>
                          <a:xfrm>
                            <a:off x="319493" y="3699814"/>
                            <a:ext cx="316992" cy="256032"/>
                          </a:xfrm>
                          <a:prstGeom prst="rect">
                            <a:avLst/>
                          </a:prstGeom>
                        </pic:spPr>
                      </pic:pic>
                      <wps:wsp>
                        <wps:cNvPr id="5586" name="Shape 5586"/>
                        <wps:cNvSpPr/>
                        <wps:spPr>
                          <a:xfrm>
                            <a:off x="324674" y="3702886"/>
                            <a:ext cx="310255" cy="251609"/>
                          </a:xfrm>
                          <a:custGeom>
                            <a:avLst/>
                            <a:gdLst/>
                            <a:ahLst/>
                            <a:cxnLst/>
                            <a:rect l="0" t="0" r="0" b="0"/>
                            <a:pathLst>
                              <a:path w="310255" h="251609">
                                <a:moveTo>
                                  <a:pt x="0" y="251609"/>
                                </a:moveTo>
                                <a:lnTo>
                                  <a:pt x="294740" y="81290"/>
                                </a:lnTo>
                                <a:lnTo>
                                  <a:pt x="294740" y="65804"/>
                                </a:lnTo>
                                <a:lnTo>
                                  <a:pt x="310255" y="58065"/>
                                </a:lnTo>
                                <a:lnTo>
                                  <a:pt x="310255" y="0"/>
                                </a:lnTo>
                                <a:lnTo>
                                  <a:pt x="0" y="178065"/>
                                </a:lnTo>
                                <a:lnTo>
                                  <a:pt x="0" y="251609"/>
                                </a:lnTo>
                                <a:close/>
                              </a:path>
                            </a:pathLst>
                          </a:custGeom>
                          <a:ln w="5506"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67503" name="Picture 67503"/>
                          <pic:cNvPicPr/>
                        </pic:nvPicPr>
                        <pic:blipFill>
                          <a:blip r:embed="rId104"/>
                          <a:stretch>
                            <a:fillRect/>
                          </a:stretch>
                        </pic:blipFill>
                        <pic:spPr>
                          <a:xfrm>
                            <a:off x="87845" y="3741470"/>
                            <a:ext cx="237744" cy="213360"/>
                          </a:xfrm>
                          <a:prstGeom prst="rect">
                            <a:avLst/>
                          </a:prstGeom>
                        </pic:spPr>
                      </pic:pic>
                      <wps:wsp>
                        <wps:cNvPr id="5589" name="Shape 5589"/>
                        <wps:cNvSpPr/>
                        <wps:spPr>
                          <a:xfrm>
                            <a:off x="91977" y="3745465"/>
                            <a:ext cx="232697" cy="209029"/>
                          </a:xfrm>
                          <a:custGeom>
                            <a:avLst/>
                            <a:gdLst/>
                            <a:ahLst/>
                            <a:cxnLst/>
                            <a:rect l="0" t="0" r="0" b="0"/>
                            <a:pathLst>
                              <a:path w="232697" h="209029">
                                <a:moveTo>
                                  <a:pt x="0" y="58065"/>
                                </a:moveTo>
                                <a:lnTo>
                                  <a:pt x="15515" y="67739"/>
                                </a:lnTo>
                                <a:lnTo>
                                  <a:pt x="15515" y="83225"/>
                                </a:lnTo>
                                <a:lnTo>
                                  <a:pt x="232697" y="209029"/>
                                </a:lnTo>
                                <a:lnTo>
                                  <a:pt x="232697" y="135486"/>
                                </a:lnTo>
                                <a:lnTo>
                                  <a:pt x="0" y="0"/>
                                </a:lnTo>
                                <a:lnTo>
                                  <a:pt x="0" y="58065"/>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590" name="Shape 5590"/>
                        <wps:cNvSpPr/>
                        <wps:spPr>
                          <a:xfrm>
                            <a:off x="91977" y="3567400"/>
                            <a:ext cx="542952" cy="387094"/>
                          </a:xfrm>
                          <a:custGeom>
                            <a:avLst/>
                            <a:gdLst/>
                            <a:ahLst/>
                            <a:cxnLst/>
                            <a:rect l="0" t="0" r="0" b="0"/>
                            <a:pathLst>
                              <a:path w="542952" h="387094">
                                <a:moveTo>
                                  <a:pt x="0" y="178065"/>
                                </a:moveTo>
                                <a:lnTo>
                                  <a:pt x="0" y="236131"/>
                                </a:lnTo>
                                <a:lnTo>
                                  <a:pt x="15515" y="245804"/>
                                </a:lnTo>
                                <a:lnTo>
                                  <a:pt x="15515" y="261290"/>
                                </a:lnTo>
                                <a:lnTo>
                                  <a:pt x="232697" y="387094"/>
                                </a:lnTo>
                                <a:lnTo>
                                  <a:pt x="527437" y="216776"/>
                                </a:lnTo>
                                <a:lnTo>
                                  <a:pt x="527437" y="201290"/>
                                </a:lnTo>
                                <a:lnTo>
                                  <a:pt x="542952" y="193551"/>
                                </a:lnTo>
                                <a:lnTo>
                                  <a:pt x="542952" y="135486"/>
                                </a:lnTo>
                                <a:lnTo>
                                  <a:pt x="310255" y="0"/>
                                </a:lnTo>
                                <a:lnTo>
                                  <a:pt x="0" y="178065"/>
                                </a:lnTo>
                                <a:close/>
                              </a:path>
                            </a:pathLst>
                          </a:custGeom>
                          <a:ln w="11471"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504" name="Picture 67504"/>
                          <pic:cNvPicPr/>
                        </pic:nvPicPr>
                        <pic:blipFill>
                          <a:blip r:embed="rId105"/>
                          <a:stretch>
                            <a:fillRect/>
                          </a:stretch>
                        </pic:blipFill>
                        <pic:spPr>
                          <a:xfrm>
                            <a:off x="281901" y="3865422"/>
                            <a:ext cx="21336" cy="30480"/>
                          </a:xfrm>
                          <a:prstGeom prst="rect">
                            <a:avLst/>
                          </a:prstGeom>
                        </pic:spPr>
                      </pic:pic>
                      <wps:wsp>
                        <wps:cNvPr id="5593" name="Shape 5593"/>
                        <wps:cNvSpPr/>
                        <wps:spPr>
                          <a:xfrm>
                            <a:off x="285409" y="3870084"/>
                            <a:ext cx="16350" cy="24563"/>
                          </a:xfrm>
                          <a:custGeom>
                            <a:avLst/>
                            <a:gdLst/>
                            <a:ahLst/>
                            <a:cxnLst/>
                            <a:rect l="0" t="0" r="0" b="0"/>
                            <a:pathLst>
                              <a:path w="16350" h="24563">
                                <a:moveTo>
                                  <a:pt x="0" y="15875"/>
                                </a:moveTo>
                                <a:lnTo>
                                  <a:pt x="16350" y="24563"/>
                                </a:lnTo>
                                <a:lnTo>
                                  <a:pt x="16350" y="9023"/>
                                </a:lnTo>
                                <a:lnTo>
                                  <a:pt x="0" y="0"/>
                                </a:lnTo>
                                <a:lnTo>
                                  <a:pt x="0" y="15875"/>
                                </a:lnTo>
                                <a:close/>
                              </a:path>
                            </a:pathLst>
                          </a:custGeom>
                          <a:ln w="1835"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505" name="Picture 67505"/>
                          <pic:cNvPicPr/>
                        </pic:nvPicPr>
                        <pic:blipFill>
                          <a:blip r:embed="rId106"/>
                          <a:stretch>
                            <a:fillRect/>
                          </a:stretch>
                        </pic:blipFill>
                        <pic:spPr>
                          <a:xfrm>
                            <a:off x="122389" y="3776014"/>
                            <a:ext cx="42672" cy="60960"/>
                          </a:xfrm>
                          <a:prstGeom prst="rect">
                            <a:avLst/>
                          </a:prstGeom>
                        </pic:spPr>
                      </pic:pic>
                      <wps:wsp>
                        <wps:cNvPr id="5596" name="Shape 5596"/>
                        <wps:cNvSpPr/>
                        <wps:spPr>
                          <a:xfrm>
                            <a:off x="128040" y="3780008"/>
                            <a:ext cx="36469" cy="54785"/>
                          </a:xfrm>
                          <a:custGeom>
                            <a:avLst/>
                            <a:gdLst/>
                            <a:ahLst/>
                            <a:cxnLst/>
                            <a:rect l="0" t="0" r="0" b="0"/>
                            <a:pathLst>
                              <a:path w="36469" h="54785">
                                <a:moveTo>
                                  <a:pt x="0" y="35407"/>
                                </a:moveTo>
                                <a:lnTo>
                                  <a:pt x="36469" y="54785"/>
                                </a:lnTo>
                                <a:lnTo>
                                  <a:pt x="36469" y="20127"/>
                                </a:lnTo>
                                <a:lnTo>
                                  <a:pt x="0" y="0"/>
                                </a:lnTo>
                                <a:lnTo>
                                  <a:pt x="0" y="35407"/>
                                </a:lnTo>
                                <a:close/>
                              </a:path>
                            </a:pathLst>
                          </a:custGeom>
                          <a:ln w="1835"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506" name="Picture 67506"/>
                          <pic:cNvPicPr/>
                        </pic:nvPicPr>
                        <pic:blipFill>
                          <a:blip r:embed="rId107"/>
                          <a:stretch>
                            <a:fillRect/>
                          </a:stretch>
                        </pic:blipFill>
                        <pic:spPr>
                          <a:xfrm>
                            <a:off x="234149" y="3840022"/>
                            <a:ext cx="24384" cy="30480"/>
                          </a:xfrm>
                          <a:prstGeom prst="rect">
                            <a:avLst/>
                          </a:prstGeom>
                        </pic:spPr>
                      </pic:pic>
                      <wps:wsp>
                        <wps:cNvPr id="5599" name="Shape 5599"/>
                        <wps:cNvSpPr/>
                        <wps:spPr>
                          <a:xfrm>
                            <a:off x="239347" y="3844022"/>
                            <a:ext cx="16350" cy="24563"/>
                          </a:xfrm>
                          <a:custGeom>
                            <a:avLst/>
                            <a:gdLst/>
                            <a:ahLst/>
                            <a:cxnLst/>
                            <a:rect l="0" t="0" r="0" b="0"/>
                            <a:pathLst>
                              <a:path w="16350" h="24563">
                                <a:moveTo>
                                  <a:pt x="0" y="15876"/>
                                </a:moveTo>
                                <a:lnTo>
                                  <a:pt x="16350" y="24563"/>
                                </a:lnTo>
                                <a:lnTo>
                                  <a:pt x="16350" y="9024"/>
                                </a:lnTo>
                                <a:lnTo>
                                  <a:pt x="0" y="0"/>
                                </a:lnTo>
                                <a:lnTo>
                                  <a:pt x="0" y="15876"/>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600" name="Shape 5600"/>
                        <wps:cNvSpPr/>
                        <wps:spPr>
                          <a:xfrm>
                            <a:off x="602483" y="3533974"/>
                            <a:ext cx="695654" cy="194361"/>
                          </a:xfrm>
                          <a:custGeom>
                            <a:avLst/>
                            <a:gdLst/>
                            <a:ahLst/>
                            <a:cxnLst/>
                            <a:rect l="0" t="0" r="0" b="0"/>
                            <a:pathLst>
                              <a:path w="695654" h="194361">
                                <a:moveTo>
                                  <a:pt x="0" y="194361"/>
                                </a:moveTo>
                                <a:lnTo>
                                  <a:pt x="602490" y="154910"/>
                                </a:lnTo>
                                <a:lnTo>
                                  <a:pt x="169765" y="34443"/>
                                </a:lnTo>
                                <a:lnTo>
                                  <a:pt x="695654" y="0"/>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601" name="Shape 5601"/>
                        <wps:cNvSpPr/>
                        <wps:spPr>
                          <a:xfrm>
                            <a:off x="1290322" y="3509656"/>
                            <a:ext cx="76003" cy="49447"/>
                          </a:xfrm>
                          <a:custGeom>
                            <a:avLst/>
                            <a:gdLst/>
                            <a:ahLst/>
                            <a:cxnLst/>
                            <a:rect l="0" t="0" r="0" b="0"/>
                            <a:pathLst>
                              <a:path w="76003" h="49447">
                                <a:moveTo>
                                  <a:pt x="0" y="0"/>
                                </a:moveTo>
                                <a:lnTo>
                                  <a:pt x="76003" y="19860"/>
                                </a:lnTo>
                                <a:lnTo>
                                  <a:pt x="3294" y="4944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602" name="Shape 5602"/>
                        <wps:cNvSpPr/>
                        <wps:spPr>
                          <a:xfrm>
                            <a:off x="1305799" y="3282488"/>
                            <a:ext cx="152005" cy="151759"/>
                          </a:xfrm>
                          <a:custGeom>
                            <a:avLst/>
                            <a:gdLst/>
                            <a:ahLst/>
                            <a:cxnLst/>
                            <a:rect l="0" t="0" r="0" b="0"/>
                            <a:pathLst>
                              <a:path w="152005" h="151759">
                                <a:moveTo>
                                  <a:pt x="76003" y="0"/>
                                </a:moveTo>
                                <a:cubicBezTo>
                                  <a:pt x="117988" y="0"/>
                                  <a:pt x="152005" y="33953"/>
                                  <a:pt x="152005" y="75860"/>
                                </a:cubicBezTo>
                                <a:cubicBezTo>
                                  <a:pt x="152005" y="117790"/>
                                  <a:pt x="117988" y="151759"/>
                                  <a:pt x="76003" y="151759"/>
                                </a:cubicBezTo>
                                <a:cubicBezTo>
                                  <a:pt x="34017" y="151759"/>
                                  <a:pt x="0" y="117790"/>
                                  <a:pt x="0" y="75860"/>
                                </a:cubicBezTo>
                                <a:cubicBezTo>
                                  <a:pt x="0" y="33953"/>
                                  <a:pt x="34017" y="0"/>
                                  <a:pt x="76003"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603" name="Shape 5603"/>
                        <wps:cNvSpPr/>
                        <wps:spPr>
                          <a:xfrm>
                            <a:off x="1305799" y="3282488"/>
                            <a:ext cx="152005" cy="151759"/>
                          </a:xfrm>
                          <a:custGeom>
                            <a:avLst/>
                            <a:gdLst/>
                            <a:ahLst/>
                            <a:cxnLst/>
                            <a:rect l="0" t="0" r="0" b="0"/>
                            <a:pathLst>
                              <a:path w="152005" h="151759">
                                <a:moveTo>
                                  <a:pt x="152005" y="75860"/>
                                </a:moveTo>
                                <a:cubicBezTo>
                                  <a:pt x="152005" y="33953"/>
                                  <a:pt x="117988" y="0"/>
                                  <a:pt x="76003" y="0"/>
                                </a:cubicBezTo>
                                <a:cubicBezTo>
                                  <a:pt x="34017" y="0"/>
                                  <a:pt x="0" y="33953"/>
                                  <a:pt x="0" y="75860"/>
                                </a:cubicBezTo>
                                <a:cubicBezTo>
                                  <a:pt x="0" y="117790"/>
                                  <a:pt x="34017" y="151759"/>
                                  <a:pt x="76003" y="151759"/>
                                </a:cubicBezTo>
                                <a:cubicBezTo>
                                  <a:pt x="117988" y="151759"/>
                                  <a:pt x="152005" y="117790"/>
                                  <a:pt x="152005" y="75860"/>
                                </a:cubicBez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604" name="Rectangle 5604"/>
                        <wps:cNvSpPr/>
                        <wps:spPr>
                          <a:xfrm>
                            <a:off x="1356212" y="3302858"/>
                            <a:ext cx="68007"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5605" name="Rectangle 5605"/>
                        <wps:cNvSpPr/>
                        <wps:spPr>
                          <a:xfrm>
                            <a:off x="1495959" y="3328467"/>
                            <a:ext cx="2087741"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сле передачи данных для одного </w:t>
                              </w:r>
                            </w:p>
                          </w:txbxContent>
                        </wps:txbx>
                        <wps:bodyPr horzOverflow="overflow" vert="horz" lIns="0" tIns="0" rIns="0" bIns="0" rtlCol="0">
                          <a:noAutofit/>
                        </wps:bodyPr>
                      </wps:wsp>
                      <wps:wsp>
                        <wps:cNvPr id="5606" name="Rectangle 5606"/>
                        <wps:cNvSpPr/>
                        <wps:spPr>
                          <a:xfrm>
                            <a:off x="3065660" y="3312226"/>
                            <a:ext cx="237815"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P </w:t>
                              </w:r>
                            </w:p>
                          </w:txbxContent>
                        </wps:txbx>
                        <wps:bodyPr horzOverflow="overflow" vert="horz" lIns="0" tIns="0" rIns="0" bIns="0" rtlCol="0">
                          <a:noAutofit/>
                        </wps:bodyPr>
                      </wps:wsp>
                      <wps:wsp>
                        <wps:cNvPr id="5607" name="Rectangle 5607"/>
                        <wps:cNvSpPr/>
                        <wps:spPr>
                          <a:xfrm>
                            <a:off x="1495959" y="3438586"/>
                            <a:ext cx="2033191"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стройство генерирует прерывание</w:t>
                              </w:r>
                            </w:p>
                          </w:txbxContent>
                        </wps:txbx>
                        <wps:bodyPr horzOverflow="overflow" vert="horz" lIns="0" tIns="0" rIns="0" bIns="0" rtlCol="0">
                          <a:noAutofit/>
                        </wps:bodyPr>
                      </wps:wsp>
                      <wps:wsp>
                        <wps:cNvPr id="5608" name="Shape 5608"/>
                        <wps:cNvSpPr/>
                        <wps:spPr>
                          <a:xfrm>
                            <a:off x="1305799" y="2301581"/>
                            <a:ext cx="152005" cy="151797"/>
                          </a:xfrm>
                          <a:custGeom>
                            <a:avLst/>
                            <a:gdLst/>
                            <a:ahLst/>
                            <a:cxnLst/>
                            <a:rect l="0" t="0" r="0" b="0"/>
                            <a:pathLst>
                              <a:path w="152005" h="151797">
                                <a:moveTo>
                                  <a:pt x="76003" y="0"/>
                                </a:moveTo>
                                <a:cubicBezTo>
                                  <a:pt x="117988" y="0"/>
                                  <a:pt x="152005" y="34030"/>
                                  <a:pt x="152005" y="75937"/>
                                </a:cubicBezTo>
                                <a:cubicBezTo>
                                  <a:pt x="152005" y="117844"/>
                                  <a:pt x="117988" y="151797"/>
                                  <a:pt x="76003" y="151797"/>
                                </a:cubicBezTo>
                                <a:cubicBezTo>
                                  <a:pt x="34017" y="151797"/>
                                  <a:pt x="0" y="117844"/>
                                  <a:pt x="0" y="75937"/>
                                </a:cubicBezTo>
                                <a:cubicBezTo>
                                  <a:pt x="0" y="34030"/>
                                  <a:pt x="34017" y="0"/>
                                  <a:pt x="76003"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609" name="Shape 5609"/>
                        <wps:cNvSpPr/>
                        <wps:spPr>
                          <a:xfrm>
                            <a:off x="1305799" y="2301581"/>
                            <a:ext cx="152005" cy="151797"/>
                          </a:xfrm>
                          <a:custGeom>
                            <a:avLst/>
                            <a:gdLst/>
                            <a:ahLst/>
                            <a:cxnLst/>
                            <a:rect l="0" t="0" r="0" b="0"/>
                            <a:pathLst>
                              <a:path w="152005" h="151797">
                                <a:moveTo>
                                  <a:pt x="152005" y="75937"/>
                                </a:moveTo>
                                <a:cubicBezTo>
                                  <a:pt x="152005" y="34030"/>
                                  <a:pt x="117988" y="0"/>
                                  <a:pt x="76003" y="0"/>
                                </a:cubicBezTo>
                                <a:cubicBezTo>
                                  <a:pt x="34017" y="0"/>
                                  <a:pt x="0" y="34030"/>
                                  <a:pt x="0" y="75937"/>
                                </a:cubicBezTo>
                                <a:cubicBezTo>
                                  <a:pt x="0" y="117844"/>
                                  <a:pt x="34017" y="151797"/>
                                  <a:pt x="76003" y="151797"/>
                                </a:cubicBezTo>
                                <a:cubicBezTo>
                                  <a:pt x="117988" y="151797"/>
                                  <a:pt x="152005" y="117844"/>
                                  <a:pt x="152005" y="75937"/>
                                </a:cubicBez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610" name="Rectangle 5610"/>
                        <wps:cNvSpPr/>
                        <wps:spPr>
                          <a:xfrm>
                            <a:off x="1356212" y="2321997"/>
                            <a:ext cx="68007"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5611" name="Rectangle 5611"/>
                        <wps:cNvSpPr/>
                        <wps:spPr>
                          <a:xfrm>
                            <a:off x="1514270" y="2311625"/>
                            <a:ext cx="2346001" cy="1147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 диска обслуживает прерывание</w:t>
                              </w:r>
                            </w:p>
                          </w:txbxContent>
                        </wps:txbx>
                        <wps:bodyPr horzOverflow="overflow" vert="horz" lIns="0" tIns="0" rIns="0" bIns="0" rtlCol="0">
                          <a:noAutofit/>
                        </wps:bodyPr>
                      </wps:wsp>
                      <wps:wsp>
                        <wps:cNvPr id="5612" name="Rectangle 5612"/>
                        <wps:cNvSpPr/>
                        <wps:spPr>
                          <a:xfrm>
                            <a:off x="3278192" y="2295385"/>
                            <a:ext cx="67948"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613" name="Rectangle 5613"/>
                        <wps:cNvSpPr/>
                        <wps:spPr>
                          <a:xfrm>
                            <a:off x="1514270" y="2421745"/>
                            <a:ext cx="2197664" cy="1147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сле чего посылает для завершения </w:t>
                              </w:r>
                            </w:p>
                          </w:txbxContent>
                        </wps:txbx>
                        <wps:bodyPr horzOverflow="overflow" vert="horz" lIns="0" tIns="0" rIns="0" bIns="0" rtlCol="0">
                          <a:noAutofit/>
                        </wps:bodyPr>
                      </wps:wsp>
                      <wps:wsp>
                        <wps:cNvPr id="5614" name="Rectangle 5614"/>
                        <wps:cNvSpPr/>
                        <wps:spPr>
                          <a:xfrm>
                            <a:off x="1514270" y="2531864"/>
                            <a:ext cx="337268"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вода</w:t>
                              </w:r>
                            </w:p>
                          </w:txbxContent>
                        </wps:txbx>
                        <wps:bodyPr horzOverflow="overflow" vert="horz" lIns="0" tIns="0" rIns="0" bIns="0" rtlCol="0">
                          <a:noAutofit/>
                        </wps:bodyPr>
                      </wps:wsp>
                      <wps:wsp>
                        <wps:cNvPr id="5615" name="Rectangle 5615"/>
                        <wps:cNvSpPr/>
                        <wps:spPr>
                          <a:xfrm>
                            <a:off x="1767868" y="2515624"/>
                            <a:ext cx="40721"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616" name="Rectangle 5616"/>
                        <wps:cNvSpPr/>
                        <wps:spPr>
                          <a:xfrm>
                            <a:off x="1798514" y="2531864"/>
                            <a:ext cx="459167"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а </w:t>
                              </w:r>
                            </w:p>
                          </w:txbxContent>
                        </wps:txbx>
                        <wps:bodyPr horzOverflow="overflow" vert="horz" lIns="0" tIns="0" rIns="0" bIns="0" rtlCol="0">
                          <a:noAutofit/>
                        </wps:bodyPr>
                      </wps:wsp>
                      <wps:wsp>
                        <wps:cNvPr id="5617" name="Rectangle 5617"/>
                        <wps:cNvSpPr/>
                        <wps:spPr>
                          <a:xfrm>
                            <a:off x="2143744" y="2515624"/>
                            <a:ext cx="258174"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DPC</w:t>
                              </w:r>
                            </w:p>
                          </w:txbxContent>
                        </wps:txbx>
                        <wps:bodyPr horzOverflow="overflow" vert="horz" lIns="0" tIns="0" rIns="0" bIns="0" rtlCol="0">
                          <a:noAutofit/>
                        </wps:bodyPr>
                      </wps:wsp>
                      <wps:wsp>
                        <wps:cNvPr id="5618" name="Rectangle 5618"/>
                        <wps:cNvSpPr/>
                        <wps:spPr>
                          <a:xfrm>
                            <a:off x="2337812" y="2515624"/>
                            <a:ext cx="67948"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619" name="Rectangle 5619"/>
                        <wps:cNvSpPr/>
                        <wps:spPr>
                          <a:xfrm>
                            <a:off x="2388914" y="2531864"/>
                            <a:ext cx="1201630"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который инициирует </w:t>
                              </w:r>
                            </w:p>
                          </w:txbxContent>
                        </wps:txbx>
                        <wps:bodyPr horzOverflow="overflow" vert="horz" lIns="0" tIns="0" rIns="0" bIns="0" rtlCol="0">
                          <a:noAutofit/>
                        </wps:bodyPr>
                      </wps:wsp>
                      <wps:wsp>
                        <wps:cNvPr id="5620" name="Rectangle 5620"/>
                        <wps:cNvSpPr/>
                        <wps:spPr>
                          <a:xfrm>
                            <a:off x="1514270" y="2641985"/>
                            <a:ext cx="2107395"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бработку устройством следующего </w:t>
                              </w:r>
                            </w:p>
                          </w:txbxContent>
                        </wps:txbx>
                        <wps:bodyPr horzOverflow="overflow" vert="horz" lIns="0" tIns="0" rIns="0" bIns="0" rtlCol="0">
                          <a:noAutofit/>
                        </wps:bodyPr>
                      </wps:wsp>
                      <wps:wsp>
                        <wps:cNvPr id="5621" name="Rectangle 5621"/>
                        <wps:cNvSpPr/>
                        <wps:spPr>
                          <a:xfrm>
                            <a:off x="3098758" y="2625745"/>
                            <a:ext cx="237815"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P </w:t>
                              </w:r>
                            </w:p>
                          </w:txbxContent>
                        </wps:txbx>
                        <wps:bodyPr horzOverflow="overflow" vert="horz" lIns="0" tIns="0" rIns="0" bIns="0" rtlCol="0">
                          <a:noAutofit/>
                        </wps:bodyPr>
                      </wps:wsp>
                      <wps:wsp>
                        <wps:cNvPr id="5622" name="Rectangle 5622"/>
                        <wps:cNvSpPr/>
                        <wps:spPr>
                          <a:xfrm>
                            <a:off x="1514270" y="2752104"/>
                            <a:ext cx="1652020"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и вызывает диспетчер ввода</w:t>
                              </w:r>
                            </w:p>
                          </w:txbxContent>
                        </wps:txbx>
                        <wps:bodyPr horzOverflow="overflow" vert="horz" lIns="0" tIns="0" rIns="0" bIns="0" rtlCol="0">
                          <a:noAutofit/>
                        </wps:bodyPr>
                      </wps:wsp>
                      <wps:wsp>
                        <wps:cNvPr id="5623" name="Rectangle 5623"/>
                        <wps:cNvSpPr/>
                        <wps:spPr>
                          <a:xfrm>
                            <a:off x="2756439" y="2735864"/>
                            <a:ext cx="40721"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624" name="Rectangle 5624"/>
                        <wps:cNvSpPr/>
                        <wps:spPr>
                          <a:xfrm>
                            <a:off x="2787009" y="2752104"/>
                            <a:ext cx="702058"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вывода для </w:t>
                              </w:r>
                            </w:p>
                          </w:txbxContent>
                        </wps:txbx>
                        <wps:bodyPr horzOverflow="overflow" vert="horz" lIns="0" tIns="0" rIns="0" bIns="0" rtlCol="0">
                          <a:noAutofit/>
                        </wps:bodyPr>
                      </wps:wsp>
                      <wps:wsp>
                        <wps:cNvPr id="5625" name="Rectangle 5625"/>
                        <wps:cNvSpPr/>
                        <wps:spPr>
                          <a:xfrm>
                            <a:off x="1514270" y="2862224"/>
                            <a:ext cx="2160224" cy="1147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завершения обработки предыдущего </w:t>
                              </w:r>
                            </w:p>
                          </w:txbxContent>
                        </wps:txbx>
                        <wps:bodyPr horzOverflow="overflow" vert="horz" lIns="0" tIns="0" rIns="0" bIns="0" rtlCol="0">
                          <a:noAutofit/>
                        </wps:bodyPr>
                      </wps:wsp>
                      <wps:wsp>
                        <wps:cNvPr id="5626" name="Rectangle 5626"/>
                        <wps:cNvSpPr/>
                        <wps:spPr>
                          <a:xfrm>
                            <a:off x="3138521" y="2845984"/>
                            <a:ext cx="203839" cy="13608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RP</w:t>
                              </w:r>
                            </w:p>
                          </w:txbxContent>
                        </wps:txbx>
                        <wps:bodyPr horzOverflow="overflow" vert="horz" lIns="0" tIns="0" rIns="0" bIns="0" rtlCol="0">
                          <a:noAutofit/>
                        </wps:bodyPr>
                      </wps:wsp>
                      <wps:wsp>
                        <wps:cNvPr id="69486" name="Shape 69486"/>
                        <wps:cNvSpPr/>
                        <wps:spPr>
                          <a:xfrm>
                            <a:off x="947467" y="1526666"/>
                            <a:ext cx="325770" cy="108384"/>
                          </a:xfrm>
                          <a:custGeom>
                            <a:avLst/>
                            <a:gdLst/>
                            <a:ahLst/>
                            <a:cxnLst/>
                            <a:rect l="0" t="0" r="0" b="0"/>
                            <a:pathLst>
                              <a:path w="325770" h="108384">
                                <a:moveTo>
                                  <a:pt x="0" y="0"/>
                                </a:moveTo>
                                <a:lnTo>
                                  <a:pt x="325770" y="0"/>
                                </a:lnTo>
                                <a:lnTo>
                                  <a:pt x="325770" y="108384"/>
                                </a:lnTo>
                                <a:lnTo>
                                  <a:pt x="0" y="108384"/>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5629" name="Rectangle 5629"/>
                        <wps:cNvSpPr/>
                        <wps:spPr>
                          <a:xfrm>
                            <a:off x="995352" y="1525310"/>
                            <a:ext cx="203839"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wps:txbx>
                        <wps:bodyPr horzOverflow="overflow" vert="horz" lIns="0" tIns="0" rIns="0" bIns="0" rtlCol="0">
                          <a:noAutofit/>
                        </wps:bodyPr>
                      </wps:wsp>
                      <wps:wsp>
                        <wps:cNvPr id="5630" name="Rectangle 5630"/>
                        <wps:cNvSpPr/>
                        <wps:spPr>
                          <a:xfrm>
                            <a:off x="1148583" y="1525310"/>
                            <a:ext cx="33974"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wps:txbx>
                        <wps:bodyPr horzOverflow="overflow" vert="horz" lIns="0" tIns="0" rIns="0" bIns="0" rtlCol="0">
                          <a:noAutofit/>
                        </wps:bodyPr>
                      </wps:wsp>
                      <wps:wsp>
                        <wps:cNvPr id="5631" name="Rectangle 5631"/>
                        <wps:cNvSpPr/>
                        <wps:spPr>
                          <a:xfrm>
                            <a:off x="1174173" y="1525310"/>
                            <a:ext cx="68007"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0</w:t>
                              </w:r>
                            </w:p>
                          </w:txbxContent>
                        </wps:txbx>
                        <wps:bodyPr horzOverflow="overflow" vert="horz" lIns="0" tIns="0" rIns="0" bIns="0" rtlCol="0">
                          <a:noAutofit/>
                        </wps:bodyPr>
                      </wps:wsp>
                      <wps:wsp>
                        <wps:cNvPr id="5632" name="Shape 5632"/>
                        <wps:cNvSpPr/>
                        <wps:spPr>
                          <a:xfrm>
                            <a:off x="1305799" y="1613332"/>
                            <a:ext cx="152005" cy="151797"/>
                          </a:xfrm>
                          <a:custGeom>
                            <a:avLst/>
                            <a:gdLst/>
                            <a:ahLst/>
                            <a:cxnLst/>
                            <a:rect l="0" t="0" r="0" b="0"/>
                            <a:pathLst>
                              <a:path w="152005" h="151797">
                                <a:moveTo>
                                  <a:pt x="76003" y="0"/>
                                </a:moveTo>
                                <a:cubicBezTo>
                                  <a:pt x="117988" y="0"/>
                                  <a:pt x="152005" y="34030"/>
                                  <a:pt x="152005" y="75937"/>
                                </a:cubicBezTo>
                                <a:cubicBezTo>
                                  <a:pt x="152005" y="117844"/>
                                  <a:pt x="117988" y="151797"/>
                                  <a:pt x="76003" y="151797"/>
                                </a:cubicBezTo>
                                <a:cubicBezTo>
                                  <a:pt x="34017" y="151797"/>
                                  <a:pt x="0" y="117844"/>
                                  <a:pt x="0" y="75937"/>
                                </a:cubicBezTo>
                                <a:cubicBezTo>
                                  <a:pt x="0" y="34030"/>
                                  <a:pt x="34017" y="0"/>
                                  <a:pt x="76003"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633" name="Shape 5633"/>
                        <wps:cNvSpPr/>
                        <wps:spPr>
                          <a:xfrm>
                            <a:off x="1305799" y="1613332"/>
                            <a:ext cx="152005" cy="151797"/>
                          </a:xfrm>
                          <a:custGeom>
                            <a:avLst/>
                            <a:gdLst/>
                            <a:ahLst/>
                            <a:cxnLst/>
                            <a:rect l="0" t="0" r="0" b="0"/>
                            <a:pathLst>
                              <a:path w="152005" h="151797">
                                <a:moveTo>
                                  <a:pt x="152005" y="75937"/>
                                </a:moveTo>
                                <a:cubicBezTo>
                                  <a:pt x="152005" y="34030"/>
                                  <a:pt x="117988" y="0"/>
                                  <a:pt x="76003" y="0"/>
                                </a:cubicBezTo>
                                <a:cubicBezTo>
                                  <a:pt x="34017" y="0"/>
                                  <a:pt x="0" y="34030"/>
                                  <a:pt x="0" y="75937"/>
                                </a:cubicBezTo>
                                <a:cubicBezTo>
                                  <a:pt x="0" y="117844"/>
                                  <a:pt x="34017" y="151797"/>
                                  <a:pt x="76003" y="151797"/>
                                </a:cubicBezTo>
                                <a:cubicBezTo>
                                  <a:pt x="117988" y="151797"/>
                                  <a:pt x="152005" y="117844"/>
                                  <a:pt x="152005" y="75937"/>
                                </a:cubicBez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634" name="Rectangle 5634"/>
                        <wps:cNvSpPr/>
                        <wps:spPr>
                          <a:xfrm>
                            <a:off x="1356212" y="1633748"/>
                            <a:ext cx="68007"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w:t>
                              </w:r>
                            </w:p>
                          </w:txbxContent>
                        </wps:txbx>
                        <wps:bodyPr horzOverflow="overflow" vert="horz" lIns="0" tIns="0" rIns="0" bIns="0" rtlCol="0">
                          <a:noAutofit/>
                        </wps:bodyPr>
                      </wps:wsp>
                      <wps:wsp>
                        <wps:cNvPr id="5635" name="Rectangle 5635"/>
                        <wps:cNvSpPr/>
                        <wps:spPr>
                          <a:xfrm>
                            <a:off x="1503390" y="1647617"/>
                            <a:ext cx="1816197"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вторяется предыдущий этап </w:t>
                              </w:r>
                            </w:p>
                          </w:txbxContent>
                        </wps:txbx>
                        <wps:bodyPr horzOverflow="overflow" vert="horz" lIns="0" tIns="0" rIns="0" bIns="0" rtlCol="0">
                          <a:noAutofit/>
                        </wps:bodyPr>
                      </wps:wsp>
                      <wps:wsp>
                        <wps:cNvPr id="5636" name="Rectangle 5636"/>
                        <wps:cNvSpPr/>
                        <wps:spPr>
                          <a:xfrm>
                            <a:off x="2868911" y="1631377"/>
                            <a:ext cx="40721"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637" name="Rectangle 5637"/>
                        <wps:cNvSpPr/>
                        <wps:spPr>
                          <a:xfrm>
                            <a:off x="2899557" y="1631377"/>
                            <a:ext cx="68007"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61696" name="Rectangle 61696"/>
                        <wps:cNvSpPr/>
                        <wps:spPr>
                          <a:xfrm>
                            <a:off x="2950660" y="1631378"/>
                            <a:ext cx="40721"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61697" name="Rectangle 61697"/>
                        <wps:cNvSpPr/>
                        <wps:spPr>
                          <a:xfrm>
                            <a:off x="2981276" y="1631378"/>
                            <a:ext cx="33974"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639" name="Rectangle 5639"/>
                        <wps:cNvSpPr/>
                        <wps:spPr>
                          <a:xfrm>
                            <a:off x="3006819" y="1647617"/>
                            <a:ext cx="866791"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для обработки </w:t>
                              </w:r>
                            </w:p>
                          </w:txbxContent>
                        </wps:txbx>
                        <wps:bodyPr horzOverflow="overflow" vert="horz" lIns="0" tIns="0" rIns="0" bIns="0" rtlCol="0">
                          <a:noAutofit/>
                        </wps:bodyPr>
                      </wps:wsp>
                      <wps:wsp>
                        <wps:cNvPr id="5640" name="Rectangle 5640"/>
                        <wps:cNvSpPr/>
                        <wps:spPr>
                          <a:xfrm>
                            <a:off x="1503390" y="1741498"/>
                            <a:ext cx="237815"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P </w:t>
                              </w:r>
                            </w:p>
                          </w:txbxContent>
                        </wps:txbx>
                        <wps:bodyPr horzOverflow="overflow" vert="horz" lIns="0" tIns="0" rIns="0" bIns="0" rtlCol="0">
                          <a:noAutofit/>
                        </wps:bodyPr>
                      </wps:wsp>
                      <wps:wsp>
                        <wps:cNvPr id="5641" name="Rectangle 5641"/>
                        <wps:cNvSpPr/>
                        <wps:spPr>
                          <a:xfrm>
                            <a:off x="1682211" y="1757738"/>
                            <a:ext cx="163141"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о </w:t>
                              </w:r>
                            </w:p>
                          </w:txbxContent>
                        </wps:txbx>
                        <wps:bodyPr horzOverflow="overflow" vert="horz" lIns="0" tIns="0" rIns="0" bIns="0" rtlCol="0">
                          <a:noAutofit/>
                        </wps:bodyPr>
                      </wps:wsp>
                      <wps:wsp>
                        <wps:cNvPr id="5642" name="Rectangle 5642"/>
                        <wps:cNvSpPr/>
                        <wps:spPr>
                          <a:xfrm>
                            <a:off x="1804873" y="1741498"/>
                            <a:ext cx="68007"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5643" name="Rectangle 5643"/>
                        <wps:cNvSpPr/>
                        <wps:spPr>
                          <a:xfrm>
                            <a:off x="1855976" y="1741498"/>
                            <a:ext cx="40721"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644" name="Rectangle 5644"/>
                        <wps:cNvSpPr/>
                        <wps:spPr>
                          <a:xfrm>
                            <a:off x="1886622" y="1757738"/>
                            <a:ext cx="314796" cy="114722"/>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го</w:t>
                              </w:r>
                              <w:proofErr w:type="spellEnd"/>
                              <w:r>
                                <w:rPr>
                                  <w:rFonts w:ascii="Arial" w:eastAsia="Arial" w:hAnsi="Arial" w:cs="Arial"/>
                                  <w:sz w:val="14"/>
                                </w:rPr>
                                <w:t xml:space="preserve"> по </w:t>
                              </w:r>
                            </w:p>
                          </w:txbxContent>
                        </wps:txbx>
                        <wps:bodyPr horzOverflow="overflow" vert="horz" lIns="0" tIns="0" rIns="0" bIns="0" rtlCol="0">
                          <a:noAutofit/>
                        </wps:bodyPr>
                      </wps:wsp>
                      <wps:wsp>
                        <wps:cNvPr id="5645" name="Rectangle 5645"/>
                        <wps:cNvSpPr/>
                        <wps:spPr>
                          <a:xfrm>
                            <a:off x="2123288" y="1741498"/>
                            <a:ext cx="68007"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n</w:t>
                              </w:r>
                            </w:p>
                          </w:txbxContent>
                        </wps:txbx>
                        <wps:bodyPr horzOverflow="overflow" vert="horz" lIns="0" tIns="0" rIns="0" bIns="0" rtlCol="0">
                          <a:noAutofit/>
                        </wps:bodyPr>
                      </wps:wsp>
                      <wps:wsp>
                        <wps:cNvPr id="5646" name="Rectangle 5646"/>
                        <wps:cNvSpPr/>
                        <wps:spPr>
                          <a:xfrm>
                            <a:off x="2174390" y="1741498"/>
                            <a:ext cx="67948"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647" name="Rectangle 5647"/>
                        <wps:cNvSpPr/>
                        <wps:spPr>
                          <a:xfrm>
                            <a:off x="2225493" y="1741498"/>
                            <a:ext cx="33974"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648" name="Rectangle 5648"/>
                        <wps:cNvSpPr/>
                        <wps:spPr>
                          <a:xfrm>
                            <a:off x="2251006" y="1757738"/>
                            <a:ext cx="1692002"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 после выполнение каждого </w:t>
                              </w:r>
                            </w:p>
                          </w:txbxContent>
                        </wps:txbx>
                        <wps:bodyPr horzOverflow="overflow" vert="horz" lIns="0" tIns="0" rIns="0" bIns="0" rtlCol="0">
                          <a:noAutofit/>
                        </wps:bodyPr>
                      </wps:wsp>
                      <wps:wsp>
                        <wps:cNvPr id="5649" name="Rectangle 5649"/>
                        <wps:cNvSpPr/>
                        <wps:spPr>
                          <a:xfrm>
                            <a:off x="1503390" y="1851617"/>
                            <a:ext cx="237815"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P </w:t>
                              </w:r>
                            </w:p>
                          </w:txbxContent>
                        </wps:txbx>
                        <wps:bodyPr horzOverflow="overflow" vert="horz" lIns="0" tIns="0" rIns="0" bIns="0" rtlCol="0">
                          <a:noAutofit/>
                        </wps:bodyPr>
                      </wps:wsp>
                      <wps:wsp>
                        <wps:cNvPr id="5650" name="Rectangle 5650"/>
                        <wps:cNvSpPr/>
                        <wps:spPr>
                          <a:xfrm>
                            <a:off x="1682211" y="1867857"/>
                            <a:ext cx="2226036"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файловая система выполняет очистку </w:t>
                              </w:r>
                            </w:p>
                          </w:txbxContent>
                        </wps:txbx>
                        <wps:bodyPr horzOverflow="overflow" vert="horz" lIns="0" tIns="0" rIns="0" bIns="0" rtlCol="0">
                          <a:noAutofit/>
                        </wps:bodyPr>
                      </wps:wsp>
                      <wps:wsp>
                        <wps:cNvPr id="5651" name="Shape 5651"/>
                        <wps:cNvSpPr/>
                        <wps:spPr>
                          <a:xfrm>
                            <a:off x="1307178" y="342977"/>
                            <a:ext cx="152005" cy="151721"/>
                          </a:xfrm>
                          <a:custGeom>
                            <a:avLst/>
                            <a:gdLst/>
                            <a:ahLst/>
                            <a:cxnLst/>
                            <a:rect l="0" t="0" r="0" b="0"/>
                            <a:pathLst>
                              <a:path w="152005" h="151721">
                                <a:moveTo>
                                  <a:pt x="76003" y="0"/>
                                </a:moveTo>
                                <a:cubicBezTo>
                                  <a:pt x="117988" y="0"/>
                                  <a:pt x="152005" y="33954"/>
                                  <a:pt x="152005" y="75860"/>
                                </a:cubicBezTo>
                                <a:cubicBezTo>
                                  <a:pt x="152005" y="117767"/>
                                  <a:pt x="117988" y="151721"/>
                                  <a:pt x="76003" y="151721"/>
                                </a:cubicBezTo>
                                <a:cubicBezTo>
                                  <a:pt x="34017" y="151721"/>
                                  <a:pt x="0" y="117767"/>
                                  <a:pt x="0" y="75860"/>
                                </a:cubicBezTo>
                                <a:cubicBezTo>
                                  <a:pt x="0" y="33954"/>
                                  <a:pt x="34017" y="0"/>
                                  <a:pt x="76003"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652" name="Shape 5652"/>
                        <wps:cNvSpPr/>
                        <wps:spPr>
                          <a:xfrm>
                            <a:off x="1307178" y="342977"/>
                            <a:ext cx="152005" cy="151721"/>
                          </a:xfrm>
                          <a:custGeom>
                            <a:avLst/>
                            <a:gdLst/>
                            <a:ahLst/>
                            <a:cxnLst/>
                            <a:rect l="0" t="0" r="0" b="0"/>
                            <a:pathLst>
                              <a:path w="152005" h="151721">
                                <a:moveTo>
                                  <a:pt x="152005" y="75860"/>
                                </a:moveTo>
                                <a:cubicBezTo>
                                  <a:pt x="152005" y="33954"/>
                                  <a:pt x="117988" y="0"/>
                                  <a:pt x="76003" y="0"/>
                                </a:cubicBezTo>
                                <a:cubicBezTo>
                                  <a:pt x="34017" y="0"/>
                                  <a:pt x="0" y="33954"/>
                                  <a:pt x="0" y="75860"/>
                                </a:cubicBezTo>
                                <a:cubicBezTo>
                                  <a:pt x="0" y="117767"/>
                                  <a:pt x="34017" y="151721"/>
                                  <a:pt x="76003" y="151721"/>
                                </a:cubicBezTo>
                                <a:cubicBezTo>
                                  <a:pt x="117988" y="151721"/>
                                  <a:pt x="152005" y="117767"/>
                                  <a:pt x="152005" y="75860"/>
                                </a:cubicBez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653" name="Rectangle 5653"/>
                        <wps:cNvSpPr/>
                        <wps:spPr>
                          <a:xfrm>
                            <a:off x="1357591" y="363317"/>
                            <a:ext cx="68007"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4</w:t>
                              </w:r>
                            </w:p>
                          </w:txbxContent>
                        </wps:txbx>
                        <wps:bodyPr horzOverflow="overflow" vert="horz" lIns="0" tIns="0" rIns="0" bIns="0" rtlCol="0">
                          <a:noAutofit/>
                        </wps:bodyPr>
                      </wps:wsp>
                      <wps:wsp>
                        <wps:cNvPr id="5654" name="Rectangle 5654"/>
                        <wps:cNvSpPr/>
                        <wps:spPr>
                          <a:xfrm>
                            <a:off x="1517641" y="369845"/>
                            <a:ext cx="2274386"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сле обработки всех сопоставленных </w:t>
                              </w:r>
                            </w:p>
                          </w:txbxContent>
                        </wps:txbx>
                        <wps:bodyPr horzOverflow="overflow" vert="horz" lIns="0" tIns="0" rIns="0" bIns="0" rtlCol="0">
                          <a:noAutofit/>
                        </wps:bodyPr>
                      </wps:wsp>
                      <wps:wsp>
                        <wps:cNvPr id="5655" name="Rectangle 5655"/>
                        <wps:cNvSpPr/>
                        <wps:spPr>
                          <a:xfrm>
                            <a:off x="3227702" y="353605"/>
                            <a:ext cx="237815"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P </w:t>
                              </w:r>
                            </w:p>
                          </w:txbxContent>
                        </wps:txbx>
                        <wps:bodyPr horzOverflow="overflow" vert="horz" lIns="0" tIns="0" rIns="0" bIns="0" rtlCol="0">
                          <a:noAutofit/>
                        </wps:bodyPr>
                      </wps:wsp>
                      <wps:wsp>
                        <wps:cNvPr id="5656" name="Rectangle 5656"/>
                        <wps:cNvSpPr/>
                        <wps:spPr>
                          <a:xfrm>
                            <a:off x="1517641" y="479965"/>
                            <a:ext cx="2012152" cy="1147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завершается обработка исходного </w:t>
                              </w:r>
                            </w:p>
                          </w:txbxContent>
                        </wps:txbx>
                        <wps:bodyPr horzOverflow="overflow" vert="horz" lIns="0" tIns="0" rIns="0" bIns="0" rtlCol="0">
                          <a:noAutofit/>
                        </wps:bodyPr>
                      </wps:wsp>
                      <wps:wsp>
                        <wps:cNvPr id="5657" name="Rectangle 5657"/>
                        <wps:cNvSpPr/>
                        <wps:spPr>
                          <a:xfrm>
                            <a:off x="3030493" y="463724"/>
                            <a:ext cx="237815"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IRP </w:t>
                              </w:r>
                            </w:p>
                          </w:txbxContent>
                        </wps:txbx>
                        <wps:bodyPr horzOverflow="overflow" vert="horz" lIns="0" tIns="0" rIns="0" bIns="0" rtlCol="0">
                          <a:noAutofit/>
                        </wps:bodyPr>
                      </wps:wsp>
                      <wps:wsp>
                        <wps:cNvPr id="5658" name="Rectangle 5658"/>
                        <wps:cNvSpPr/>
                        <wps:spPr>
                          <a:xfrm>
                            <a:off x="3209314" y="479965"/>
                            <a:ext cx="991157" cy="1147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 вызывающему </w:t>
                              </w:r>
                            </w:p>
                          </w:txbxContent>
                        </wps:txbx>
                        <wps:bodyPr horzOverflow="overflow" vert="horz" lIns="0" tIns="0" rIns="0" bIns="0" rtlCol="0">
                          <a:noAutofit/>
                        </wps:bodyPr>
                      </wps:wsp>
                      <wps:wsp>
                        <wps:cNvPr id="5659" name="Rectangle 5659"/>
                        <wps:cNvSpPr/>
                        <wps:spPr>
                          <a:xfrm>
                            <a:off x="1517641" y="590085"/>
                            <a:ext cx="2877035" cy="11472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току возвращается код завершения или данные</w:t>
                              </w:r>
                            </w:p>
                          </w:txbxContent>
                        </wps:txbx>
                        <wps:bodyPr horzOverflow="overflow" vert="horz" lIns="0" tIns="0" rIns="0" bIns="0" rtlCol="0">
                          <a:noAutofit/>
                        </wps:bodyPr>
                      </wps:wsp>
                      <wps:wsp>
                        <wps:cNvPr id="5660" name="Shape 5660"/>
                        <wps:cNvSpPr/>
                        <wps:spPr>
                          <a:xfrm>
                            <a:off x="17645" y="899541"/>
                            <a:ext cx="4082939" cy="0"/>
                          </a:xfrm>
                          <a:custGeom>
                            <a:avLst/>
                            <a:gdLst/>
                            <a:ahLst/>
                            <a:cxnLst/>
                            <a:rect l="0" t="0" r="0" b="0"/>
                            <a:pathLst>
                              <a:path w="4082939">
                                <a:moveTo>
                                  <a:pt x="0" y="0"/>
                                </a:moveTo>
                                <a:lnTo>
                                  <a:pt x="4082939" y="0"/>
                                </a:lnTo>
                              </a:path>
                            </a:pathLst>
                          </a:custGeom>
                          <a:ln w="16518" cap="rnd">
                            <a:round/>
                          </a:ln>
                        </wps:spPr>
                        <wps:style>
                          <a:lnRef idx="1">
                            <a:srgbClr val="000000"/>
                          </a:lnRef>
                          <a:fillRef idx="0">
                            <a:srgbClr val="000000">
                              <a:alpha val="0"/>
                            </a:srgbClr>
                          </a:fillRef>
                          <a:effectRef idx="0">
                            <a:scrgbClr r="0" g="0" b="0"/>
                          </a:effectRef>
                          <a:fontRef idx="none"/>
                        </wps:style>
                        <wps:bodyPr/>
                      </wps:wsp>
                      <wps:wsp>
                        <wps:cNvPr id="5661" name="Rectangle 5661"/>
                        <wps:cNvSpPr/>
                        <wps:spPr>
                          <a:xfrm>
                            <a:off x="2929974" y="783789"/>
                            <a:ext cx="1462530" cy="11472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wps:txbx>
                        <wps:bodyPr horzOverflow="overflow" vert="horz" lIns="0" tIns="0" rIns="0" bIns="0" rtlCol="0">
                          <a:noAutofit/>
                        </wps:bodyPr>
                      </wps:wsp>
                      <wps:wsp>
                        <wps:cNvPr id="5662" name="Rectangle 5662"/>
                        <wps:cNvSpPr/>
                        <wps:spPr>
                          <a:xfrm>
                            <a:off x="3523132" y="936733"/>
                            <a:ext cx="691278" cy="11472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 ядра</w:t>
                              </w:r>
                            </w:p>
                          </w:txbxContent>
                        </wps:txbx>
                        <wps:bodyPr horzOverflow="overflow" vert="horz" lIns="0" tIns="0" rIns="0" bIns="0" rtlCol="0">
                          <a:noAutofit/>
                        </wps:bodyPr>
                      </wps:wsp>
                      <wps:wsp>
                        <wps:cNvPr id="69487" name="Shape 69487"/>
                        <wps:cNvSpPr/>
                        <wps:spPr>
                          <a:xfrm>
                            <a:off x="1056032" y="2594293"/>
                            <a:ext cx="325770" cy="108384"/>
                          </a:xfrm>
                          <a:custGeom>
                            <a:avLst/>
                            <a:gdLst/>
                            <a:ahLst/>
                            <a:cxnLst/>
                            <a:rect l="0" t="0" r="0" b="0"/>
                            <a:pathLst>
                              <a:path w="325770" h="108384">
                                <a:moveTo>
                                  <a:pt x="0" y="0"/>
                                </a:moveTo>
                                <a:lnTo>
                                  <a:pt x="325770" y="0"/>
                                </a:lnTo>
                                <a:lnTo>
                                  <a:pt x="325770" y="108384"/>
                                </a:lnTo>
                                <a:lnTo>
                                  <a:pt x="0" y="108384"/>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5665" name="Rectangle 5665"/>
                        <wps:cNvSpPr/>
                        <wps:spPr>
                          <a:xfrm>
                            <a:off x="1103916" y="2592937"/>
                            <a:ext cx="203839"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wps:txbx>
                        <wps:bodyPr horzOverflow="overflow" vert="horz" lIns="0" tIns="0" rIns="0" bIns="0" rtlCol="0">
                          <a:noAutofit/>
                        </wps:bodyPr>
                      </wps:wsp>
                      <wps:wsp>
                        <wps:cNvPr id="5666" name="Rectangle 5666"/>
                        <wps:cNvSpPr/>
                        <wps:spPr>
                          <a:xfrm>
                            <a:off x="1257224" y="2592937"/>
                            <a:ext cx="33974"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wps:txbx>
                        <wps:bodyPr horzOverflow="overflow" vert="horz" lIns="0" tIns="0" rIns="0" bIns="0" rtlCol="0">
                          <a:noAutofit/>
                        </wps:bodyPr>
                      </wps:wsp>
                      <wps:wsp>
                        <wps:cNvPr id="5667" name="Rectangle 5667"/>
                        <wps:cNvSpPr/>
                        <wps:spPr>
                          <a:xfrm>
                            <a:off x="1282738" y="2592937"/>
                            <a:ext cx="68007"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1</w:t>
                              </w:r>
                            </w:p>
                          </w:txbxContent>
                        </wps:txbx>
                        <wps:bodyPr horzOverflow="overflow" vert="horz" lIns="0" tIns="0" rIns="0" bIns="0" rtlCol="0">
                          <a:noAutofit/>
                        </wps:bodyPr>
                      </wps:wsp>
                      <wps:wsp>
                        <wps:cNvPr id="69488" name="Shape 69488"/>
                        <wps:cNvSpPr/>
                        <wps:spPr>
                          <a:xfrm>
                            <a:off x="1446925" y="3054884"/>
                            <a:ext cx="325770" cy="108384"/>
                          </a:xfrm>
                          <a:custGeom>
                            <a:avLst/>
                            <a:gdLst/>
                            <a:ahLst/>
                            <a:cxnLst/>
                            <a:rect l="0" t="0" r="0" b="0"/>
                            <a:pathLst>
                              <a:path w="325770" h="108384">
                                <a:moveTo>
                                  <a:pt x="0" y="0"/>
                                </a:moveTo>
                                <a:lnTo>
                                  <a:pt x="325770" y="0"/>
                                </a:lnTo>
                                <a:lnTo>
                                  <a:pt x="325770" y="108384"/>
                                </a:lnTo>
                                <a:lnTo>
                                  <a:pt x="0" y="108384"/>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5670" name="Rectangle 5670"/>
                        <wps:cNvSpPr/>
                        <wps:spPr>
                          <a:xfrm>
                            <a:off x="1494886" y="3053606"/>
                            <a:ext cx="203839"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wps:txbx>
                        <wps:bodyPr horzOverflow="overflow" vert="horz" lIns="0" tIns="0" rIns="0" bIns="0" rtlCol="0">
                          <a:noAutofit/>
                        </wps:bodyPr>
                      </wps:wsp>
                      <wps:wsp>
                        <wps:cNvPr id="5671" name="Rectangle 5671"/>
                        <wps:cNvSpPr/>
                        <wps:spPr>
                          <a:xfrm>
                            <a:off x="1648118" y="3053606"/>
                            <a:ext cx="33974"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wps:txbx>
                        <wps:bodyPr horzOverflow="overflow" vert="horz" lIns="0" tIns="0" rIns="0" bIns="0" rtlCol="0">
                          <a:noAutofit/>
                        </wps:bodyPr>
                      </wps:wsp>
                      <wps:wsp>
                        <wps:cNvPr id="5672" name="Rectangle 5672"/>
                        <wps:cNvSpPr/>
                        <wps:spPr>
                          <a:xfrm>
                            <a:off x="1673707" y="3053606"/>
                            <a:ext cx="68007" cy="13608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bdr w:val="single" w:sz="2" w:space="0" w:color="000000"/>
                                </w:rPr>
                                <w:t>n</w:t>
                              </w:r>
                            </w:p>
                          </w:txbxContent>
                        </wps:txbx>
                        <wps:bodyPr horzOverflow="overflow" vert="horz" lIns="0" tIns="0" rIns="0" bIns="0" rtlCol="0">
                          <a:noAutofit/>
                        </wps:bodyPr>
                      </wps:wsp>
                      <wps:wsp>
                        <wps:cNvPr id="5673" name="Shape 5673"/>
                        <wps:cNvSpPr/>
                        <wps:spPr>
                          <a:xfrm>
                            <a:off x="1381801" y="2648458"/>
                            <a:ext cx="65123" cy="460591"/>
                          </a:xfrm>
                          <a:custGeom>
                            <a:avLst/>
                            <a:gdLst/>
                            <a:ahLst/>
                            <a:cxnLst/>
                            <a:rect l="0" t="0" r="0" b="0"/>
                            <a:pathLst>
                              <a:path w="65123" h="460591">
                                <a:moveTo>
                                  <a:pt x="0" y="0"/>
                                </a:moveTo>
                                <a:lnTo>
                                  <a:pt x="65123" y="460591"/>
                                </a:lnTo>
                              </a:path>
                            </a:pathLst>
                          </a:custGeom>
                          <a:ln w="16518" cap="rnd">
                            <a:custDash>
                              <a:ds d="1" sp="1170565"/>
                            </a:custDash>
                            <a:round/>
                          </a:ln>
                        </wps:spPr>
                        <wps:style>
                          <a:lnRef idx="1">
                            <a:srgbClr val="000000"/>
                          </a:lnRef>
                          <a:fillRef idx="0">
                            <a:srgbClr val="000000">
                              <a:alpha val="0"/>
                            </a:srgbClr>
                          </a:fillRef>
                          <a:effectRef idx="0">
                            <a:scrgbClr r="0" g="0" b="0"/>
                          </a:effectRef>
                          <a:fontRef idx="none"/>
                        </wps:style>
                        <wps:bodyPr/>
                      </wps:wsp>
                    </wpg:wgp>
                  </a:graphicData>
                </a:graphic>
              </wp:inline>
            </w:drawing>
          </mc:Choice>
          <mc:Fallback>
            <w:pict>
              <v:group id="Group 61753" o:spid="_x0000_s2716" style="width:322.9pt;height:311.4pt;mso-position-horizontal-relative:char;mso-position-vertical-relative:line" coordsize="41005,3954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">
                <v:shape id="Shape 5555" o:spid="_x0000_s2717" style="position:absolute;width:9040;height:4985;visibility:visible;mso-wrap-style:square;v-text-anchor:top" coordsize="904026,4985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" path="m904026,249222c904026,111573,701639,,452002,,202365,,,111573,,249222,,386948,202365,498522,452002,498522v249637,,452024,-111574,452024,-249300xe" filled="f" strokeweight=".15294mm">
                  <v:stroke endcap="round"/>
                  <v:path arrowok="t" textboxrect="0,0,904026,498522"/>
                </v:shape>
                <v:rect id="Rectangle 5556" o:spid="_x0000_s2718" style="position:absolute;left:1911;top:1548;width:7279;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дсистема </w:t>
                        </w:r>
                      </w:p>
                    </w:txbxContent>
                  </v:textbox>
                </v:rect>
                <v:rect id="Rectangle 5557" o:spid="_x0000_s2719" style="position:absolute;left:374;top:2650;width:878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кружения или </w:t>
                        </w:r>
                      </w:p>
                    </w:txbxContent>
                  </v:textbox>
                </v:rect>
                <v:rect id="Rectangle 5558" o:spid="_x0000_s2720" style="position:absolute;left:6979;top:2487;width:2243;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DLL</w:t>
                        </w:r>
                      </w:p>
                    </w:txbxContent>
                  </v:textbox>
                </v:rect>
                <v:shape id="Shape 5560" o:spid="_x0000_s2721" style="position:absolute;left:1479;top:10079;width:7601;height:2168;visibility:visible;mso-wrap-style:square;v-text-anchor:top" coordsize="760127,2167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" path="m,216768r760127,l760127,,,,,216768xe" filled="f" strokeweight=".05097mm">
                  <v:stroke endcap="round"/>
                  <v:path arrowok="t" textboxrect="0,0,760127,216768"/>
                </v:shape>
                <v:rect id="Rectangle 5561" o:spid="_x0000_s2722" style="position:absolute;left:3375;top:10770;width:506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Сервисы</w:t>
                        </w:r>
                      </w:p>
                    </w:txbxContent>
                  </v:textbox>
                </v:rect>
                <v:shape id="Shape 69485" o:spid="_x0000_s2723" style="position:absolute;left:1479;top:12247;width:7601;height:2818;visibility:visible;mso-wrap-style:square;v-text-anchor:top" coordsize="760127,2818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" path="m,l760127,r,281800l,281800,,e" stroked="f" strokeweight="0">
                  <v:stroke endcap="round"/>
                  <v:path arrowok="t" textboxrect="0,0,760127,281800"/>
                </v:shape>
                <v:shape id="Shape 5563" o:spid="_x0000_s2724" style="position:absolute;left:1479;top:12247;width:7601;height:2818;visibility:visible;mso-wrap-style:square;v-text-anchor:top" coordsize="760127,2818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" path="m,281800r760127,l760127,,,,,281800xe" filled="f" strokeweight=".05097mm">
                  <v:stroke endcap="round"/>
                  <v:path arrowok="t" textboxrect="0,0,760127,281800"/>
                </v:shape>
                <v:rect id="Rectangle 5564" o:spid="_x0000_s2725" style="position:absolute;left:2888;top:12712;width:6362;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испетчер </w:t>
                        </w:r>
                      </w:p>
                    </w:txbxContent>
                  </v:textbox>
                </v:rect>
                <v:rect id="Rectangle 5565" o:spid="_x0000_s2726" style="position:absolute;left:2260;top:13814;width:3373;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5566" o:spid="_x0000_s2727" style="position:absolute;left:4796;top:13651;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567" o:spid="_x0000_s2728" style="position:absolute;left:5102;top:13814;width:4252;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а</w:t>
                        </w:r>
                      </w:p>
                    </w:txbxContent>
                  </v:textbox>
                </v:rect>
                <v:shape id="Shape 5569" o:spid="_x0000_s2729" style="position:absolute;left:610;top:19834;width:9339;height:2818;visibility:visible;mso-wrap-style:square;v-text-anchor:top" coordsize="933868,2817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" path="m,281799r933868,l933868,,,,,281799xe" filled="f" strokeweight=".05097mm">
                  <v:stroke endcap="round"/>
                  <v:path arrowok="t" textboxrect="0,0,933868,281799"/>
                </v:shape>
                <v:rect id="Rectangle 5570" o:spid="_x0000_s2730" style="position:absolute;left:1018;top:20299;width:11336;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райвер файловой </w:t>
                        </w:r>
                      </w:p>
                    </w:txbxContent>
                  </v:textbox>
                </v:rect>
                <v:rect id="Rectangle 5571" o:spid="_x0000_s2731" style="position:absolute;left:3451;top:21400;width:4865;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системы</w:t>
                        </w:r>
                      </w:p>
                    </w:txbxContent>
                  </v:textbox>
                </v:rect>
                <v:shape id="Shape 5572" o:spid="_x0000_s2732" style="position:absolute;left:7013;top:15282;width:1524;height:4552;visibility:visible;mso-wrap-style:square;v-text-anchor:top" coordsize="152442,4552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" path="m152442,455239c152442,246546,90690,62172,,e" filled="f" strokeweight=".15294mm">
                  <v:stroke endcap="round"/>
                  <v:path arrowok="t" textboxrect="0,0,152442,455239"/>
                </v:shape>
                <v:shape id="Shape 5573" o:spid="_x0000_s2733" style="position:absolute;left:6366;top:15065;width:785;height:471;visibility:visible;mso-wrap-style:square;v-text-anchor:top" coordsize="78493,471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" path="m,l78493,153,62710,47183,,xe" fillcolor="black" stroked="f" strokeweight="0">
                  <v:stroke endcap="round"/>
                  <v:path arrowok="t" textboxrect="0,0,78493,47183"/>
                </v:shape>
                <v:shape id="Shape 5575" o:spid="_x0000_s2734" style="position:absolute;left:610;top:30347;width:9339;height:2818;visibility:visible;mso-wrap-style:square;v-text-anchor:top" coordsize="933868,2817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" path="m,281799r933868,l933868,,,,,281799xe" filled="f" strokeweight=".05097mm">
                  <v:stroke endcap="round"/>
                  <v:path arrowok="t" textboxrect="0,0,933868,281799"/>
                </v:shape>
                <v:rect id="Rectangle 5576" o:spid="_x0000_s2735" style="position:absolute;left:2105;top:31363;width:844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 диска</w:t>
                        </w:r>
                      </w:p>
                    </w:txbxContent>
                  </v:textbox>
                </v:rect>
                <v:shape id="Shape 5577" o:spid="_x0000_s2736" style="position:absolute;left:7316;top:22926;width:1547;height:7421;visibility:visible;mso-wrap-style:square;v-text-anchor:top" coordsize="154656,7421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" path="m154656,742162c153201,392913,90452,91690,,e" filled="f" strokeweight=".15294mm">
                  <v:stroke endcap="round"/>
                  <v:path arrowok="t" textboxrect="0,0,154656,742162"/>
                </v:shape>
                <v:shape id="Shape 5578" o:spid="_x0000_s2737" style="position:absolute;left:6691;top:22652;width:782;height:525;visibility:visible;mso-wrap-style:square;v-text-anchor:top" coordsize="78156,525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" path="m,l78156,7188,58174,52536,,xe" fillcolor="black" stroked="f" strokeweight="0">
                  <v:stroke endcap="round"/>
                  <v:path arrowok="t" textboxrect="0,0,78156,52536"/>
                </v:shape>
                <v:shape id="Shape 5579" o:spid="_x0000_s2738" style="position:absolute;left:6075;top:5168;width:1702;height:4911;visibility:visible;mso-wrap-style:square;v-text-anchor:top" coordsize="170232,4911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" path="m170232,491104c163950,266888,94789,67372,,e" filled="f" strokeweight=".15294mm">
                  <v:stroke endcap="round"/>
                  <v:path arrowok="t" textboxrect="0,0,170232,491104"/>
                </v:shape>
                <v:shape id="Shape 5580" o:spid="_x0000_s2739" style="position:absolute;left:5434;top:4933;width:785;height:489;visibility:visible;mso-wrap-style:square;v-text-anchor:top" coordsize="78470,488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" path="m,l78470,2294,61377,48866,,xe" fillcolor="black" stroked="f" strokeweight="0">
                  <v:stroke endcap="round"/>
                  <v:path arrowok="t" textboxrect="0,0,78470,48866"/>
                </v:shape>
                <v:shape id="Picture 67501" o:spid="_x0000_s2740" type="#_x0000_t75" style="position:absolute;left:878;top:35636;width:5486;height:320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">
                  <v:imagedata r:id="rId108" o:title=""/>
                </v:shape>
                <v:shape id="Picture 67502" o:spid="_x0000_s2741" type="#_x0000_t75" style="position:absolute;left:3194;top:36998;width:3170;height:25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">
                  <v:imagedata r:id="rId109" o:title=""/>
                </v:shape>
                <v:shape id="Shape 5586" o:spid="_x0000_s2742" style="position:absolute;left:3246;top:37028;width:3103;height:2516;visibility:visible;mso-wrap-style:square;v-text-anchor:top" coordsize="310255,2516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" path="m,251609l294740,81290r,-15486l310255,58065,310255,,,178065r,73544xe" filled="f" strokecolor="white" strokeweight=".15294mm">
                  <v:stroke endcap="round"/>
                  <v:path arrowok="t" textboxrect="0,0,310255,251609"/>
                </v:shape>
                <v:shape id="Picture 67503" o:spid="_x0000_s2743" type="#_x0000_t75" style="position:absolute;left:878;top:37414;width:2377;height:213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">
                  <v:imagedata r:id="rId110" o:title=""/>
                </v:shape>
                <v:shape id="Shape 5589" o:spid="_x0000_s2744" style="position:absolute;left:919;top:37454;width:2327;height:2090;visibility:visible;mso-wrap-style:square;v-text-anchor:top" coordsize="232697,2090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" path="m,58065r15515,9674l15515,83225,232697,209029r,-73543l,,,58065xe" filled="f" strokeweight=".15294mm">
                  <v:stroke endcap="round"/>
                  <v:path arrowok="t" textboxrect="0,0,232697,209029"/>
                </v:shape>
                <v:shape id="Shape 5590" o:spid="_x0000_s2745" style="position:absolute;left:919;top:35674;width:5430;height:3870;visibility:visible;mso-wrap-style:square;v-text-anchor:top" coordsize="542952,3870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" path="m,178065r,58066l15515,245804r,15486l232697,387094,527437,216776r,-15486l542952,193551r,-58065l310255,,,178065xe" filled="f" strokeweight=".31864mm">
                  <v:stroke endcap="round"/>
                  <v:path arrowok="t" textboxrect="0,0,542952,387094"/>
                </v:shape>
                <v:shape id="Picture 67504" o:spid="_x0000_s2746" type="#_x0000_t75" style="position:absolute;left:2819;top:38654;width:213;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">
                  <v:imagedata r:id="rId111" o:title=""/>
                </v:shape>
                <v:shape id="Shape 5593" o:spid="_x0000_s2747" style="position:absolute;left:2854;top:38700;width:163;height:246;visibility:visible;mso-wrap-style:square;v-text-anchor:top" coordsize="16350,245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" path="m,15875r16350,8688l16350,9023,,,,15875xe" filled="f" strokeweight=".05097mm">
                  <v:stroke endcap="round"/>
                  <v:path arrowok="t" textboxrect="0,0,16350,24563"/>
                </v:shape>
                <v:shape id="Picture 67505" o:spid="_x0000_s2748" type="#_x0000_t75" style="position:absolute;left:1223;top:37760;width:427;height:60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">
                  <v:imagedata r:id="rId112" o:title=""/>
                </v:shape>
                <v:shape id="Shape 5596" o:spid="_x0000_s2749" style="position:absolute;left:1280;top:37800;width:365;height:547;visibility:visible;mso-wrap-style:square;v-text-anchor:top" coordsize="36469,5478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" path="m,35407l36469,54785r,-34658l,,,35407xe" filled="f" strokeweight=".05097mm">
                  <v:stroke endcap="round"/>
                  <v:path arrowok="t" textboxrect="0,0,36469,54785"/>
                </v:shape>
                <v:shape id="Picture 67506" o:spid="_x0000_s2750" type="#_x0000_t75" style="position:absolute;left:2341;top:38400;width:244;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">
                  <v:imagedata r:id="rId113" o:title=""/>
                </v:shape>
                <v:shape id="Shape 5599" o:spid="_x0000_s2751" style="position:absolute;left:2393;top:38440;width:163;height:245;visibility:visible;mso-wrap-style:square;v-text-anchor:top" coordsize="16350,245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" path="m,15876r16350,8687l16350,9024,,,,15876xe" filled="f" strokeweight=".05097mm">
                  <v:stroke endcap="round"/>
                  <v:path arrowok="t" textboxrect="0,0,16350,24563"/>
                </v:shape>
                <v:shape id="Shape 5600" o:spid="_x0000_s2752" style="position:absolute;left:6024;top:35339;width:6957;height:1944;visibility:visible;mso-wrap-style:square;v-text-anchor:top" coordsize="695654,1943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" path="m,194361l602490,154910,169765,34443,695654,e" filled="f" strokeweight=".15294mm">
                  <v:stroke endcap="round"/>
                  <v:path arrowok="t" textboxrect="0,0,695654,194361"/>
                </v:shape>
                <v:shape id="Shape 5601" o:spid="_x0000_s2753" style="position:absolute;left:12903;top:35096;width:760;height:495;visibility:visible;mso-wrap-style:square;v-text-anchor:top" coordsize="76003,494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" path="m,l76003,19860,3294,49447,,xe" fillcolor="black" stroked="f" strokeweight="0">
                  <v:stroke endcap="round"/>
                  <v:path arrowok="t" textboxrect="0,0,76003,49447"/>
                </v:shape>
                <v:shape id="Shape 5602" o:spid="_x0000_s2754" style="position:absolute;left:13057;top:32824;width:1521;height:1518;visibility:visible;mso-wrap-style:square;v-text-anchor:top" coordsize="152005,1517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" path="m76003,v41985,,76002,33953,76002,75860c152005,117790,117988,151759,76003,151759,34017,151759,,117790,,75860,,33953,34017,,76003,xe" fillcolor="#d9d9d9" stroked="f" strokeweight="0">
                  <v:stroke endcap="round"/>
                  <v:path arrowok="t" textboxrect="0,0,152005,151759"/>
                </v:shape>
                <v:shape id="Shape 5603" o:spid="_x0000_s2755" style="position:absolute;left:13057;top:32824;width:1521;height:1518;visibility:visible;mso-wrap-style:square;v-text-anchor:top" coordsize="152005,1517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" path="m152005,75860c152005,33953,117988,,76003,,34017,,,33953,,75860v,41930,34017,75899,76003,75899c117988,151759,152005,117790,152005,75860xe" filled="f" strokeweight=".15294mm">
                  <v:stroke endcap="round"/>
                  <v:path arrowok="t" textboxrect="0,0,152005,151759"/>
                </v:shape>
                <v:rect id="Rectangle 5604" o:spid="_x0000_s2756" style="position:absolute;left:13562;top:33028;width:68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rect id="Rectangle 5605" o:spid="_x0000_s2757" style="position:absolute;left:14959;top:33284;width:2087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сле передачи данных для одного </w:t>
                        </w:r>
                      </w:p>
                    </w:txbxContent>
                  </v:textbox>
                </v:rect>
                <v:rect id="Rectangle 5606" o:spid="_x0000_s2758" style="position:absolute;left:30656;top:33122;width:237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P </w:t>
                        </w:r>
                      </w:p>
                    </w:txbxContent>
                  </v:textbox>
                </v:rect>
                <v:rect id="Rectangle 5607" o:spid="_x0000_s2759" style="position:absolute;left:14959;top:34385;width:20332;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устройство генерирует прерывание</w:t>
                        </w:r>
                      </w:p>
                    </w:txbxContent>
                  </v:textbox>
                </v:rect>
                <v:shape id="Shape 5608" o:spid="_x0000_s2760" style="position:absolute;left:13057;top:23015;width:1521;height:1518;visibility:visible;mso-wrap-style:square;v-text-anchor:top" coordsize="152005,1517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" path="m76003,v41985,,76002,34030,76002,75937c152005,117844,117988,151797,76003,151797,34017,151797,,117844,,75937,,34030,34017,,76003,xe" fillcolor="#d9d9d9" stroked="f" strokeweight="0">
                  <v:stroke endcap="round"/>
                  <v:path arrowok="t" textboxrect="0,0,152005,151797"/>
                </v:shape>
                <v:shape id="Shape 5609" o:spid="_x0000_s2761" style="position:absolute;left:13057;top:23015;width:1521;height:1518;visibility:visible;mso-wrap-style:square;v-text-anchor:top" coordsize="152005,1517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" path="m152005,75937c152005,34030,117988,,76003,,34017,,,34030,,75937v,41907,34017,75860,76003,75860c117988,151797,152005,117844,152005,75937xe" filled="f" strokeweight=".15294mm">
                  <v:stroke endcap="round"/>
                  <v:path arrowok="t" textboxrect="0,0,152005,151797"/>
                </v:shape>
                <v:rect id="Rectangle 5610" o:spid="_x0000_s2762" style="position:absolute;left:13562;top:23219;width:68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rect id="Rectangle 5611" o:spid="_x0000_s2763" style="position:absolute;left:15142;top:23116;width:2346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 диска обслуживает прерывание</w:t>
                        </w:r>
                      </w:p>
                    </w:txbxContent>
                  </v:textbox>
                </v:rect>
                <v:rect id="Rectangle 5612" o:spid="_x0000_s2764" style="position:absolute;left:32781;top:22953;width:68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613" o:spid="_x0000_s2765" style="position:absolute;left:15142;top:24217;width:2197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сле чего посылает для завершения </w:t>
                        </w:r>
                      </w:p>
                    </w:txbxContent>
                  </v:textbox>
                </v:rect>
                <v:rect id="Rectangle 5614" o:spid="_x0000_s2766" style="position:absolute;left:15142;top:25318;width:3373;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вода</w:t>
                        </w:r>
                      </w:p>
                    </w:txbxContent>
                  </v:textbox>
                </v:rect>
                <v:rect id="Rectangle 5615" o:spid="_x0000_s2767" style="position:absolute;left:17678;top:25156;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616" o:spid="_x0000_s2768" style="position:absolute;left:17985;top:25318;width:4591;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а </w:t>
                        </w:r>
                      </w:p>
                    </w:txbxContent>
                  </v:textbox>
                </v:rect>
                <v:rect id="Rectangle 5617" o:spid="_x0000_s2769" style="position:absolute;left:21437;top:25156;width:2582;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DPC</w:t>
                        </w:r>
                      </w:p>
                    </w:txbxContent>
                  </v:textbox>
                </v:rect>
                <v:rect id="Rectangle 5618" o:spid="_x0000_s2770" style="position:absolute;left:23378;top:25156;width:67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619" o:spid="_x0000_s2771" style="position:absolute;left:23889;top:25318;width:1201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который инициирует </w:t>
                        </w:r>
                      </w:p>
                    </w:txbxContent>
                  </v:textbox>
                </v:rect>
                <v:rect id="Rectangle 5620" o:spid="_x0000_s2772" style="position:absolute;left:15142;top:26419;width:21074;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бработку устройством следующего </w:t>
                        </w:r>
                      </w:p>
                    </w:txbxContent>
                  </v:textbox>
                </v:rect>
                <v:rect id="Rectangle 5621" o:spid="_x0000_s2773" style="position:absolute;left:30987;top:26257;width:237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P </w:t>
                        </w:r>
                      </w:p>
                    </w:txbxContent>
                  </v:textbox>
                </v:rect>
                <v:rect id="Rectangle 5622" o:spid="_x0000_s2774" style="position:absolute;left:15142;top:27521;width:1652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и вызывает диспетчер ввода</w:t>
                        </w:r>
                      </w:p>
                    </w:txbxContent>
                  </v:textbox>
                </v:rect>
                <v:rect id="Rectangle 5623" o:spid="_x0000_s2775" style="position:absolute;left:27564;top:27358;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624" o:spid="_x0000_s2776" style="position:absolute;left:27870;top:27521;width:702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вывода для </w:t>
                        </w:r>
                      </w:p>
                    </w:txbxContent>
                  </v:textbox>
                </v:rect>
                <v:rect id="Rectangle 5625" o:spid="_x0000_s2777" style="position:absolute;left:15142;top:28622;width:21602;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завершения обработки предыдущего </w:t>
                        </w:r>
                      </w:p>
                    </w:txbxContent>
                  </v:textbox>
                </v:rect>
                <v:rect id="Rectangle 5626" o:spid="_x0000_s2778" style="position:absolute;left:31385;top:28459;width:203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IRP</w:t>
                        </w:r>
                      </w:p>
                    </w:txbxContent>
                  </v:textbox>
                </v:rect>
                <v:shape id="Shape 69486" o:spid="_x0000_s2779" style="position:absolute;left:9474;top:15266;width:3258;height:1084;visibility:visible;mso-wrap-style:square;v-text-anchor:top" coordsize="325770,1083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" path="m,l325770,r,108384l,108384,,e" fillcolor="#f2f2f2" stroked="f" strokeweight="0">
                  <v:stroke endcap="round"/>
                  <v:path arrowok="t" textboxrect="0,0,325770,108384"/>
                </v:shape>
                <v:rect id="Rectangle 5629" o:spid="_x0000_s2780" style="position:absolute;left:9953;top:15253;width:2038;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v:textbox>
                </v:rect>
                <v:rect id="Rectangle 5630" o:spid="_x0000_s2781" style="position:absolute;left:11485;top:15253;width:340;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v:textbox>
                </v:rect>
                <v:rect id="Rectangle 5631" o:spid="_x0000_s2782" style="position:absolute;left:11741;top:15253;width:680;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0</w:t>
                        </w:r>
                      </w:p>
                    </w:txbxContent>
                  </v:textbox>
                </v:rect>
                <v:shape id="Shape 5632" o:spid="_x0000_s2783" style="position:absolute;left:13057;top:16133;width:1521;height:1518;visibility:visible;mso-wrap-style:square;v-text-anchor:top" coordsize="152005,1517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" path="m76003,v41985,,76002,34030,76002,75937c152005,117844,117988,151797,76003,151797,34017,151797,,117844,,75937,,34030,34017,,76003,xe" fillcolor="#d9d9d9" stroked="f" strokeweight="0">
                  <v:stroke endcap="round"/>
                  <v:path arrowok="t" textboxrect="0,0,152005,151797"/>
                </v:shape>
                <v:shape id="Shape 5633" o:spid="_x0000_s2784" style="position:absolute;left:13057;top:16133;width:1521;height:1518;visibility:visible;mso-wrap-style:square;v-text-anchor:top" coordsize="152005,1517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" path="m152005,75937c152005,34030,117988,,76003,,34017,,,34030,,75937v,41907,34017,75860,76003,75860c117988,151797,152005,117844,152005,75937xe" filled="f" strokeweight=".15294mm">
                  <v:stroke endcap="round"/>
                  <v:path arrowok="t" textboxrect="0,0,152005,151797"/>
                </v:shape>
                <v:rect id="Rectangle 5634" o:spid="_x0000_s2785" style="position:absolute;left:13562;top:16337;width:68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3</w:t>
                        </w:r>
                      </w:p>
                    </w:txbxContent>
                  </v:textbox>
                </v:rect>
                <v:rect id="Rectangle 5635" o:spid="_x0000_s2786" style="position:absolute;left:15033;top:16476;width:18162;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вторяется предыдущий этап </w:t>
                        </w:r>
                      </w:p>
                    </w:txbxContent>
                  </v:textbox>
                </v:rect>
                <v:rect id="Rectangle 5636" o:spid="_x0000_s2787" style="position:absolute;left:28689;top:16313;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637" o:spid="_x0000_s2788" style="position:absolute;left:28995;top:16313;width:68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rect id="Rectangle 61696" o:spid="_x0000_s2789" style="position:absolute;left:29506;top:16313;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61697" o:spid="_x0000_s2790" style="position:absolute;left:29812;top:16313;width:34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639" o:spid="_x0000_s2791" style="position:absolute;left:30068;top:16476;width:866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для обработки </w:t>
                        </w:r>
                      </w:p>
                    </w:txbxContent>
                  </v:textbox>
                </v:rect>
                <v:rect id="Rectangle 5640" o:spid="_x0000_s2792" style="position:absolute;left:15033;top:17414;width:237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P </w:t>
                        </w:r>
                      </w:p>
                    </w:txbxContent>
                  </v:textbox>
                </v:rect>
                <v:rect id="Rectangle 5641" o:spid="_x0000_s2793" style="position:absolute;left:16822;top:17577;width:1631;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о </w:t>
                        </w:r>
                      </w:p>
                    </w:txbxContent>
                  </v:textbox>
                </v:rect>
                <v:rect id="Rectangle 5642" o:spid="_x0000_s2794" style="position:absolute;left:18048;top:17414;width:68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rect id="Rectangle 5643" o:spid="_x0000_s2795" style="position:absolute;left:18559;top:17414;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644" o:spid="_x0000_s2796" style="position:absolute;left:18866;top:17577;width:314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го</w:t>
                        </w:r>
                        <w:proofErr w:type="spellEnd"/>
                        <w:r>
                          <w:rPr>
                            <w:rFonts w:ascii="Arial" w:eastAsia="Arial" w:hAnsi="Arial" w:cs="Arial"/>
                            <w:sz w:val="14"/>
                          </w:rPr>
                          <w:t xml:space="preserve"> по </w:t>
                        </w:r>
                      </w:p>
                    </w:txbxContent>
                  </v:textbox>
                </v:rect>
                <v:rect id="Rectangle 5645" o:spid="_x0000_s2797" style="position:absolute;left:21232;top:17414;width:68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n</w:t>
                        </w:r>
                      </w:p>
                    </w:txbxContent>
                  </v:textbox>
                </v:rect>
                <v:rect id="Rectangle 5646" o:spid="_x0000_s2798" style="position:absolute;left:21743;top:17414;width:68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647" o:spid="_x0000_s2799" style="position:absolute;left:22254;top:17414;width:34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648" o:spid="_x0000_s2800" style="position:absolute;left:22510;top:17577;width:1692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 после выполнение каждого </w:t>
                        </w:r>
                      </w:p>
                    </w:txbxContent>
                  </v:textbox>
                </v:rect>
                <v:rect id="Rectangle 5649" o:spid="_x0000_s2801" style="position:absolute;left:15033;top:18516;width:237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P </w:t>
                        </w:r>
                      </w:p>
                    </w:txbxContent>
                  </v:textbox>
                </v:rect>
                <v:rect id="Rectangle 5650" o:spid="_x0000_s2802" style="position:absolute;left:16822;top:18678;width:2226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файловая система выполняет очистку </w:t>
                        </w:r>
                      </w:p>
                    </w:txbxContent>
                  </v:textbox>
                </v:rect>
                <v:shape id="Shape 5651" o:spid="_x0000_s2803" style="position:absolute;left:13071;top:3429;width:1520;height:1517;visibility:visible;mso-wrap-style:square;v-text-anchor:top" coordsize="152005,1517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" path="m76003,v41985,,76002,33954,76002,75860c152005,117767,117988,151721,76003,151721,34017,151721,,117767,,75860,,33954,34017,,76003,xe" fillcolor="#d9d9d9" stroked="f" strokeweight="0">
                  <v:stroke endcap="round"/>
                  <v:path arrowok="t" textboxrect="0,0,152005,151721"/>
                </v:shape>
                <v:shape id="Shape 5652" o:spid="_x0000_s2804" style="position:absolute;left:13071;top:3429;width:1520;height:1517;visibility:visible;mso-wrap-style:square;v-text-anchor:top" coordsize="152005,1517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" path="m152005,75860c152005,33954,117988,,76003,,34017,,,33954,,75860v,41907,34017,75861,76003,75861c117988,151721,152005,117767,152005,75860xe" filled="f" strokeweight=".15294mm">
                  <v:stroke endcap="round"/>
                  <v:path arrowok="t" textboxrect="0,0,152005,151721"/>
                </v:shape>
                <v:rect id="Rectangle 5653" o:spid="_x0000_s2805" style="position:absolute;left:13575;top:3633;width:68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4</w:t>
                        </w:r>
                      </w:p>
                    </w:txbxContent>
                  </v:textbox>
                </v:rect>
                <v:rect id="Rectangle 5654" o:spid="_x0000_s2806" style="position:absolute;left:15176;top:3698;width:2274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сле обработки всех сопоставленных </w:t>
                        </w:r>
                      </w:p>
                    </w:txbxContent>
                  </v:textbox>
                </v:rect>
                <v:rect id="Rectangle 5655" o:spid="_x0000_s2807" style="position:absolute;left:32277;top:3536;width:2378;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P </w:t>
                        </w:r>
                      </w:p>
                    </w:txbxContent>
                  </v:textbox>
                </v:rect>
                <v:rect id="Rectangle 5656" o:spid="_x0000_s2808" style="position:absolute;left:15176;top:4799;width:20121;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завершается обработка исходного </w:t>
                        </w:r>
                      </w:p>
                    </w:txbxContent>
                  </v:textbox>
                </v:rect>
                <v:rect id="Rectangle 5657" o:spid="_x0000_s2809" style="position:absolute;left:30304;top:4637;width:237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IRP </w:t>
                        </w:r>
                      </w:p>
                    </w:txbxContent>
                  </v:textbox>
                </v:rect>
                <v:rect id="Rectangle 5658" o:spid="_x0000_s2810" style="position:absolute;left:32093;top:4799;width:9911;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 вызывающему </w:t>
                        </w:r>
                      </w:p>
                    </w:txbxContent>
                  </v:textbox>
                </v:rect>
                <v:rect id="Rectangle 5659" o:spid="_x0000_s2811" style="position:absolute;left:15176;top:5900;width:28770;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потоку возвращается код завершения или данные</w:t>
                        </w:r>
                      </w:p>
                    </w:txbxContent>
                  </v:textbox>
                </v:rect>
                <v:shape id="Shape 5660" o:spid="_x0000_s2812" style="position:absolute;left:176;top:8995;width:40829;height:0;visibility:visible;mso-wrap-style:square;v-text-anchor:top" coordsize="408293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" path="m,l4082939,e" filled="f" strokeweight=".45883mm">
                  <v:stroke endcap="round"/>
                  <v:path arrowok="t" textboxrect="0,0,4082939,0"/>
                </v:shape>
                <v:rect id="Rectangle 5661" o:spid="_x0000_s2813" style="position:absolute;left:29299;top:7837;width:14626;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v:textbox>
                </v:rect>
                <v:rect id="Rectangle 5662" o:spid="_x0000_s2814" style="position:absolute;left:35231;top:9367;width:6913;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Режим ядра</w:t>
                        </w:r>
                      </w:p>
                    </w:txbxContent>
                  </v:textbox>
                </v:rect>
                <v:shape id="Shape 69487" o:spid="_x0000_s2815" style="position:absolute;left:10560;top:25942;width:3258;height:1084;visibility:visible;mso-wrap-style:square;v-text-anchor:top" coordsize="325770,1083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" path="m,l325770,r,108384l,108384,,e" fillcolor="#f2f2f2" stroked="f" strokeweight="0">
                  <v:stroke endcap="round"/>
                  <v:path arrowok="t" textboxrect="0,0,325770,108384"/>
                </v:shape>
                <v:rect id="Rectangle 5665" o:spid="_x0000_s2816" style="position:absolute;left:11039;top:25929;width:203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v:textbox>
                </v:rect>
                <v:rect id="Rectangle 5666" o:spid="_x0000_s2817" style="position:absolute;left:12572;top:25929;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v:textbox>
                </v:rect>
                <v:rect id="Rectangle 5667" o:spid="_x0000_s2818" style="position:absolute;left:12827;top:25929;width:68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1</w:t>
                        </w:r>
                      </w:p>
                    </w:txbxContent>
                  </v:textbox>
                </v:rect>
                <v:shape id="Shape 69488" o:spid="_x0000_s2819" style="position:absolute;left:14469;top:30548;width:3257;height:1084;visibility:visible;mso-wrap-style:square;v-text-anchor:top" coordsize="325770,1083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" path="m,l325770,r,108384l,108384,,e" fillcolor="#f2f2f2" stroked="f" strokeweight="0">
                  <v:stroke endcap="round"/>
                  <v:path arrowok="t" textboxrect="0,0,325770,108384"/>
                </v:shape>
                <v:rect id="Rectangle 5670" o:spid="_x0000_s2820" style="position:absolute;left:14948;top:30536;width:2039;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IRP</w:t>
                        </w:r>
                      </w:p>
                    </w:txbxContent>
                  </v:textbox>
                </v:rect>
                <v:rect id="Rectangle 5671" o:spid="_x0000_s2821" style="position:absolute;left:16481;top:30536;width:339;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 xml:space="preserve"> </w:t>
                        </w:r>
                      </w:p>
                    </w:txbxContent>
                  </v:textbox>
                </v:rect>
                <v:rect id="Rectangle 5672" o:spid="_x0000_s2822" style="position:absolute;left:16737;top:30536;width:680;height:13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bdr w:val="single" w:sz="2" w:space="0" w:color="000000"/>
                          </w:rPr>
                          <w:t>n</w:t>
                        </w:r>
                      </w:p>
                    </w:txbxContent>
                  </v:textbox>
                </v:rect>
                <v:shape id="Shape 5673" o:spid="_x0000_s2823" style="position:absolute;left:13818;top:26484;width:651;height:4606;visibility:visible;mso-wrap-style:square;v-text-anchor:top" coordsize="65123,46059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" path="m,l65123,460591e" filled="f" strokeweight=".45883mm">
                  <v:stroke endcap="round"/>
                  <v:path arrowok="t" textboxrect="0,0,65123,460591"/>
                </v:shape>
                <w10:anchorlock/>
              </v:group>
            </w:pict>
          </mc:Fallback>
        </mc:AlternateContent>
      </w:r>
    </w:p>
    <w:p w:rsidR="0043064D" w:rsidRDefault="008B3C4B">
      <w:pPr>
        <w:spacing w:after="297" w:line="259" w:lineRule="auto"/>
        <w:ind w:left="0" w:right="925" w:firstLine="0"/>
        <w:jc w:val="right"/>
      </w:pPr>
      <w:r>
        <w:t xml:space="preserve"> </w:t>
      </w:r>
    </w:p>
    <w:p w:rsidR="0043064D" w:rsidRDefault="008B3C4B">
      <w:pPr>
        <w:spacing w:after="333" w:line="265" w:lineRule="auto"/>
        <w:ind w:right="5"/>
        <w:jc w:val="center"/>
      </w:pPr>
      <w:r>
        <w:t xml:space="preserve">Рис. 19. Завершение обработки сопоставленных IRP </w:t>
      </w:r>
    </w:p>
    <w:p w:rsidR="0043064D" w:rsidRDefault="008B3C4B">
      <w:pPr>
        <w:spacing w:after="292"/>
        <w:ind w:left="-5" w:right="1"/>
      </w:pPr>
      <w:r>
        <w:rPr>
          <w:b/>
        </w:rPr>
        <w:t>ПРИМЕЧАНИЕ.</w:t>
      </w:r>
      <w:r>
        <w:t xml:space="preserve"> </w:t>
      </w:r>
      <w:r>
        <w:t xml:space="preserve">Все драйверы, управляющие дисковыми файловыми системами в </w:t>
      </w:r>
      <w:proofErr w:type="spellStart"/>
      <w:r>
        <w:t>Windows</w:t>
      </w:r>
      <w:proofErr w:type="spellEnd"/>
      <w:r>
        <w:t>, являются частью как минимум трехуровневого стека драйверов: драйвер файловой системы находится на верхнем уровне, диспетчер томов — на среднем, а драйвер диска — на нижнем. Кроме того, межд</w:t>
      </w:r>
      <w:r>
        <w:t xml:space="preserve">у этими драйверами может размещаться любое число драйверов фильтров. Для ясности в предыдущем примере были показаны лишь драйверы файловой системы и диска. </w:t>
      </w:r>
    </w:p>
    <w:p w:rsidR="0043064D" w:rsidRDefault="008B3C4B">
      <w:pPr>
        <w:pStyle w:val="3"/>
        <w:spacing w:after="57" w:line="265" w:lineRule="auto"/>
        <w:ind w:left="-5"/>
      </w:pPr>
      <w:bookmarkStart w:id="16" w:name="_Toc68664"/>
      <w:r>
        <w:rPr>
          <w:rFonts w:ascii="Tahoma" w:eastAsia="Tahoma" w:hAnsi="Tahoma" w:cs="Tahoma"/>
          <w:b w:val="0"/>
        </w:rPr>
        <w:t>Порты завершения ввода-вывода</w:t>
      </w:r>
      <w:r>
        <w:rPr>
          <w:rFonts w:ascii="Times New Roman" w:eastAsia="Times New Roman" w:hAnsi="Times New Roman" w:cs="Times New Roman"/>
          <w:b w:val="0"/>
        </w:rPr>
        <w:t xml:space="preserve"> </w:t>
      </w:r>
      <w:bookmarkEnd w:id="16"/>
    </w:p>
    <w:p w:rsidR="0043064D" w:rsidRDefault="008B3C4B">
      <w:pPr>
        <w:spacing w:after="285"/>
        <w:ind w:left="-5" w:right="1"/>
      </w:pPr>
      <w:r>
        <w:t xml:space="preserve">Задача сервера — </w:t>
      </w:r>
      <w:r>
        <w:t xml:space="preserve">свести к минимуму число переключений контекста, </w:t>
      </w:r>
      <w:proofErr w:type="gramStart"/>
      <w:r>
        <w:t>что бы</w:t>
      </w:r>
      <w:proofErr w:type="gramEnd"/>
      <w:r>
        <w:t xml:space="preserve"> избежать излишнего блокирования потоков, и в то же время добиться максимального параллелизма в обработке за счет множества потоков. С этой точки зрения идеальна ситуация, при которой к каждому CPU подк</w:t>
      </w:r>
      <w:r>
        <w:t>лючен один активно обрабатывающий клиентские запросы поток, что позволяет обойтись без блокировки потоков, если на момент завершения обработки текущих запросов их ждут другие запросы. Однако такая оптимизация требует, чтобы у приложения была возможность ак</w:t>
      </w:r>
      <w:r>
        <w:t xml:space="preserve">тивизировать другой поток, когда поток, обрабатывающий клиентский запрос, блокируется в ожидании ввода-вывода (например, для чтения файла в процессе обработки). </w:t>
      </w:r>
    </w:p>
    <w:p w:rsidR="0043064D" w:rsidRDefault="008B3C4B">
      <w:pPr>
        <w:pStyle w:val="4"/>
        <w:ind w:left="-5"/>
      </w:pPr>
      <w:r>
        <w:t xml:space="preserve">Объект </w:t>
      </w:r>
      <w:proofErr w:type="spellStart"/>
      <w:r>
        <w:t>loCompletion</w:t>
      </w:r>
      <w:proofErr w:type="spellEnd"/>
      <w:r>
        <w:rPr>
          <w:rFonts w:ascii="Times New Roman" w:eastAsia="Times New Roman" w:hAnsi="Times New Roman" w:cs="Times New Roman"/>
        </w:rPr>
        <w:t xml:space="preserve"> </w:t>
      </w:r>
    </w:p>
    <w:p w:rsidR="0043064D" w:rsidRDefault="008B3C4B">
      <w:pPr>
        <w:ind w:left="-5" w:right="1"/>
      </w:pPr>
      <w:r>
        <w:t xml:space="preserve">Приложения используют объект </w:t>
      </w:r>
      <w:proofErr w:type="spellStart"/>
      <w:r>
        <w:rPr>
          <w:rFonts w:ascii="Courier New" w:eastAsia="Courier New" w:hAnsi="Courier New" w:cs="Courier New"/>
        </w:rPr>
        <w:t>IoCompletion</w:t>
      </w:r>
      <w:proofErr w:type="spellEnd"/>
      <w:r>
        <w:t xml:space="preserve"> исполнительной системы, который</w:t>
      </w:r>
      <w:r>
        <w:t xml:space="preserve"> экспортируется в </w:t>
      </w:r>
      <w:proofErr w:type="spellStart"/>
      <w:r>
        <w:t>Windows</w:t>
      </w:r>
      <w:proofErr w:type="spellEnd"/>
      <w:r>
        <w:t xml:space="preserve"> как </w:t>
      </w:r>
      <w:r>
        <w:rPr>
          <w:b/>
        </w:rPr>
        <w:t>порт завершения</w:t>
      </w:r>
      <w:r>
        <w:t xml:space="preserve"> (</w:t>
      </w:r>
      <w:proofErr w:type="spellStart"/>
      <w:r>
        <w:t>completion</w:t>
      </w:r>
      <w:proofErr w:type="spellEnd"/>
      <w:r>
        <w:t xml:space="preserve"> </w:t>
      </w:r>
      <w:proofErr w:type="spellStart"/>
      <w:r>
        <w:t>port</w:t>
      </w:r>
      <w:proofErr w:type="spellEnd"/>
      <w:r>
        <w:t>) — фокальная точка завершения ввода-вывода, сопоставляемая с множеством описателей файлов. Если какой-нибудь файл сопоставлен с портим завершения, то по окончании любой операции асинхронного вв</w:t>
      </w:r>
      <w:r>
        <w:t xml:space="preserve">ода-вывода, связанной с этим файлом, в очередь порта завершения ставится </w:t>
      </w:r>
      <w:r>
        <w:rPr>
          <w:b/>
        </w:rPr>
        <w:t>пакет завершения</w:t>
      </w:r>
      <w:r>
        <w:t xml:space="preserve"> (</w:t>
      </w:r>
      <w:proofErr w:type="spellStart"/>
      <w:r>
        <w:t>completion</w:t>
      </w:r>
      <w:proofErr w:type="spellEnd"/>
      <w:r>
        <w:t xml:space="preserve"> </w:t>
      </w:r>
      <w:proofErr w:type="spellStart"/>
      <w:r>
        <w:t>packet</w:t>
      </w:r>
      <w:proofErr w:type="spellEnd"/>
      <w:r>
        <w:t>). Ожидание завершения любой из операций ввода-вывода в нескольких файлах может быть реализовано простым ожиданием соответствующего пакета завершени</w:t>
      </w:r>
      <w:r>
        <w:t xml:space="preserve">я, который должен появиться в очереди </w:t>
      </w:r>
      <w:r>
        <w:lastRenderedPageBreak/>
        <w:t xml:space="preserve">порта завершения. </w:t>
      </w:r>
      <w:proofErr w:type="spellStart"/>
      <w:r>
        <w:t>Windows</w:t>
      </w:r>
      <w:proofErr w:type="spellEnd"/>
      <w:r>
        <w:t xml:space="preserve"> API поддерживает аналогичную функциональность через </w:t>
      </w:r>
      <w:proofErr w:type="spellStart"/>
      <w:r>
        <w:rPr>
          <w:rFonts w:ascii="Courier New" w:eastAsia="Courier New" w:hAnsi="Courier New" w:cs="Courier New"/>
        </w:rPr>
        <w:t>WaitForMultipleObjects</w:t>
      </w:r>
      <w:proofErr w:type="spellEnd"/>
      <w:r>
        <w:t>, но порты завершения дают одно большое преимущество: число потоков, активно обслуживающих клиентские запросы, контрол</w:t>
      </w:r>
      <w:r>
        <w:t xml:space="preserve">ируется самой системой. </w:t>
      </w:r>
    </w:p>
    <w:p w:rsidR="0043064D" w:rsidRDefault="008B3C4B">
      <w:pPr>
        <w:spacing w:after="286"/>
        <w:ind w:left="-5" w:right="1"/>
      </w:pPr>
      <w:r>
        <w:t xml:space="preserve">Создавая порт завершения, приложение указывает максимальное число сопоставленных с портом потоков, которые могут быть активны. Как уже говорилось, в идеале на каждом CPU должно быть по одному активному потоку. </w:t>
      </w:r>
      <w:proofErr w:type="spellStart"/>
      <w:r>
        <w:t>Windows</w:t>
      </w:r>
      <w:proofErr w:type="spellEnd"/>
      <w:r>
        <w:t xml:space="preserve"> использует эт</w:t>
      </w:r>
      <w:r>
        <w:t>о значение для контроля числа активных потоков приложения. Если число активных потоков, сопоставленных с портом, равно заданному максимальному значению, выполнение потока, ждущего на порте завершения, запрещено. По завершении обработки текущего запроса оди</w:t>
      </w:r>
      <w:r>
        <w:t xml:space="preserve">н из активных потоков проверяет, имеется ли в очереди порта другой пакет. Если да, он просто извлекает этот пакет из очереди и переходит к обработке соответствующих данных; контекст, при этом, не переключается. </w:t>
      </w:r>
    </w:p>
    <w:p w:rsidR="0043064D" w:rsidRDefault="008B3C4B">
      <w:pPr>
        <w:pStyle w:val="4"/>
        <w:ind w:left="-5"/>
      </w:pPr>
      <w:r>
        <w:t>Использование портов завершения</w:t>
      </w:r>
      <w:r>
        <w:rPr>
          <w:rFonts w:ascii="Times New Roman" w:eastAsia="Times New Roman" w:hAnsi="Times New Roman" w:cs="Times New Roman"/>
        </w:rPr>
        <w:t xml:space="preserve"> </w:t>
      </w:r>
    </w:p>
    <w:p w:rsidR="0043064D" w:rsidRDefault="008B3C4B">
      <w:pPr>
        <w:spacing w:after="69"/>
        <w:ind w:left="-5" w:right="1"/>
      </w:pPr>
      <w:r>
        <w:t>Высокоуровн</w:t>
      </w:r>
      <w:r>
        <w:t xml:space="preserve">евая схема работы порта завершения представлена на Рис. 20. Порт завершения создается вызовом </w:t>
      </w:r>
      <w:proofErr w:type="spellStart"/>
      <w:r>
        <w:t>Windows</w:t>
      </w:r>
      <w:proofErr w:type="spellEnd"/>
      <w:r>
        <w:t xml:space="preserve">-функции </w:t>
      </w:r>
      <w:proofErr w:type="spellStart"/>
      <w:r>
        <w:rPr>
          <w:rFonts w:ascii="Courier New" w:eastAsia="Courier New" w:hAnsi="Courier New" w:cs="Courier New"/>
        </w:rPr>
        <w:t>CreateloComplelionPort</w:t>
      </w:r>
      <w:proofErr w:type="spellEnd"/>
      <w:r>
        <w:t>. Потоки, блокированные на порте завершения, считаются сопоставленными с ним и пробуждаются по принципу FIFO («последним при</w:t>
      </w:r>
      <w:r>
        <w:t>шел — первым вышел»), т.е. следующий пакет достается потоку, заблокированному последним. Стеки потоков, блокируемых в течение длительного времени, могут быть выгружены в страничный файл. В итоге, если с портом сопоставлено больше потоков, чем нужно для обр</w:t>
      </w:r>
      <w:r>
        <w:t xml:space="preserve">аботки текущих заданий, система автоматически минимизирует объем памяти, занимаемой слишком долго блокируемыми потоками. </w:t>
      </w:r>
    </w:p>
    <w:p w:rsidR="0043064D" w:rsidRDefault="008B3C4B">
      <w:pPr>
        <w:spacing w:after="0" w:line="259" w:lineRule="auto"/>
        <w:ind w:left="1680" w:firstLine="0"/>
        <w:jc w:val="left"/>
      </w:pPr>
      <w:r>
        <w:rPr>
          <w:rFonts w:ascii="Calibri" w:eastAsia="Calibri" w:hAnsi="Calibri" w:cs="Calibri"/>
          <w:noProof/>
          <w:sz w:val="22"/>
        </w:rPr>
        <mc:AlternateContent>
          <mc:Choice Requires="wpg">
            <w:drawing>
              <wp:inline distT="0" distB="0" distL="0" distR="0">
                <wp:extent cx="3838910" cy="2874804"/>
                <wp:effectExtent l="0" t="0" r="0" b="0"/>
                <wp:docPr id="61996" name="Group 61996"/>
                <wp:cNvGraphicFramePr/>
                <a:graphic xmlns:a="http://schemas.openxmlformats.org/drawingml/2006/main">
                  <a:graphicData uri="http://schemas.microsoft.com/office/word/2010/wordprocessingGroup">
                    <wpg:wgp>
                      <wpg:cNvGrpSpPr/>
                      <wpg:grpSpPr>
                        <a:xfrm>
                          <a:off x="0" y="0"/>
                          <a:ext cx="3838910" cy="2874804"/>
                          <a:chOff x="0" y="0"/>
                          <a:chExt cx="3838910" cy="2874804"/>
                        </a:xfrm>
                      </wpg:grpSpPr>
                      <wps:wsp>
                        <wps:cNvPr id="5862" name="Rectangle 5862"/>
                        <wps:cNvSpPr/>
                        <wps:spPr>
                          <a:xfrm>
                            <a:off x="0" y="0"/>
                            <a:ext cx="1873444" cy="1136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ступавший клиентский запрос </w:t>
                              </w:r>
                            </w:p>
                          </w:txbxContent>
                        </wps:txbx>
                        <wps:bodyPr horzOverflow="overflow" vert="horz" lIns="0" tIns="0" rIns="0" bIns="0" rtlCol="0">
                          <a:noAutofit/>
                        </wps:bodyPr>
                      </wps:wsp>
                      <wps:wsp>
                        <wps:cNvPr id="5863" name="Shape 5863"/>
                        <wps:cNvSpPr/>
                        <wps:spPr>
                          <a:xfrm>
                            <a:off x="583553" y="103427"/>
                            <a:ext cx="145673" cy="145593"/>
                          </a:xfrm>
                          <a:custGeom>
                            <a:avLst/>
                            <a:gdLst/>
                            <a:ahLst/>
                            <a:cxnLst/>
                            <a:rect l="0" t="0" r="0" b="0"/>
                            <a:pathLst>
                              <a:path w="145673" h="145593">
                                <a:moveTo>
                                  <a:pt x="0" y="0"/>
                                </a:moveTo>
                                <a:lnTo>
                                  <a:pt x="145673" y="145593"/>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64" name="Shape 5864"/>
                        <wps:cNvSpPr/>
                        <wps:spPr>
                          <a:xfrm>
                            <a:off x="707469" y="227268"/>
                            <a:ext cx="69516" cy="69500"/>
                          </a:xfrm>
                          <a:custGeom>
                            <a:avLst/>
                            <a:gdLst/>
                            <a:ahLst/>
                            <a:cxnLst/>
                            <a:rect l="0" t="0" r="0" b="0"/>
                            <a:pathLst>
                              <a:path w="69516" h="69500">
                                <a:moveTo>
                                  <a:pt x="34720" y="0"/>
                                </a:moveTo>
                                <a:lnTo>
                                  <a:pt x="69516" y="69500"/>
                                </a:lnTo>
                                <a:lnTo>
                                  <a:pt x="0" y="34787"/>
                                </a:lnTo>
                                <a:lnTo>
                                  <a:pt x="3472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65" name="Shape 5865"/>
                        <wps:cNvSpPr/>
                        <wps:spPr>
                          <a:xfrm>
                            <a:off x="583553" y="296768"/>
                            <a:ext cx="966977" cy="365232"/>
                          </a:xfrm>
                          <a:custGeom>
                            <a:avLst/>
                            <a:gdLst/>
                            <a:ahLst/>
                            <a:cxnLst/>
                            <a:rect l="0" t="0" r="0" b="0"/>
                            <a:pathLst>
                              <a:path w="966977" h="365232">
                                <a:moveTo>
                                  <a:pt x="483473" y="0"/>
                                </a:moveTo>
                                <a:cubicBezTo>
                                  <a:pt x="750545" y="0"/>
                                  <a:pt x="966977" y="81777"/>
                                  <a:pt x="966977" y="182578"/>
                                </a:cubicBezTo>
                                <a:cubicBezTo>
                                  <a:pt x="966977" y="283455"/>
                                  <a:pt x="750545" y="365232"/>
                                  <a:pt x="483473" y="365232"/>
                                </a:cubicBezTo>
                                <a:cubicBezTo>
                                  <a:pt x="216477" y="365232"/>
                                  <a:pt x="0" y="283455"/>
                                  <a:pt x="0" y="182578"/>
                                </a:cubicBezTo>
                                <a:cubicBezTo>
                                  <a:pt x="0" y="81777"/>
                                  <a:pt x="216477" y="0"/>
                                  <a:pt x="483473"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5866" name="Shape 5866"/>
                        <wps:cNvSpPr/>
                        <wps:spPr>
                          <a:xfrm>
                            <a:off x="583553" y="296768"/>
                            <a:ext cx="966977" cy="365232"/>
                          </a:xfrm>
                          <a:custGeom>
                            <a:avLst/>
                            <a:gdLst/>
                            <a:ahLst/>
                            <a:cxnLst/>
                            <a:rect l="0" t="0" r="0" b="0"/>
                            <a:pathLst>
                              <a:path w="966977" h="365232">
                                <a:moveTo>
                                  <a:pt x="966977" y="182578"/>
                                </a:moveTo>
                                <a:cubicBezTo>
                                  <a:pt x="966977" y="81777"/>
                                  <a:pt x="750545" y="0"/>
                                  <a:pt x="483473" y="0"/>
                                </a:cubicBezTo>
                                <a:cubicBezTo>
                                  <a:pt x="216477" y="0"/>
                                  <a:pt x="0" y="81777"/>
                                  <a:pt x="0" y="182578"/>
                                </a:cubicBezTo>
                                <a:cubicBezTo>
                                  <a:pt x="0" y="283455"/>
                                  <a:pt x="216477" y="365232"/>
                                  <a:pt x="483473" y="365232"/>
                                </a:cubicBezTo>
                                <a:cubicBezTo>
                                  <a:pt x="750545" y="365232"/>
                                  <a:pt x="966977" y="283455"/>
                                  <a:pt x="966977" y="182578"/>
                                </a:cubicBezTo>
                                <a:close/>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67" name="Rectangle 5867"/>
                        <wps:cNvSpPr/>
                        <wps:spPr>
                          <a:xfrm>
                            <a:off x="692459" y="440416"/>
                            <a:ext cx="996522" cy="1136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рт завершения</w:t>
                              </w:r>
                            </w:p>
                          </w:txbxContent>
                        </wps:txbx>
                        <wps:bodyPr horzOverflow="overflow" vert="horz" lIns="0" tIns="0" rIns="0" bIns="0" rtlCol="0">
                          <a:noAutofit/>
                        </wps:bodyPr>
                      </wps:wsp>
                      <wps:wsp>
                        <wps:cNvPr id="5868" name="Shape 5868"/>
                        <wps:cNvSpPr/>
                        <wps:spPr>
                          <a:xfrm>
                            <a:off x="2023345" y="296768"/>
                            <a:ext cx="386772" cy="386680"/>
                          </a:xfrm>
                          <a:custGeom>
                            <a:avLst/>
                            <a:gdLst/>
                            <a:ahLst/>
                            <a:cxnLst/>
                            <a:rect l="0" t="0" r="0" b="0"/>
                            <a:pathLst>
                              <a:path w="386772" h="386680">
                                <a:moveTo>
                                  <a:pt x="193386" y="0"/>
                                </a:moveTo>
                                <a:cubicBezTo>
                                  <a:pt x="300200" y="0"/>
                                  <a:pt x="386772" y="86552"/>
                                  <a:pt x="386772" y="193340"/>
                                </a:cubicBezTo>
                                <a:cubicBezTo>
                                  <a:pt x="386772" y="300128"/>
                                  <a:pt x="300200" y="386680"/>
                                  <a:pt x="193386" y="386680"/>
                                </a:cubicBezTo>
                                <a:cubicBezTo>
                                  <a:pt x="86573" y="386680"/>
                                  <a:pt x="0" y="300128"/>
                                  <a:pt x="0" y="193340"/>
                                </a:cubicBezTo>
                                <a:cubicBezTo>
                                  <a:pt x="0" y="86552"/>
                                  <a:pt x="86573" y="0"/>
                                  <a:pt x="193386"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5869" name="Shape 5869"/>
                        <wps:cNvSpPr/>
                        <wps:spPr>
                          <a:xfrm>
                            <a:off x="2023345" y="296768"/>
                            <a:ext cx="386772" cy="386680"/>
                          </a:xfrm>
                          <a:custGeom>
                            <a:avLst/>
                            <a:gdLst/>
                            <a:ahLst/>
                            <a:cxnLst/>
                            <a:rect l="0" t="0" r="0" b="0"/>
                            <a:pathLst>
                              <a:path w="386772" h="386680">
                                <a:moveTo>
                                  <a:pt x="386772" y="193340"/>
                                </a:moveTo>
                                <a:cubicBezTo>
                                  <a:pt x="386772" y="86552"/>
                                  <a:pt x="300200" y="0"/>
                                  <a:pt x="193386" y="0"/>
                                </a:cubicBezTo>
                                <a:cubicBezTo>
                                  <a:pt x="86573" y="0"/>
                                  <a:pt x="0" y="86552"/>
                                  <a:pt x="0" y="193340"/>
                                </a:cubicBezTo>
                                <a:cubicBezTo>
                                  <a:pt x="0" y="300128"/>
                                  <a:pt x="86573" y="386680"/>
                                  <a:pt x="193386" y="386680"/>
                                </a:cubicBezTo>
                                <a:cubicBezTo>
                                  <a:pt x="300200" y="386680"/>
                                  <a:pt x="386772" y="300128"/>
                                  <a:pt x="386772" y="193340"/>
                                </a:cubicBezTo>
                                <a:close/>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0" name="Shape 5870"/>
                        <wps:cNvSpPr/>
                        <wps:spPr>
                          <a:xfrm>
                            <a:off x="1616180" y="495641"/>
                            <a:ext cx="407241" cy="0"/>
                          </a:xfrm>
                          <a:custGeom>
                            <a:avLst/>
                            <a:gdLst/>
                            <a:ahLst/>
                            <a:cxnLst/>
                            <a:rect l="0" t="0" r="0" b="0"/>
                            <a:pathLst>
                              <a:path w="407241">
                                <a:moveTo>
                                  <a:pt x="407241" y="0"/>
                                </a:moveTo>
                                <a:lnTo>
                                  <a:pt x="0" y="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1" name="Shape 5871"/>
                        <wps:cNvSpPr/>
                        <wps:spPr>
                          <a:xfrm>
                            <a:off x="1548635" y="471085"/>
                            <a:ext cx="73685" cy="49112"/>
                          </a:xfrm>
                          <a:custGeom>
                            <a:avLst/>
                            <a:gdLst/>
                            <a:ahLst/>
                            <a:cxnLst/>
                            <a:rect l="0" t="0" r="0" b="0"/>
                            <a:pathLst>
                              <a:path w="73685" h="49112">
                                <a:moveTo>
                                  <a:pt x="73685" y="0"/>
                                </a:moveTo>
                                <a:lnTo>
                                  <a:pt x="73685" y="49112"/>
                                </a:lnTo>
                                <a:lnTo>
                                  <a:pt x="0" y="24556"/>
                                </a:lnTo>
                                <a:lnTo>
                                  <a:pt x="7368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72" name="Shape 5872"/>
                        <wps:cNvSpPr/>
                        <wps:spPr>
                          <a:xfrm>
                            <a:off x="2625033" y="296768"/>
                            <a:ext cx="386773" cy="386680"/>
                          </a:xfrm>
                          <a:custGeom>
                            <a:avLst/>
                            <a:gdLst/>
                            <a:ahLst/>
                            <a:cxnLst/>
                            <a:rect l="0" t="0" r="0" b="0"/>
                            <a:pathLst>
                              <a:path w="386773" h="386680">
                                <a:moveTo>
                                  <a:pt x="193386" y="0"/>
                                </a:moveTo>
                                <a:cubicBezTo>
                                  <a:pt x="300200" y="0"/>
                                  <a:pt x="386773" y="86552"/>
                                  <a:pt x="386773" y="193340"/>
                                </a:cubicBezTo>
                                <a:cubicBezTo>
                                  <a:pt x="386773" y="300128"/>
                                  <a:pt x="300200" y="386680"/>
                                  <a:pt x="193386" y="386680"/>
                                </a:cubicBezTo>
                                <a:cubicBezTo>
                                  <a:pt x="86573" y="386680"/>
                                  <a:pt x="0" y="300128"/>
                                  <a:pt x="0" y="193340"/>
                                </a:cubicBezTo>
                                <a:cubicBezTo>
                                  <a:pt x="0" y="86552"/>
                                  <a:pt x="86573" y="0"/>
                                  <a:pt x="193386"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5873" name="Shape 5873"/>
                        <wps:cNvSpPr/>
                        <wps:spPr>
                          <a:xfrm>
                            <a:off x="2625033" y="296768"/>
                            <a:ext cx="386773" cy="386680"/>
                          </a:xfrm>
                          <a:custGeom>
                            <a:avLst/>
                            <a:gdLst/>
                            <a:ahLst/>
                            <a:cxnLst/>
                            <a:rect l="0" t="0" r="0" b="0"/>
                            <a:pathLst>
                              <a:path w="386773" h="386680">
                                <a:moveTo>
                                  <a:pt x="386773" y="193340"/>
                                </a:moveTo>
                                <a:cubicBezTo>
                                  <a:pt x="386773" y="86552"/>
                                  <a:pt x="300200" y="0"/>
                                  <a:pt x="193386" y="0"/>
                                </a:cubicBezTo>
                                <a:cubicBezTo>
                                  <a:pt x="86573" y="0"/>
                                  <a:pt x="0" y="86552"/>
                                  <a:pt x="0" y="193340"/>
                                </a:cubicBezTo>
                                <a:cubicBezTo>
                                  <a:pt x="0" y="300128"/>
                                  <a:pt x="86573" y="386680"/>
                                  <a:pt x="193386" y="386680"/>
                                </a:cubicBezTo>
                                <a:cubicBezTo>
                                  <a:pt x="300200" y="386680"/>
                                  <a:pt x="386773" y="300128"/>
                                  <a:pt x="386773" y="193340"/>
                                </a:cubicBezTo>
                                <a:close/>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4" name="Shape 5874"/>
                        <wps:cNvSpPr/>
                        <wps:spPr>
                          <a:xfrm>
                            <a:off x="3205191" y="296768"/>
                            <a:ext cx="386773" cy="386680"/>
                          </a:xfrm>
                          <a:custGeom>
                            <a:avLst/>
                            <a:gdLst/>
                            <a:ahLst/>
                            <a:cxnLst/>
                            <a:rect l="0" t="0" r="0" b="0"/>
                            <a:pathLst>
                              <a:path w="386773" h="386680">
                                <a:moveTo>
                                  <a:pt x="193387" y="0"/>
                                </a:moveTo>
                                <a:cubicBezTo>
                                  <a:pt x="300200" y="0"/>
                                  <a:pt x="386773" y="86552"/>
                                  <a:pt x="386773" y="193340"/>
                                </a:cubicBezTo>
                                <a:cubicBezTo>
                                  <a:pt x="386773" y="300128"/>
                                  <a:pt x="300200" y="386680"/>
                                  <a:pt x="193387" y="386680"/>
                                </a:cubicBezTo>
                                <a:cubicBezTo>
                                  <a:pt x="86573" y="386680"/>
                                  <a:pt x="0" y="300128"/>
                                  <a:pt x="0" y="193340"/>
                                </a:cubicBezTo>
                                <a:cubicBezTo>
                                  <a:pt x="0" y="86552"/>
                                  <a:pt x="86573" y="0"/>
                                  <a:pt x="19338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5875" name="Shape 5875"/>
                        <wps:cNvSpPr/>
                        <wps:spPr>
                          <a:xfrm>
                            <a:off x="3205191" y="296768"/>
                            <a:ext cx="386773" cy="386680"/>
                          </a:xfrm>
                          <a:custGeom>
                            <a:avLst/>
                            <a:gdLst/>
                            <a:ahLst/>
                            <a:cxnLst/>
                            <a:rect l="0" t="0" r="0" b="0"/>
                            <a:pathLst>
                              <a:path w="386773" h="386680">
                                <a:moveTo>
                                  <a:pt x="386773" y="193340"/>
                                </a:moveTo>
                                <a:cubicBezTo>
                                  <a:pt x="386773" y="86552"/>
                                  <a:pt x="300200" y="0"/>
                                  <a:pt x="193387" y="0"/>
                                </a:cubicBezTo>
                                <a:cubicBezTo>
                                  <a:pt x="86573" y="0"/>
                                  <a:pt x="0" y="86552"/>
                                  <a:pt x="0" y="193340"/>
                                </a:cubicBezTo>
                                <a:cubicBezTo>
                                  <a:pt x="0" y="300128"/>
                                  <a:pt x="86573" y="386680"/>
                                  <a:pt x="193387" y="386680"/>
                                </a:cubicBezTo>
                                <a:cubicBezTo>
                                  <a:pt x="300200" y="386680"/>
                                  <a:pt x="386773" y="300128"/>
                                  <a:pt x="386773" y="193340"/>
                                </a:cubicBezTo>
                                <a:close/>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6" name="Shape 5876"/>
                        <wps:cNvSpPr/>
                        <wps:spPr>
                          <a:xfrm>
                            <a:off x="2477510" y="496626"/>
                            <a:ext cx="147598" cy="0"/>
                          </a:xfrm>
                          <a:custGeom>
                            <a:avLst/>
                            <a:gdLst/>
                            <a:ahLst/>
                            <a:cxnLst/>
                            <a:rect l="0" t="0" r="0" b="0"/>
                            <a:pathLst>
                              <a:path w="147598">
                                <a:moveTo>
                                  <a:pt x="147598" y="0"/>
                                </a:moveTo>
                                <a:lnTo>
                                  <a:pt x="0" y="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7" name="Shape 5877"/>
                        <wps:cNvSpPr/>
                        <wps:spPr>
                          <a:xfrm>
                            <a:off x="2409965" y="472070"/>
                            <a:ext cx="73685" cy="49113"/>
                          </a:xfrm>
                          <a:custGeom>
                            <a:avLst/>
                            <a:gdLst/>
                            <a:ahLst/>
                            <a:cxnLst/>
                            <a:rect l="0" t="0" r="0" b="0"/>
                            <a:pathLst>
                              <a:path w="73685" h="49113">
                                <a:moveTo>
                                  <a:pt x="73685" y="0"/>
                                </a:moveTo>
                                <a:lnTo>
                                  <a:pt x="73685" y="49113"/>
                                </a:lnTo>
                                <a:lnTo>
                                  <a:pt x="0" y="24557"/>
                                </a:lnTo>
                                <a:lnTo>
                                  <a:pt x="7368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78" name="Shape 5878"/>
                        <wps:cNvSpPr/>
                        <wps:spPr>
                          <a:xfrm>
                            <a:off x="3079047" y="501249"/>
                            <a:ext cx="126447" cy="0"/>
                          </a:xfrm>
                          <a:custGeom>
                            <a:avLst/>
                            <a:gdLst/>
                            <a:ahLst/>
                            <a:cxnLst/>
                            <a:rect l="0" t="0" r="0" b="0"/>
                            <a:pathLst>
                              <a:path w="126447">
                                <a:moveTo>
                                  <a:pt x="126447" y="0"/>
                                </a:moveTo>
                                <a:lnTo>
                                  <a:pt x="0" y="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9" name="Shape 5879"/>
                        <wps:cNvSpPr/>
                        <wps:spPr>
                          <a:xfrm>
                            <a:off x="3011502" y="476693"/>
                            <a:ext cx="73685" cy="49112"/>
                          </a:xfrm>
                          <a:custGeom>
                            <a:avLst/>
                            <a:gdLst/>
                            <a:ahLst/>
                            <a:cxnLst/>
                            <a:rect l="0" t="0" r="0" b="0"/>
                            <a:pathLst>
                              <a:path w="73685" h="49112">
                                <a:moveTo>
                                  <a:pt x="73685" y="0"/>
                                </a:moveTo>
                                <a:lnTo>
                                  <a:pt x="73685" y="49112"/>
                                </a:lnTo>
                                <a:lnTo>
                                  <a:pt x="0" y="24556"/>
                                </a:lnTo>
                                <a:lnTo>
                                  <a:pt x="7368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80" name="Rectangle 5880"/>
                        <wps:cNvSpPr/>
                        <wps:spPr>
                          <a:xfrm>
                            <a:off x="1866194" y="719096"/>
                            <a:ext cx="397522" cy="1136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токи</w:t>
                              </w:r>
                            </w:p>
                          </w:txbxContent>
                        </wps:txbx>
                        <wps:bodyPr horzOverflow="overflow" vert="horz" lIns="0" tIns="0" rIns="0" bIns="0" rtlCol="0">
                          <a:noAutofit/>
                        </wps:bodyPr>
                      </wps:wsp>
                      <wps:wsp>
                        <wps:cNvPr id="5881" name="Rectangle 5881"/>
                        <wps:cNvSpPr/>
                        <wps:spPr>
                          <a:xfrm>
                            <a:off x="2165030" y="703001"/>
                            <a:ext cx="67232" cy="13487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882" name="Rectangle 5882"/>
                        <wps:cNvSpPr/>
                        <wps:spPr>
                          <a:xfrm>
                            <a:off x="2215593" y="719096"/>
                            <a:ext cx="2159012" cy="1136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блокированные на порте завершения </w:t>
                              </w:r>
                            </w:p>
                          </w:txbxContent>
                        </wps:txbx>
                        <wps:bodyPr horzOverflow="overflow" vert="horz" lIns="0" tIns="0" rIns="0" bIns="0" rtlCol="0">
                          <a:noAutofit/>
                        </wps:bodyPr>
                      </wps:wsp>
                      <wps:wsp>
                        <wps:cNvPr id="5884" name="Shape 5884"/>
                        <wps:cNvSpPr/>
                        <wps:spPr>
                          <a:xfrm>
                            <a:off x="583553" y="941286"/>
                            <a:ext cx="967007" cy="322259"/>
                          </a:xfrm>
                          <a:custGeom>
                            <a:avLst/>
                            <a:gdLst/>
                            <a:ahLst/>
                            <a:cxnLst/>
                            <a:rect l="0" t="0" r="0" b="0"/>
                            <a:pathLst>
                              <a:path w="967007" h="322259">
                                <a:moveTo>
                                  <a:pt x="0" y="322259"/>
                                </a:moveTo>
                                <a:lnTo>
                                  <a:pt x="967007" y="322259"/>
                                </a:lnTo>
                                <a:lnTo>
                                  <a:pt x="967007" y="0"/>
                                </a:lnTo>
                                <a:lnTo>
                                  <a:pt x="0" y="0"/>
                                </a:lnTo>
                                <a:close/>
                              </a:path>
                            </a:pathLst>
                          </a:custGeom>
                          <a:ln w="1819" cap="rnd">
                            <a:round/>
                          </a:ln>
                        </wps:spPr>
                        <wps:style>
                          <a:lnRef idx="1">
                            <a:srgbClr val="000000"/>
                          </a:lnRef>
                          <a:fillRef idx="0">
                            <a:srgbClr val="000000">
                              <a:alpha val="0"/>
                            </a:srgbClr>
                          </a:fillRef>
                          <a:effectRef idx="0">
                            <a:scrgbClr r="0" g="0" b="0"/>
                          </a:effectRef>
                          <a:fontRef idx="none"/>
                        </wps:style>
                        <wps:bodyPr/>
                      </wps:wsp>
                      <wps:wsp>
                        <wps:cNvPr id="5885" name="Rectangle 5885"/>
                        <wps:cNvSpPr/>
                        <wps:spPr>
                          <a:xfrm>
                            <a:off x="654873" y="1008918"/>
                            <a:ext cx="1096440" cy="1136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Обработка данных </w:t>
                              </w:r>
                            </w:p>
                          </w:txbxContent>
                        </wps:txbx>
                        <wps:bodyPr horzOverflow="overflow" vert="horz" lIns="0" tIns="0" rIns="0" bIns="0" rtlCol="0">
                          <a:noAutofit/>
                        </wps:bodyPr>
                      </wps:wsp>
                      <wps:wsp>
                        <wps:cNvPr id="5886" name="Rectangle 5886"/>
                        <wps:cNvSpPr/>
                        <wps:spPr>
                          <a:xfrm>
                            <a:off x="742189" y="1101960"/>
                            <a:ext cx="40291" cy="13487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887" name="Rectangle 5887"/>
                        <wps:cNvSpPr/>
                        <wps:spPr>
                          <a:xfrm>
                            <a:off x="772436" y="1118055"/>
                            <a:ext cx="783639" cy="1136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ток активен</w:t>
                              </w:r>
                            </w:p>
                          </w:txbxContent>
                        </wps:txbx>
                        <wps:bodyPr horzOverflow="overflow" vert="horz" lIns="0" tIns="0" rIns="0" bIns="0" rtlCol="0">
                          <a:noAutofit/>
                        </wps:bodyPr>
                      </wps:wsp>
                      <wps:wsp>
                        <wps:cNvPr id="5888" name="Rectangle 5888"/>
                        <wps:cNvSpPr/>
                        <wps:spPr>
                          <a:xfrm>
                            <a:off x="1361692" y="1101960"/>
                            <a:ext cx="40291" cy="13487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69493" name="Shape 69493"/>
                        <wps:cNvSpPr/>
                        <wps:spPr>
                          <a:xfrm>
                            <a:off x="368668" y="1585805"/>
                            <a:ext cx="1396762" cy="322259"/>
                          </a:xfrm>
                          <a:custGeom>
                            <a:avLst/>
                            <a:gdLst/>
                            <a:ahLst/>
                            <a:cxnLst/>
                            <a:rect l="0" t="0" r="0" b="0"/>
                            <a:pathLst>
                              <a:path w="1396762" h="322259">
                                <a:moveTo>
                                  <a:pt x="0" y="0"/>
                                </a:moveTo>
                                <a:lnTo>
                                  <a:pt x="1396762" y="0"/>
                                </a:lnTo>
                                <a:lnTo>
                                  <a:pt x="1396762" y="322259"/>
                                </a:lnTo>
                                <a:lnTo>
                                  <a:pt x="0" y="322259"/>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5890" name="Shape 5890"/>
                        <wps:cNvSpPr/>
                        <wps:spPr>
                          <a:xfrm>
                            <a:off x="368668" y="1585805"/>
                            <a:ext cx="1396762" cy="322259"/>
                          </a:xfrm>
                          <a:custGeom>
                            <a:avLst/>
                            <a:gdLst/>
                            <a:ahLst/>
                            <a:cxnLst/>
                            <a:rect l="0" t="0" r="0" b="0"/>
                            <a:pathLst>
                              <a:path w="1396762" h="322259">
                                <a:moveTo>
                                  <a:pt x="0" y="322259"/>
                                </a:moveTo>
                                <a:lnTo>
                                  <a:pt x="1396762" y="322259"/>
                                </a:lnTo>
                                <a:lnTo>
                                  <a:pt x="1396762" y="0"/>
                                </a:lnTo>
                                <a:lnTo>
                                  <a:pt x="0" y="0"/>
                                </a:lnTo>
                                <a:close/>
                              </a:path>
                            </a:pathLst>
                          </a:custGeom>
                          <a:ln w="1819" cap="rnd">
                            <a:round/>
                          </a:ln>
                        </wps:spPr>
                        <wps:style>
                          <a:lnRef idx="1">
                            <a:srgbClr val="000000"/>
                          </a:lnRef>
                          <a:fillRef idx="0">
                            <a:srgbClr val="000000">
                              <a:alpha val="0"/>
                            </a:srgbClr>
                          </a:fillRef>
                          <a:effectRef idx="0">
                            <a:scrgbClr r="0" g="0" b="0"/>
                          </a:effectRef>
                          <a:fontRef idx="none"/>
                        </wps:style>
                        <wps:bodyPr/>
                      </wps:wsp>
                      <wps:wsp>
                        <wps:cNvPr id="5891" name="Rectangle 5891"/>
                        <wps:cNvSpPr/>
                        <wps:spPr>
                          <a:xfrm>
                            <a:off x="574229" y="1653436"/>
                            <a:ext cx="883567" cy="1136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айловый ввод</w:t>
                              </w:r>
                            </w:p>
                          </w:txbxContent>
                        </wps:txbx>
                        <wps:bodyPr horzOverflow="overflow" vert="horz" lIns="0" tIns="0" rIns="0" bIns="0" rtlCol="0">
                          <a:noAutofit/>
                        </wps:bodyPr>
                      </wps:wsp>
                      <wps:wsp>
                        <wps:cNvPr id="5892" name="Rectangle 5892"/>
                        <wps:cNvSpPr/>
                        <wps:spPr>
                          <a:xfrm>
                            <a:off x="1238580" y="1637340"/>
                            <a:ext cx="40291" cy="13487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893" name="Rectangle 5893"/>
                        <wps:cNvSpPr/>
                        <wps:spPr>
                          <a:xfrm>
                            <a:off x="1268903" y="1653436"/>
                            <a:ext cx="353341" cy="1136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ывод</w:t>
                              </w:r>
                            </w:p>
                          </w:txbxContent>
                        </wps:txbx>
                        <wps:bodyPr horzOverflow="overflow" vert="horz" lIns="0" tIns="0" rIns="0" bIns="0" rtlCol="0">
                          <a:noAutofit/>
                        </wps:bodyPr>
                      </wps:wsp>
                      <wps:wsp>
                        <wps:cNvPr id="5894" name="Rectangle 5894"/>
                        <wps:cNvSpPr/>
                        <wps:spPr>
                          <a:xfrm>
                            <a:off x="1534610" y="1637340"/>
                            <a:ext cx="33616" cy="13487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895" name="Rectangle 5895"/>
                        <wps:cNvSpPr/>
                        <wps:spPr>
                          <a:xfrm>
                            <a:off x="401720" y="1746478"/>
                            <a:ext cx="40291" cy="13487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896" name="Rectangle 5896"/>
                        <wps:cNvSpPr/>
                        <wps:spPr>
                          <a:xfrm>
                            <a:off x="432013" y="1762573"/>
                            <a:ext cx="1046332" cy="1136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ток блокируется</w:t>
                              </w:r>
                            </w:p>
                          </w:txbxContent>
                        </wps:txbx>
                        <wps:bodyPr horzOverflow="overflow" vert="horz" lIns="0" tIns="0" rIns="0" bIns="0" rtlCol="0">
                          <a:noAutofit/>
                        </wps:bodyPr>
                      </wps:wsp>
                      <wps:wsp>
                        <wps:cNvPr id="5897" name="Rectangle 5897"/>
                        <wps:cNvSpPr/>
                        <wps:spPr>
                          <a:xfrm>
                            <a:off x="1218718" y="1746478"/>
                            <a:ext cx="67232" cy="13487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898" name="Rectangle 5898"/>
                        <wps:cNvSpPr/>
                        <wps:spPr>
                          <a:xfrm>
                            <a:off x="1269207" y="1762573"/>
                            <a:ext cx="575683" cy="1136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неактивен</w:t>
                              </w:r>
                            </w:p>
                          </w:txbxContent>
                        </wps:txbx>
                        <wps:bodyPr horzOverflow="overflow" vert="horz" lIns="0" tIns="0" rIns="0" bIns="0" rtlCol="0">
                          <a:noAutofit/>
                        </wps:bodyPr>
                      </wps:wsp>
                      <wps:wsp>
                        <wps:cNvPr id="5899" name="Rectangle 5899"/>
                        <wps:cNvSpPr/>
                        <wps:spPr>
                          <a:xfrm>
                            <a:off x="1702070" y="1746478"/>
                            <a:ext cx="40291" cy="13487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901" name="Shape 5901"/>
                        <wps:cNvSpPr/>
                        <wps:spPr>
                          <a:xfrm>
                            <a:off x="368668" y="2283998"/>
                            <a:ext cx="1396762" cy="322259"/>
                          </a:xfrm>
                          <a:custGeom>
                            <a:avLst/>
                            <a:gdLst/>
                            <a:ahLst/>
                            <a:cxnLst/>
                            <a:rect l="0" t="0" r="0" b="0"/>
                            <a:pathLst>
                              <a:path w="1396762" h="322259">
                                <a:moveTo>
                                  <a:pt x="0" y="322259"/>
                                </a:moveTo>
                                <a:lnTo>
                                  <a:pt x="1396762" y="322259"/>
                                </a:lnTo>
                                <a:lnTo>
                                  <a:pt x="1396762" y="0"/>
                                </a:lnTo>
                                <a:lnTo>
                                  <a:pt x="0" y="0"/>
                                </a:lnTo>
                                <a:close/>
                              </a:path>
                            </a:pathLst>
                          </a:custGeom>
                          <a:ln w="1819" cap="rnd">
                            <a:round/>
                          </a:ln>
                        </wps:spPr>
                        <wps:style>
                          <a:lnRef idx="1">
                            <a:srgbClr val="000000"/>
                          </a:lnRef>
                          <a:fillRef idx="0">
                            <a:srgbClr val="000000">
                              <a:alpha val="0"/>
                            </a:srgbClr>
                          </a:fillRef>
                          <a:effectRef idx="0">
                            <a:scrgbClr r="0" g="0" b="0"/>
                          </a:effectRef>
                          <a:fontRef idx="none"/>
                        </wps:style>
                        <wps:bodyPr/>
                      </wps:wsp>
                      <wps:wsp>
                        <wps:cNvPr id="5902" name="Rectangle 5902"/>
                        <wps:cNvSpPr/>
                        <wps:spPr>
                          <a:xfrm>
                            <a:off x="654873" y="2351636"/>
                            <a:ext cx="1062803" cy="11369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Обработка данных</w:t>
                              </w:r>
                            </w:p>
                          </w:txbxContent>
                        </wps:txbx>
                        <wps:bodyPr horzOverflow="overflow" vert="horz" lIns="0" tIns="0" rIns="0" bIns="0" rtlCol="0">
                          <a:noAutofit/>
                        </wps:bodyPr>
                      </wps:wsp>
                      <wps:wsp>
                        <wps:cNvPr id="5903" name="Rectangle 5903"/>
                        <wps:cNvSpPr/>
                        <wps:spPr>
                          <a:xfrm>
                            <a:off x="1453951" y="2335541"/>
                            <a:ext cx="33616" cy="13487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904" name="Rectangle 5904"/>
                        <wps:cNvSpPr/>
                        <wps:spPr>
                          <a:xfrm>
                            <a:off x="742189" y="2444679"/>
                            <a:ext cx="40291" cy="13487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905" name="Rectangle 5905"/>
                        <wps:cNvSpPr/>
                        <wps:spPr>
                          <a:xfrm>
                            <a:off x="772436" y="2460775"/>
                            <a:ext cx="783639" cy="113698"/>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ток активен</w:t>
                              </w:r>
                            </w:p>
                          </w:txbxContent>
                        </wps:txbx>
                        <wps:bodyPr horzOverflow="overflow" vert="horz" lIns="0" tIns="0" rIns="0" bIns="0" rtlCol="0">
                          <a:noAutofit/>
                        </wps:bodyPr>
                      </wps:wsp>
                      <wps:wsp>
                        <wps:cNvPr id="5906" name="Rectangle 5906"/>
                        <wps:cNvSpPr/>
                        <wps:spPr>
                          <a:xfrm>
                            <a:off x="1361692" y="2444679"/>
                            <a:ext cx="40291" cy="13487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5907" name="Shape 5907"/>
                        <wps:cNvSpPr/>
                        <wps:spPr>
                          <a:xfrm>
                            <a:off x="1067027" y="1263545"/>
                            <a:ext cx="0" cy="254730"/>
                          </a:xfrm>
                          <a:custGeom>
                            <a:avLst/>
                            <a:gdLst/>
                            <a:ahLst/>
                            <a:cxnLst/>
                            <a:rect l="0" t="0" r="0" b="0"/>
                            <a:pathLst>
                              <a:path h="254730">
                                <a:moveTo>
                                  <a:pt x="0" y="0"/>
                                </a:moveTo>
                                <a:lnTo>
                                  <a:pt x="0" y="25473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908" name="Shape 5908"/>
                        <wps:cNvSpPr/>
                        <wps:spPr>
                          <a:xfrm>
                            <a:off x="1042465" y="1512137"/>
                            <a:ext cx="49124" cy="73668"/>
                          </a:xfrm>
                          <a:custGeom>
                            <a:avLst/>
                            <a:gdLst/>
                            <a:ahLst/>
                            <a:cxnLst/>
                            <a:rect l="0" t="0" r="0" b="0"/>
                            <a:pathLst>
                              <a:path w="49124" h="73668">
                                <a:moveTo>
                                  <a:pt x="0" y="0"/>
                                </a:moveTo>
                                <a:lnTo>
                                  <a:pt x="49124" y="0"/>
                                </a:lnTo>
                                <a:lnTo>
                                  <a:pt x="24562" y="7366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909" name="Shape 5909"/>
                        <wps:cNvSpPr/>
                        <wps:spPr>
                          <a:xfrm>
                            <a:off x="1067027" y="1908064"/>
                            <a:ext cx="0" cy="308412"/>
                          </a:xfrm>
                          <a:custGeom>
                            <a:avLst/>
                            <a:gdLst/>
                            <a:ahLst/>
                            <a:cxnLst/>
                            <a:rect l="0" t="0" r="0" b="0"/>
                            <a:pathLst>
                              <a:path h="308412">
                                <a:moveTo>
                                  <a:pt x="0" y="0"/>
                                </a:moveTo>
                                <a:lnTo>
                                  <a:pt x="0" y="308412"/>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910" name="Shape 5910"/>
                        <wps:cNvSpPr/>
                        <wps:spPr>
                          <a:xfrm>
                            <a:off x="1042465" y="2210337"/>
                            <a:ext cx="49124" cy="73668"/>
                          </a:xfrm>
                          <a:custGeom>
                            <a:avLst/>
                            <a:gdLst/>
                            <a:ahLst/>
                            <a:cxnLst/>
                            <a:rect l="0" t="0" r="0" b="0"/>
                            <a:pathLst>
                              <a:path w="49124" h="73668">
                                <a:moveTo>
                                  <a:pt x="0" y="0"/>
                                </a:moveTo>
                                <a:lnTo>
                                  <a:pt x="49124" y="0"/>
                                </a:lnTo>
                                <a:lnTo>
                                  <a:pt x="24562" y="7366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911" name="Shape 5911"/>
                        <wps:cNvSpPr/>
                        <wps:spPr>
                          <a:xfrm>
                            <a:off x="1067027" y="662000"/>
                            <a:ext cx="0" cy="211757"/>
                          </a:xfrm>
                          <a:custGeom>
                            <a:avLst/>
                            <a:gdLst/>
                            <a:ahLst/>
                            <a:cxnLst/>
                            <a:rect l="0" t="0" r="0" b="0"/>
                            <a:pathLst>
                              <a:path h="211757">
                                <a:moveTo>
                                  <a:pt x="0" y="211757"/>
                                </a:moveTo>
                                <a:lnTo>
                                  <a:pt x="0" y="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912" name="Shape 5912"/>
                        <wps:cNvSpPr/>
                        <wps:spPr>
                          <a:xfrm>
                            <a:off x="1042465" y="867618"/>
                            <a:ext cx="49124" cy="73668"/>
                          </a:xfrm>
                          <a:custGeom>
                            <a:avLst/>
                            <a:gdLst/>
                            <a:ahLst/>
                            <a:cxnLst/>
                            <a:rect l="0" t="0" r="0" b="0"/>
                            <a:pathLst>
                              <a:path w="49124" h="73668">
                                <a:moveTo>
                                  <a:pt x="0" y="0"/>
                                </a:moveTo>
                                <a:lnTo>
                                  <a:pt x="49124" y="0"/>
                                </a:lnTo>
                                <a:lnTo>
                                  <a:pt x="24562" y="7366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913" name="Shape 5913"/>
                        <wps:cNvSpPr/>
                        <wps:spPr>
                          <a:xfrm>
                            <a:off x="261225" y="511557"/>
                            <a:ext cx="805801" cy="2363247"/>
                          </a:xfrm>
                          <a:custGeom>
                            <a:avLst/>
                            <a:gdLst/>
                            <a:ahLst/>
                            <a:cxnLst/>
                            <a:rect l="0" t="0" r="0" b="0"/>
                            <a:pathLst>
                              <a:path w="805801" h="2363247">
                                <a:moveTo>
                                  <a:pt x="805801" y="2094700"/>
                                </a:moveTo>
                                <a:lnTo>
                                  <a:pt x="805801" y="2363247"/>
                                </a:lnTo>
                                <a:lnTo>
                                  <a:pt x="0" y="2363247"/>
                                </a:lnTo>
                                <a:lnTo>
                                  <a:pt x="0" y="0"/>
                                </a:lnTo>
                                <a:lnTo>
                                  <a:pt x="262371" y="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914" name="Shape 5914"/>
                        <wps:cNvSpPr/>
                        <wps:spPr>
                          <a:xfrm>
                            <a:off x="517456" y="487001"/>
                            <a:ext cx="73685" cy="49112"/>
                          </a:xfrm>
                          <a:custGeom>
                            <a:avLst/>
                            <a:gdLst/>
                            <a:ahLst/>
                            <a:cxnLst/>
                            <a:rect l="0" t="0" r="0" b="0"/>
                            <a:pathLst>
                              <a:path w="73685" h="49112">
                                <a:moveTo>
                                  <a:pt x="0" y="0"/>
                                </a:moveTo>
                                <a:lnTo>
                                  <a:pt x="73685" y="24556"/>
                                </a:lnTo>
                                <a:lnTo>
                                  <a:pt x="0" y="49112"/>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g:wgp>
                  </a:graphicData>
                </a:graphic>
              </wp:inline>
            </w:drawing>
          </mc:Choice>
          <mc:Fallback>
            <w:pict>
              <v:group id="Group 61996" o:spid="_x0000_s2824" style="width:302.3pt;height:226.35pt;mso-position-horizontal-relative:char;mso-position-vertical-relative:line" coordsize="38389,2874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">
                <v:rect id="Rectangle 5862" o:spid="_x0000_s2825" style="position:absolute;width:18734;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ступавший клиентский запрос </w:t>
                        </w:r>
                      </w:p>
                    </w:txbxContent>
                  </v:textbox>
                </v:rect>
                <v:shape id="Shape 5863" o:spid="_x0000_s2826" style="position:absolute;left:5835;top:1034;width:1457;height:1456;visibility:visible;mso-wrap-style:square;v-text-anchor:top" coordsize="145673,1455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" path="m,l145673,145593e" filled="f" strokeweight=".15158mm">
                  <v:stroke endcap="round"/>
                  <v:path arrowok="t" textboxrect="0,0,145673,145593"/>
                </v:shape>
                <v:shape id="Shape 5864" o:spid="_x0000_s2827" style="position:absolute;left:7074;top:2272;width:695;height:695;visibility:visible;mso-wrap-style:square;v-text-anchor:top" coordsize="69516,69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" path="m34720,l69516,69500,,34787,34720,xe" fillcolor="black" stroked="f" strokeweight="0">
                  <v:stroke endcap="round"/>
                  <v:path arrowok="t" textboxrect="0,0,69516,69500"/>
                </v:shape>
                <v:shape id="Shape 5865" o:spid="_x0000_s2828" style="position:absolute;left:5835;top:2967;width:9670;height:3653;visibility:visible;mso-wrap-style:square;v-text-anchor:top" coordsize="966977,3652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" path="m483473,c750545,,966977,81777,966977,182578v,100877,-216432,182654,-483504,182654c216477,365232,,283455,,182578,,81777,216477,,483473,xe" stroked="f" strokeweight="0">
                  <v:stroke endcap="round"/>
                  <v:path arrowok="t" textboxrect="0,0,966977,365232"/>
                </v:shape>
                <v:shape id="Shape 5866" o:spid="_x0000_s2829" style="position:absolute;left:5835;top:2967;width:9670;height:3653;visibility:visible;mso-wrap-style:square;v-text-anchor:top" coordsize="966977,3652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" path="m966977,182578c966977,81777,750545,,483473,,216477,,,81777,,182578,,283455,216477,365232,483473,365232v267072,,483504,-81777,483504,-182654xe" filled="f" strokeweight=".15158mm">
                  <v:stroke endcap="round"/>
                  <v:path arrowok="t" textboxrect="0,0,966977,365232"/>
                </v:shape>
                <v:rect id="Rectangle 5867" o:spid="_x0000_s2830" style="position:absolute;left:6924;top:4404;width:9965;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Порт завершения</w:t>
                        </w:r>
                      </w:p>
                    </w:txbxContent>
                  </v:textbox>
                </v:rect>
                <v:shape id="Shape 5868" o:spid="_x0000_s2831" style="position:absolute;left:20233;top:2967;width:3868;height:3867;visibility:visible;mso-wrap-style:square;v-text-anchor:top" coordsize="386772,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" path="m193386,c300200,,386772,86552,386772,193340v,106788,-86572,193340,-193386,193340c86573,386680,,300128,,193340,,86552,86573,,193386,xe" fillcolor="#f2f2f2" stroked="f" strokeweight="0">
                  <v:stroke endcap="round"/>
                  <v:path arrowok="t" textboxrect="0,0,386772,386680"/>
                </v:shape>
                <v:shape id="Shape 5869" o:spid="_x0000_s2832" style="position:absolute;left:20233;top:2967;width:3868;height:3867;visibility:visible;mso-wrap-style:square;v-text-anchor:top" coordsize="386772,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" path="m386772,193340c386772,86552,300200,,193386,,86573,,,86552,,193340,,300128,86573,386680,193386,386680v106814,,193386,-86552,193386,-193340xe" filled="f" strokeweight=".15158mm">
                  <v:stroke endcap="round"/>
                  <v:path arrowok="t" textboxrect="0,0,386772,386680"/>
                </v:shape>
                <v:shape id="Shape 5870" o:spid="_x0000_s2833" style="position:absolute;left:16161;top:4956;width:4073;height:0;visibility:visible;mso-wrap-style:square;v-text-anchor:top" coordsize="40724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" path="m407241,l,e" filled="f" strokeweight=".15158mm">
                  <v:stroke endcap="round"/>
                  <v:path arrowok="t" textboxrect="0,0,407241,0"/>
                </v:shape>
                <v:shape id="Shape 5871" o:spid="_x0000_s2834" style="position:absolute;left:15486;top:4710;width:737;height:491;visibility:visible;mso-wrap-style:square;v-text-anchor:top" coordsize="73685,491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" path="m73685,r,49112l,24556,73685,xe" fillcolor="black" stroked="f" strokeweight="0">
                  <v:stroke endcap="round"/>
                  <v:path arrowok="t" textboxrect="0,0,73685,49112"/>
                </v:shape>
                <v:shape id="Shape 5872" o:spid="_x0000_s2835" style="position:absolute;left:26250;top:2967;width:3868;height:3867;visibility:visible;mso-wrap-style:square;v-text-anchor:top" coordsize="386773,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" path="m193386,c300200,,386773,86552,386773,193340v,106788,-86573,193340,-193387,193340c86573,386680,,300128,,193340,,86552,86573,,193386,xe" fillcolor="#f2f2f2" stroked="f" strokeweight="0">
                  <v:stroke endcap="round"/>
                  <v:path arrowok="t" textboxrect="0,0,386773,386680"/>
                </v:shape>
                <v:shape id="Shape 5873" o:spid="_x0000_s2836" style="position:absolute;left:26250;top:2967;width:3868;height:3867;visibility:visible;mso-wrap-style:square;v-text-anchor:top" coordsize="386773,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" path="m386773,193340c386773,86552,300200,,193386,,86573,,,86552,,193340,,300128,86573,386680,193386,386680v106814,,193387,-86552,193387,-193340xe" filled="f" strokeweight=".15158mm">
                  <v:stroke endcap="round"/>
                  <v:path arrowok="t" textboxrect="0,0,386773,386680"/>
                </v:shape>
                <v:shape id="Shape 5874" o:spid="_x0000_s2837" style="position:absolute;left:32051;top:2967;width:3868;height:3867;visibility:visible;mso-wrap-style:square;v-text-anchor:top" coordsize="386773,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" path="m193387,c300200,,386773,86552,386773,193340v,106788,-86573,193340,-193386,193340c86573,386680,,300128,,193340,,86552,86573,,193387,xe" fillcolor="#f2f2f2" stroked="f" strokeweight="0">
                  <v:stroke endcap="round"/>
                  <v:path arrowok="t" textboxrect="0,0,386773,386680"/>
                </v:shape>
                <v:shape id="Shape 5875" o:spid="_x0000_s2838" style="position:absolute;left:32051;top:2967;width:3868;height:3867;visibility:visible;mso-wrap-style:square;v-text-anchor:top" coordsize="386773,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" path="m386773,193340c386773,86552,300200,,193387,,86573,,,86552,,193340,,300128,86573,386680,193387,386680v106813,,193386,-86552,193386,-193340xe" filled="f" strokeweight=".15158mm">
                  <v:stroke endcap="round"/>
                  <v:path arrowok="t" textboxrect="0,0,386773,386680"/>
                </v:shape>
                <v:shape id="Shape 5876" o:spid="_x0000_s2839" style="position:absolute;left:24775;top:4966;width:1476;height:0;visibility:visible;mso-wrap-style:square;v-text-anchor:top" coordsize="14759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" path="m147598,l,e" filled="f" strokeweight=".15158mm">
                  <v:stroke endcap="round"/>
                  <v:path arrowok="t" textboxrect="0,0,147598,0"/>
                </v:shape>
                <v:shape id="Shape 5877" o:spid="_x0000_s2840" style="position:absolute;left:24099;top:4720;width:737;height:491;visibility:visible;mso-wrap-style:square;v-text-anchor:top" coordsize="73685,491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" path="m73685,r,49113l,24557,73685,xe" fillcolor="black" stroked="f" strokeweight="0">
                  <v:stroke endcap="round"/>
                  <v:path arrowok="t" textboxrect="0,0,73685,49113"/>
                </v:shape>
                <v:shape id="Shape 5878" o:spid="_x0000_s2841" style="position:absolute;left:30790;top:5012;width:1264;height:0;visibility:visible;mso-wrap-style:square;v-text-anchor:top" coordsize="12644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" path="m126447,l,e" filled="f" strokeweight=".15158mm">
                  <v:stroke endcap="round"/>
                  <v:path arrowok="t" textboxrect="0,0,126447,0"/>
                </v:shape>
                <v:shape id="Shape 5879" o:spid="_x0000_s2842" style="position:absolute;left:30115;top:4766;width:736;height:492;visibility:visible;mso-wrap-style:square;v-text-anchor:top" coordsize="73685,491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" path="m73685,r,49112l,24556,73685,xe" fillcolor="black" stroked="f" strokeweight="0">
                  <v:stroke endcap="round"/>
                  <v:path arrowok="t" textboxrect="0,0,73685,49112"/>
                </v:shape>
                <v:rect id="Rectangle 5880" o:spid="_x0000_s2843" style="position:absolute;left:18661;top:7190;width:3976;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Потоки</w:t>
                        </w:r>
                      </w:p>
                    </w:txbxContent>
                  </v:textbox>
                </v:rect>
                <v:rect id="Rectangle 5881" o:spid="_x0000_s2844" style="position:absolute;left:21650;top:7030;width:672;height:13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882" o:spid="_x0000_s2845" style="position:absolute;left:22155;top:7190;width:21591;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блокированные на порте завершения </w:t>
                        </w:r>
                      </w:p>
                    </w:txbxContent>
                  </v:textbox>
                </v:rect>
                <v:shape id="Shape 5884" o:spid="_x0000_s2846" style="position:absolute;left:5835;top:9412;width:9670;height:3223;visibility:visible;mso-wrap-style:square;v-text-anchor:top" coordsize="967007,3222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" path="m,322259r967007,l967007,,,,,322259xe" filled="f" strokeweight=".05053mm">
                  <v:stroke endcap="round"/>
                  <v:path arrowok="t" textboxrect="0,0,967007,322259"/>
                </v:shape>
                <v:rect id="Rectangle 5885" o:spid="_x0000_s2847" style="position:absolute;left:6548;top:10089;width:10965;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Обработка данных </w:t>
                        </w:r>
                      </w:p>
                    </w:txbxContent>
                  </v:textbox>
                </v:rect>
                <v:rect id="Rectangle 5886" o:spid="_x0000_s2848" style="position:absolute;left:7421;top:11019;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887" o:spid="_x0000_s2849" style="position:absolute;left:7724;top:11180;width:7836;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оток активен</w:t>
                        </w:r>
                      </w:p>
                    </w:txbxContent>
                  </v:textbox>
                </v:rect>
                <v:rect id="Rectangle 5888" o:spid="_x0000_s2850" style="position:absolute;left:13616;top:11019;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69493" o:spid="_x0000_s2851" style="position:absolute;left:3686;top:15858;width:13968;height:3222;visibility:visible;mso-wrap-style:square;v-text-anchor:top" coordsize="1396762,3222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" path="m,l1396762,r,322259l,322259,,e" fillcolor="#f2f2f2" stroked="f" strokeweight="0">
                  <v:stroke endcap="round"/>
                  <v:path arrowok="t" textboxrect="0,0,1396762,322259"/>
                </v:shape>
                <v:shape id="Shape 5890" o:spid="_x0000_s2852" style="position:absolute;left:3686;top:15858;width:13968;height:3222;visibility:visible;mso-wrap-style:square;v-text-anchor:top" coordsize="1396762,3222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" path="m,322259r1396762,l1396762,,,,,322259xe" filled="f" strokeweight=".05053mm">
                  <v:stroke endcap="round"/>
                  <v:path arrowok="t" textboxrect="0,0,1396762,322259"/>
                </v:shape>
                <v:rect id="Rectangle 5891" o:spid="_x0000_s2853" style="position:absolute;left:5742;top:16534;width:8835;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Файловый ввод</w:t>
                        </w:r>
                      </w:p>
                    </w:txbxContent>
                  </v:textbox>
                </v:rect>
                <v:rect id="Rectangle 5892" o:spid="_x0000_s2854" style="position:absolute;left:12385;top:16373;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893" o:spid="_x0000_s2855" style="position:absolute;left:12689;top:16534;width:3533;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вывод</w:t>
                        </w:r>
                      </w:p>
                    </w:txbxContent>
                  </v:textbox>
                </v:rect>
                <v:rect id="Rectangle 5894" o:spid="_x0000_s2856" style="position:absolute;left:15346;top:16373;width:336;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895" o:spid="_x0000_s2857" style="position:absolute;left:4017;top:17464;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896" o:spid="_x0000_s2858" style="position:absolute;left:4320;top:17625;width:10463;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оток блокируется</w:t>
                        </w:r>
                      </w:p>
                    </w:txbxContent>
                  </v:textbox>
                </v:rect>
                <v:rect id="Rectangle 5897" o:spid="_x0000_s2859" style="position:absolute;left:12187;top:17464;width:672;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898" o:spid="_x0000_s2860" style="position:absolute;left:12692;top:17625;width:5756;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неактивен</w:t>
                        </w:r>
                      </w:p>
                    </w:txbxContent>
                  </v:textbox>
                </v:rect>
                <v:rect id="Rectangle 5899" o:spid="_x0000_s2861" style="position:absolute;left:17020;top:17464;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5901" o:spid="_x0000_s2862" style="position:absolute;left:3686;top:22839;width:13968;height:3223;visibility:visible;mso-wrap-style:square;v-text-anchor:top" coordsize="1396762,3222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" path="m,322259r1396762,l1396762,,,,,322259xe" filled="f" strokeweight=".05053mm">
                  <v:stroke endcap="round"/>
                  <v:path arrowok="t" textboxrect="0,0,1396762,322259"/>
                </v:shape>
                <v:rect id="Rectangle 5902" o:spid="_x0000_s2863" style="position:absolute;left:6548;top:23516;width:10628;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Обработка данных</w:t>
                        </w:r>
                      </w:p>
                    </w:txbxContent>
                  </v:textbox>
                </v:rect>
                <v:rect id="Rectangle 5903" o:spid="_x0000_s2864" style="position:absolute;left:14539;top:23355;width:336;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5904" o:spid="_x0000_s2865" style="position:absolute;left:7421;top:24446;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5905" o:spid="_x0000_s2866" style="position:absolute;left:7724;top:24607;width:7836;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поток активен</w:t>
                        </w:r>
                      </w:p>
                    </w:txbxContent>
                  </v:textbox>
                </v:rect>
                <v:rect id="Rectangle 5906" o:spid="_x0000_s2867" style="position:absolute;left:13616;top:24446;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shape id="Shape 5907" o:spid="_x0000_s2868" style="position:absolute;left:10670;top:12635;width:0;height:2547;visibility:visible;mso-wrap-style:square;v-text-anchor:top" coordsize="0,2547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" path="m,l,254730e" filled="f" strokeweight=".15158mm">
                  <v:stroke endcap="round"/>
                  <v:path arrowok="t" textboxrect="0,0,0,254730"/>
                </v:shape>
                <v:shape id="Shape 5908" o:spid="_x0000_s2869" style="position:absolute;left:10424;top:15121;width:491;height:737;visibility:visible;mso-wrap-style:square;v-text-anchor:top" coordsize="49124,736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" path="m,l49124,,24562,73668,,xe" fillcolor="black" stroked="f" strokeweight="0">
                  <v:stroke endcap="round"/>
                  <v:path arrowok="t" textboxrect="0,0,49124,73668"/>
                </v:shape>
                <v:shape id="Shape 5909" o:spid="_x0000_s2870" style="position:absolute;left:10670;top:19080;width:0;height:3084;visibility:visible;mso-wrap-style:square;v-text-anchor:top" coordsize="0,3084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" path="m,l,308412e" filled="f" strokeweight=".15158mm">
                  <v:stroke endcap="round"/>
                  <v:path arrowok="t" textboxrect="0,0,0,308412"/>
                </v:shape>
                <v:shape id="Shape 5910" o:spid="_x0000_s2871" style="position:absolute;left:10424;top:22103;width:491;height:737;visibility:visible;mso-wrap-style:square;v-text-anchor:top" coordsize="49124,736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" path="m,l49124,,24562,73668,,xe" fillcolor="black" stroked="f" strokeweight="0">
                  <v:stroke endcap="round"/>
                  <v:path arrowok="t" textboxrect="0,0,49124,73668"/>
                </v:shape>
                <v:shape id="Shape 5911" o:spid="_x0000_s2872" style="position:absolute;left:10670;top:6620;width:0;height:2117;visibility:visible;mso-wrap-style:square;v-text-anchor:top" coordsize="0,2117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" path="m,211757l,e" filled="f" strokeweight=".15158mm">
                  <v:stroke endcap="round"/>
                  <v:path arrowok="t" textboxrect="0,0,0,211757"/>
                </v:shape>
                <v:shape id="Shape 5912" o:spid="_x0000_s2873" style="position:absolute;left:10424;top:8676;width:491;height:736;visibility:visible;mso-wrap-style:square;v-text-anchor:top" coordsize="49124,736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" path="m,l49124,,24562,73668,,xe" fillcolor="black" stroked="f" strokeweight="0">
                  <v:stroke endcap="round"/>
                  <v:path arrowok="t" textboxrect="0,0,49124,73668"/>
                </v:shape>
                <v:shape id="Shape 5913" o:spid="_x0000_s2874" style="position:absolute;left:2612;top:5115;width:8058;height:23633;visibility:visible;mso-wrap-style:square;v-text-anchor:top" coordsize="805801,23632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" path="m805801,2094700r,268547l,2363247,,,262371,e" filled="f" strokeweight=".15158mm">
                  <v:stroke endcap="round"/>
                  <v:path arrowok="t" textboxrect="0,0,805801,2363247"/>
                </v:shape>
                <v:shape id="Shape 5914" o:spid="_x0000_s2875" style="position:absolute;left:5174;top:4870;width:737;height:491;visibility:visible;mso-wrap-style:square;v-text-anchor:top" coordsize="73685,491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" path="m,l73685,24556,,49112,,xe" fillcolor="black" stroked="f" strokeweight="0">
                  <v:stroke endcap="round"/>
                  <v:path arrowok="t" textboxrect="0,0,73685,49112"/>
                </v:shape>
                <w10:anchorlock/>
              </v:group>
            </w:pict>
          </mc:Fallback>
        </mc:AlternateContent>
      </w:r>
    </w:p>
    <w:p w:rsidR="0043064D" w:rsidRDefault="008B3C4B">
      <w:pPr>
        <w:spacing w:after="297" w:line="259" w:lineRule="auto"/>
        <w:ind w:left="1680" w:firstLine="0"/>
        <w:jc w:val="left"/>
      </w:pPr>
      <w:r>
        <w:t xml:space="preserve"> </w:t>
      </w:r>
    </w:p>
    <w:p w:rsidR="0043064D" w:rsidRDefault="008B3C4B">
      <w:pPr>
        <w:spacing w:after="333" w:line="265" w:lineRule="auto"/>
        <w:ind w:right="10"/>
        <w:jc w:val="center"/>
      </w:pPr>
      <w:r>
        <w:t xml:space="preserve">Рис. 20. Так работает порт завершения ввода-вывода </w:t>
      </w:r>
    </w:p>
    <w:p w:rsidR="0043064D" w:rsidRDefault="008B3C4B">
      <w:pPr>
        <w:ind w:left="-5" w:right="1"/>
      </w:pPr>
      <w:proofErr w:type="spellStart"/>
      <w:r>
        <w:t>Microsoft</w:t>
      </w:r>
      <w:proofErr w:type="spellEnd"/>
      <w:r>
        <w:t xml:space="preserve"> рекомендует устанавливать максимальное число активных потоков на порте завершения примерно равным числу CPU в системе. Имейте в виду, что это значение может быть превышено. Допустим, вы задали, что максимальное значение должно быть равно 1. При п</w:t>
      </w:r>
      <w:r>
        <w:t>оступлении клиентского запроса выделенный для его обработки поток становится активным. Поступает второй запрос, но второй поток не может продолжить его обработку, так как лимит уже достигнут. Затем первый поток блокируется в ожидании файлового ввода-вывода</w:t>
      </w:r>
      <w:r>
        <w:t xml:space="preserve"> и становится неактивным. Тогда освобождается второй поток и, пока он активен, завершается файловый ввод-вывод для первого потока, в результате чего первый поток вновь активизируется. С этого момента и до блокировки одного из потоков число активных потоков</w:t>
      </w:r>
      <w:r>
        <w:t xml:space="preserve"> превышает установленный лимит на 1. </w:t>
      </w:r>
    </w:p>
    <w:p w:rsidR="0043064D" w:rsidRDefault="008B3C4B">
      <w:pPr>
        <w:pStyle w:val="4"/>
        <w:ind w:left="-5"/>
      </w:pPr>
      <w:r>
        <w:t xml:space="preserve">Как работает порт завершения ввода-вывода </w:t>
      </w:r>
    </w:p>
    <w:p w:rsidR="0043064D" w:rsidRDefault="008B3C4B">
      <w:pPr>
        <w:spacing w:after="132" w:line="249" w:lineRule="auto"/>
        <w:ind w:left="-5" w:right="-10"/>
        <w:jc w:val="left"/>
      </w:pPr>
      <w:proofErr w:type="spellStart"/>
      <w:r>
        <w:t>Windows</w:t>
      </w:r>
      <w:proofErr w:type="spellEnd"/>
      <w:r>
        <w:t xml:space="preserve">-приложения </w:t>
      </w:r>
      <w:r>
        <w:tab/>
        <w:t xml:space="preserve">создают </w:t>
      </w:r>
      <w:r>
        <w:tab/>
        <w:t xml:space="preserve">порты </w:t>
      </w:r>
      <w:r>
        <w:tab/>
        <w:t xml:space="preserve">завершения </w:t>
      </w:r>
      <w:r>
        <w:tab/>
        <w:t xml:space="preserve">вызовом </w:t>
      </w:r>
      <w:r>
        <w:tab/>
      </w:r>
      <w:proofErr w:type="spellStart"/>
      <w:r>
        <w:t>Windows</w:t>
      </w:r>
      <w:proofErr w:type="spellEnd"/>
      <w:r>
        <w:t xml:space="preserve">-функции </w:t>
      </w:r>
      <w:proofErr w:type="spellStart"/>
      <w:r>
        <w:rPr>
          <w:rFonts w:ascii="Courier New" w:eastAsia="Courier New" w:hAnsi="Courier New" w:cs="Courier New"/>
        </w:rPr>
        <w:t>CreateloCompletionPort</w:t>
      </w:r>
      <w:proofErr w:type="spellEnd"/>
      <w:r>
        <w:t xml:space="preserve"> с указанием NULL вместо описателя порта завершения. Это приводит </w:t>
      </w:r>
      <w:r>
        <w:tab/>
        <w:t xml:space="preserve">к </w:t>
      </w:r>
      <w:r>
        <w:tab/>
        <w:t>выполнению</w:t>
      </w:r>
      <w:r>
        <w:t xml:space="preserve"> </w:t>
      </w:r>
      <w:r>
        <w:tab/>
        <w:t xml:space="preserve">системного </w:t>
      </w:r>
      <w:r>
        <w:tab/>
        <w:t xml:space="preserve">сервиса </w:t>
      </w:r>
      <w:proofErr w:type="spellStart"/>
      <w:r>
        <w:rPr>
          <w:rFonts w:ascii="Courier New" w:eastAsia="Courier New" w:hAnsi="Courier New" w:cs="Courier New"/>
        </w:rPr>
        <w:t>NtCreateloCompletion</w:t>
      </w:r>
      <w:proofErr w:type="spellEnd"/>
      <w:r>
        <w:t xml:space="preserve">. </w:t>
      </w:r>
      <w:r>
        <w:tab/>
        <w:t xml:space="preserve">Объект </w:t>
      </w:r>
      <w:proofErr w:type="spellStart"/>
      <w:r>
        <w:rPr>
          <w:rFonts w:ascii="Courier New" w:eastAsia="Courier New" w:hAnsi="Courier New" w:cs="Courier New"/>
        </w:rPr>
        <w:t>IoCompletion</w:t>
      </w:r>
      <w:proofErr w:type="spellEnd"/>
      <w:r>
        <w:t xml:space="preserve"> исполнительной системы, построенный на основе синхронизующего объекта ядра, называется очередью. Таким образом, </w:t>
      </w:r>
      <w:r>
        <w:lastRenderedPageBreak/>
        <w:t>системный сервис создаст объект «порт завершения» и инициализирует объект «очер</w:t>
      </w:r>
      <w:r>
        <w:t>едь» в памяти, выделенной для порта. (Указатель на порт ссылается и на объект «очередь», так как последний находится в начальной области памяти порта.) Максимальное число сопоставленных с портом потоков, которые могут быть активны, указывается в объекте «о</w:t>
      </w:r>
      <w:r>
        <w:t xml:space="preserve">чередь» при его инициализации; это значение, которое было передано в </w:t>
      </w:r>
      <w:proofErr w:type="spellStart"/>
      <w:r>
        <w:rPr>
          <w:rFonts w:ascii="Courier New" w:eastAsia="Courier New" w:hAnsi="Courier New" w:cs="Courier New"/>
        </w:rPr>
        <w:t>CreateIoCompletionPort</w:t>
      </w:r>
      <w:proofErr w:type="spellEnd"/>
      <w:r>
        <w:t xml:space="preserve">. Для инициализации объекта «очередь» порта завершения </w:t>
      </w:r>
      <w:proofErr w:type="spellStart"/>
      <w:r>
        <w:rPr>
          <w:rFonts w:ascii="Courier New" w:eastAsia="Courier New" w:hAnsi="Courier New" w:cs="Courier New"/>
        </w:rPr>
        <w:t>NtCreateIoCompletion</w:t>
      </w:r>
      <w:proofErr w:type="spellEnd"/>
      <w:r>
        <w:t xml:space="preserve"> вызывает функцию </w:t>
      </w:r>
      <w:proofErr w:type="spellStart"/>
      <w:r>
        <w:rPr>
          <w:rFonts w:ascii="Courier New" w:eastAsia="Courier New" w:hAnsi="Courier New" w:cs="Courier New"/>
        </w:rPr>
        <w:t>KeInitializeQueue</w:t>
      </w:r>
      <w:proofErr w:type="spellEnd"/>
      <w:r>
        <w:t xml:space="preserve">. </w:t>
      </w:r>
    </w:p>
    <w:p w:rsidR="0043064D" w:rsidRDefault="008B3C4B">
      <w:pPr>
        <w:spacing w:after="21"/>
        <w:ind w:left="-5" w:right="1"/>
      </w:pPr>
      <w:r>
        <w:t xml:space="preserve">Когда приложение обращается к </w:t>
      </w:r>
      <w:proofErr w:type="spellStart"/>
      <w:r>
        <w:rPr>
          <w:rFonts w:ascii="Courier New" w:eastAsia="Courier New" w:hAnsi="Courier New" w:cs="Courier New"/>
        </w:rPr>
        <w:t>CreateloCompletionPort</w:t>
      </w:r>
      <w:proofErr w:type="spellEnd"/>
      <w:r>
        <w:t xml:space="preserve"> для связывания описателя файла с портом, вызывается системный сервис </w:t>
      </w:r>
      <w:proofErr w:type="spellStart"/>
      <w:r>
        <w:rPr>
          <w:rFonts w:ascii="Courier New" w:eastAsia="Courier New" w:hAnsi="Courier New" w:cs="Courier New"/>
        </w:rPr>
        <w:t>NtSetlnformationFile</w:t>
      </w:r>
      <w:proofErr w:type="spellEnd"/>
      <w:r>
        <w:t xml:space="preserve">, которому передается описатель этого файла. При этом класс информации для </w:t>
      </w:r>
    </w:p>
    <w:p w:rsidR="0043064D" w:rsidRDefault="008B3C4B">
      <w:pPr>
        <w:ind w:left="-5" w:right="1"/>
      </w:pPr>
      <w:proofErr w:type="spellStart"/>
      <w:r>
        <w:rPr>
          <w:rFonts w:ascii="Courier New" w:eastAsia="Courier New" w:hAnsi="Courier New" w:cs="Courier New"/>
        </w:rPr>
        <w:t>NtSetInformationFile</w:t>
      </w:r>
      <w:proofErr w:type="spellEnd"/>
      <w:r>
        <w:t xml:space="preserve"> устанавливается как </w:t>
      </w:r>
      <w:proofErr w:type="spellStart"/>
      <w:r>
        <w:rPr>
          <w:rFonts w:ascii="Courier New" w:eastAsia="Courier New" w:hAnsi="Courier New" w:cs="Courier New"/>
        </w:rPr>
        <w:t>FileCompletionlnformation</w:t>
      </w:r>
      <w:proofErr w:type="spellEnd"/>
      <w:r>
        <w:t>, и, кроме того, эта фун</w:t>
      </w:r>
      <w:r>
        <w:t xml:space="preserve">кция принимает описатель порта завершения и параметр </w:t>
      </w:r>
      <w:proofErr w:type="spellStart"/>
      <w:r>
        <w:rPr>
          <w:rFonts w:ascii="Courier New" w:eastAsia="Courier New" w:hAnsi="Courier New" w:cs="Courier New"/>
        </w:rPr>
        <w:t>CompletionKey</w:t>
      </w:r>
      <w:proofErr w:type="spellEnd"/>
      <w:r>
        <w:t xml:space="preserve">, ранее переданный в </w:t>
      </w:r>
      <w:proofErr w:type="spellStart"/>
      <w:r>
        <w:rPr>
          <w:rFonts w:ascii="Courier New" w:eastAsia="Courier New" w:hAnsi="Courier New" w:cs="Courier New"/>
        </w:rPr>
        <w:t>CreateIoCompletionPort</w:t>
      </w:r>
      <w:proofErr w:type="spellEnd"/>
      <w:r>
        <w:t xml:space="preserve">. Функция </w:t>
      </w:r>
      <w:proofErr w:type="spellStart"/>
      <w:r>
        <w:rPr>
          <w:rFonts w:ascii="Courier New" w:eastAsia="Courier New" w:hAnsi="Courier New" w:cs="Courier New"/>
        </w:rPr>
        <w:t>NtSetInformationFile</w:t>
      </w:r>
      <w:proofErr w:type="spellEnd"/>
      <w:r>
        <w:t xml:space="preserve"> производит разыменование описателя файла для получения объекта «файл» и создает структуру данных контекста завершени</w:t>
      </w:r>
      <w:r>
        <w:t xml:space="preserve">я. </w:t>
      </w:r>
    </w:p>
    <w:p w:rsidR="0043064D" w:rsidRDefault="008B3C4B">
      <w:pPr>
        <w:ind w:left="-5" w:right="1"/>
      </w:pPr>
      <w:r>
        <w:t xml:space="preserve">Указатель на эту структуру </w:t>
      </w:r>
      <w:proofErr w:type="spellStart"/>
      <w:r>
        <w:rPr>
          <w:rFonts w:ascii="Courier New" w:eastAsia="Courier New" w:hAnsi="Courier New" w:cs="Courier New"/>
        </w:rPr>
        <w:t>NtSetlnformationFile</w:t>
      </w:r>
      <w:proofErr w:type="spellEnd"/>
      <w:r>
        <w:t xml:space="preserve"> помещает в поле </w:t>
      </w:r>
      <w:proofErr w:type="spellStart"/>
      <w:r>
        <w:rPr>
          <w:rFonts w:ascii="Courier New" w:eastAsia="Courier New" w:hAnsi="Courier New" w:cs="Courier New"/>
        </w:rPr>
        <w:t>СompletianContext</w:t>
      </w:r>
      <w:proofErr w:type="spellEnd"/>
      <w:r>
        <w:t xml:space="preserve"> объекта «файл». По завершении асинхронной операции ввода-вывода для объекта «файл» диспетчер ввода-вывода проверяет, отличается ли поле </w:t>
      </w:r>
      <w:proofErr w:type="spellStart"/>
      <w:r>
        <w:rPr>
          <w:rFonts w:ascii="Courier New" w:eastAsia="Courier New" w:hAnsi="Courier New" w:cs="Courier New"/>
        </w:rPr>
        <w:t>CompletionContext</w:t>
      </w:r>
      <w:proofErr w:type="spellEnd"/>
      <w:r>
        <w:t xml:space="preserve"> от </w:t>
      </w:r>
      <w:r>
        <w:rPr>
          <w:rFonts w:ascii="Courier New" w:eastAsia="Courier New" w:hAnsi="Courier New" w:cs="Courier New"/>
        </w:rPr>
        <w:t>NULL</w:t>
      </w:r>
      <w:r>
        <w:t>. Если да</w:t>
      </w:r>
      <w:r>
        <w:t xml:space="preserve">, он создает пакет завершения и ставит его в очередь порта завершения вызовом </w:t>
      </w:r>
      <w:proofErr w:type="spellStart"/>
      <w:r>
        <w:rPr>
          <w:rFonts w:ascii="Courier New" w:eastAsia="Courier New" w:hAnsi="Courier New" w:cs="Courier New"/>
        </w:rPr>
        <w:t>KeInsertQueue</w:t>
      </w:r>
      <w:proofErr w:type="spellEnd"/>
      <w:r>
        <w:t xml:space="preserve">; при этом в качестве очереди, в которую помещается пакет, указывается порт. (Здесь объект «порт завершения» — синоним объекта «очередь».) </w:t>
      </w:r>
    </w:p>
    <w:p w:rsidR="0043064D" w:rsidRDefault="008B3C4B">
      <w:pPr>
        <w:spacing w:after="132" w:line="249" w:lineRule="auto"/>
        <w:ind w:left="-5" w:right="-10"/>
        <w:jc w:val="left"/>
      </w:pPr>
      <w:r>
        <w:t>Когда серверный поток выз</w:t>
      </w:r>
      <w:r>
        <w:t xml:space="preserve">ывает </w:t>
      </w:r>
      <w:proofErr w:type="spellStart"/>
      <w:r>
        <w:rPr>
          <w:rFonts w:ascii="Courier New" w:eastAsia="Courier New" w:hAnsi="Courier New" w:cs="Courier New"/>
        </w:rPr>
        <w:t>GetQueuedCompletionStatus</w:t>
      </w:r>
      <w:proofErr w:type="spellEnd"/>
      <w:r>
        <w:t xml:space="preserve">, выполняется системный сервис </w:t>
      </w:r>
      <w:proofErr w:type="spellStart"/>
      <w:r>
        <w:rPr>
          <w:rFonts w:ascii="Courier New" w:eastAsia="Courier New" w:hAnsi="Courier New" w:cs="Courier New"/>
        </w:rPr>
        <w:t>NtRemoveIoCompletion</w:t>
      </w:r>
      <w:proofErr w:type="spellEnd"/>
      <w:r>
        <w:t xml:space="preserve">. После проверки параметров и преобразования описателя порта завершения в указатель на порт </w:t>
      </w:r>
      <w:proofErr w:type="spellStart"/>
      <w:r>
        <w:rPr>
          <w:rFonts w:ascii="Courier New" w:eastAsia="Courier New" w:hAnsi="Courier New" w:cs="Courier New"/>
        </w:rPr>
        <w:t>NtRemoveIoCompletion</w:t>
      </w:r>
      <w:proofErr w:type="spellEnd"/>
      <w:r>
        <w:t xml:space="preserve"> вызывает </w:t>
      </w:r>
      <w:proofErr w:type="spellStart"/>
      <w:r>
        <w:rPr>
          <w:rFonts w:ascii="Courier New" w:eastAsia="Courier New" w:hAnsi="Courier New" w:cs="Courier New"/>
        </w:rPr>
        <w:t>KeRemoveQueue</w:t>
      </w:r>
      <w:proofErr w:type="spellEnd"/>
      <w:r>
        <w:t xml:space="preserve">. </w:t>
      </w:r>
    </w:p>
    <w:p w:rsidR="0043064D" w:rsidRDefault="008B3C4B">
      <w:pPr>
        <w:ind w:left="-5" w:right="1"/>
      </w:pPr>
      <w:r>
        <w:t xml:space="preserve">Как видите, </w:t>
      </w:r>
      <w:proofErr w:type="spellStart"/>
      <w:r>
        <w:rPr>
          <w:rFonts w:ascii="Courier New" w:eastAsia="Courier New" w:hAnsi="Courier New" w:cs="Courier New"/>
        </w:rPr>
        <w:t>KeRemoveQueue</w:t>
      </w:r>
      <w:proofErr w:type="spellEnd"/>
      <w:r>
        <w:t xml:space="preserve"> и </w:t>
      </w:r>
      <w:proofErr w:type="spellStart"/>
      <w:r>
        <w:rPr>
          <w:rFonts w:ascii="Courier New" w:eastAsia="Courier New" w:hAnsi="Courier New" w:cs="Courier New"/>
        </w:rPr>
        <w:t>KelnsertQueue</w:t>
      </w:r>
      <w:proofErr w:type="spellEnd"/>
      <w:r>
        <w:t xml:space="preserve"> — это базовые функции, обеспечивающие работу порта завершения. Они определяют, следует ли активизировать поток, ждущий пакет завершения ввода-вывода. Объект «очередь» поддерживает внутренний счетчик активных потоков и хранит такое значение, к</w:t>
      </w:r>
      <w:r>
        <w:t xml:space="preserve">ак максимальное число активных потоков. Если при вызове потоком </w:t>
      </w:r>
      <w:proofErr w:type="spellStart"/>
      <w:r>
        <w:rPr>
          <w:rFonts w:ascii="Courier New" w:eastAsia="Courier New" w:hAnsi="Courier New" w:cs="Courier New"/>
        </w:rPr>
        <w:t>KeRemoveQueue</w:t>
      </w:r>
      <w:proofErr w:type="spellEnd"/>
      <w:r>
        <w:t xml:space="preserve"> текущее число активных потоков равно максимуму или превышает его, данный поток будет включен (в порядке LIFO) в список потоков, ждущих пакет завершения. Список потоков отделен от</w:t>
      </w:r>
      <w:r>
        <w:t xml:space="preserve"> объекта «очередь». В блоке управления потоком имеется поле для указателя на очередь, сопоставленную с объектом «очередь»; если это поле пустое, поток не связан с очередью. </w:t>
      </w:r>
    </w:p>
    <w:p w:rsidR="0043064D" w:rsidRDefault="008B3C4B">
      <w:pPr>
        <w:spacing w:after="34"/>
        <w:ind w:left="-5" w:right="1"/>
      </w:pPr>
      <w:proofErr w:type="spellStart"/>
      <w:r>
        <w:t>Windows</w:t>
      </w:r>
      <w:proofErr w:type="spellEnd"/>
      <w:r>
        <w:t xml:space="preserve"> отслеживает потоки, ставшие неактивными из-за ожидания на каких-либо объек</w:t>
      </w:r>
      <w:r>
        <w:t>тах, отличных от порта завершения, по указателю на очередь, присутствующему в блоке управления потоком. Процедуры планировщика, в результате выполнения которых поток может быть блокирован (</w:t>
      </w:r>
      <w:proofErr w:type="spellStart"/>
      <w:r>
        <w:rPr>
          <w:rFonts w:ascii="Courier New" w:eastAsia="Courier New" w:hAnsi="Courier New" w:cs="Courier New"/>
        </w:rPr>
        <w:t>КеWaitForSingleObject</w:t>
      </w:r>
      <w:proofErr w:type="spellEnd"/>
      <w:r>
        <w:t xml:space="preserve">, </w:t>
      </w:r>
    </w:p>
    <w:p w:rsidR="0043064D" w:rsidRDefault="008B3C4B">
      <w:pPr>
        <w:ind w:left="-5" w:right="1"/>
      </w:pPr>
      <w:proofErr w:type="spellStart"/>
      <w:r>
        <w:rPr>
          <w:rFonts w:ascii="Courier New" w:eastAsia="Courier New" w:hAnsi="Courier New" w:cs="Courier New"/>
        </w:rPr>
        <w:t>KeDelayExecutionThread</w:t>
      </w:r>
      <w:proofErr w:type="spellEnd"/>
      <w:r>
        <w:t xml:space="preserve"> и т.д.), проверяют э</w:t>
      </w:r>
      <w:r>
        <w:t xml:space="preserve">тот указатель. Если он не равен </w:t>
      </w:r>
      <w:r>
        <w:rPr>
          <w:rFonts w:ascii="Courier New" w:eastAsia="Courier New" w:hAnsi="Courier New" w:cs="Courier New"/>
        </w:rPr>
        <w:t>NULL</w:t>
      </w:r>
      <w:r>
        <w:t xml:space="preserve">, они вызывают функцию </w:t>
      </w:r>
      <w:proofErr w:type="spellStart"/>
      <w:r>
        <w:rPr>
          <w:rFonts w:ascii="Courier New" w:eastAsia="Courier New" w:hAnsi="Courier New" w:cs="Courier New"/>
        </w:rPr>
        <w:t>KiActivateWaiterQueue</w:t>
      </w:r>
      <w:proofErr w:type="spellEnd"/>
      <w:r>
        <w:t>, которая уменьшает счетчик числа активных потоков, сопоставленных с очередью. Если конечное число меньше максимального и в очереди есть хотя бы один пакет завершения, первый п</w:t>
      </w:r>
      <w:r>
        <w:t xml:space="preserve">оток из списка потоков очереди пробуждается и получает самый старый пакет. И напротив, всякий раз, когда после блокировки пробуждается поток, связанный с очередью, планировщик выполняет функцию </w:t>
      </w:r>
      <w:proofErr w:type="spellStart"/>
      <w:r>
        <w:rPr>
          <w:rFonts w:ascii="Courier New" w:eastAsia="Courier New" w:hAnsi="Courier New" w:cs="Courier New"/>
        </w:rPr>
        <w:t>KiUnwaitThread</w:t>
      </w:r>
      <w:proofErr w:type="spellEnd"/>
      <w:r>
        <w:t>, увеличивающую счетчик числа активных потоков о</w:t>
      </w:r>
      <w:r>
        <w:t xml:space="preserve">череди. </w:t>
      </w:r>
    </w:p>
    <w:p w:rsidR="0043064D" w:rsidRDefault="008B3C4B">
      <w:pPr>
        <w:spacing w:after="132" w:line="249" w:lineRule="auto"/>
        <w:ind w:left="-5" w:right="-10"/>
        <w:jc w:val="left"/>
      </w:pPr>
      <w:r>
        <w:t xml:space="preserve">Наконец, в результате вызова </w:t>
      </w:r>
      <w:proofErr w:type="spellStart"/>
      <w:r>
        <w:t>Windows</w:t>
      </w:r>
      <w:proofErr w:type="spellEnd"/>
      <w:r>
        <w:t xml:space="preserve">-функции </w:t>
      </w:r>
      <w:proofErr w:type="spellStart"/>
      <w:r>
        <w:rPr>
          <w:rFonts w:ascii="Courier New" w:eastAsia="Courier New" w:hAnsi="Courier New" w:cs="Courier New"/>
        </w:rPr>
        <w:t>PostQueuedCompletionStatus</w:t>
      </w:r>
      <w:proofErr w:type="spellEnd"/>
      <w:r>
        <w:t xml:space="preserve"> выполняется системный сервис </w:t>
      </w:r>
      <w:proofErr w:type="spellStart"/>
      <w:r>
        <w:rPr>
          <w:rFonts w:ascii="Courier New" w:eastAsia="Courier New" w:hAnsi="Courier New" w:cs="Courier New"/>
        </w:rPr>
        <w:t>NtSetIoCornpletion</w:t>
      </w:r>
      <w:proofErr w:type="spellEnd"/>
      <w:r>
        <w:t xml:space="preserve">, который просто вставляет с помощью </w:t>
      </w:r>
      <w:proofErr w:type="spellStart"/>
      <w:r>
        <w:rPr>
          <w:rFonts w:ascii="Courier New" w:eastAsia="Courier New" w:hAnsi="Courier New" w:cs="Courier New"/>
        </w:rPr>
        <w:t>KelnsertQueue</w:t>
      </w:r>
      <w:proofErr w:type="spellEnd"/>
      <w:r>
        <w:t xml:space="preserve"> специальный пакет в очередь порта завершения. </w:t>
      </w:r>
    </w:p>
    <w:p w:rsidR="0043064D" w:rsidRDefault="008B3C4B">
      <w:pPr>
        <w:spacing w:after="132" w:line="249" w:lineRule="auto"/>
        <w:ind w:left="-5" w:right="-10"/>
        <w:jc w:val="left"/>
      </w:pPr>
      <w:r>
        <w:t>Порт завершения в действии пок</w:t>
      </w:r>
      <w:r>
        <w:t xml:space="preserve">азан на Рис. 21. Хотя к обработке пакетов завершения готовы два потока, максимум, равный 1, допускает активизацию только одного потока, связанного с портом завершения. Таким образом, на этом порте завершения блокируется два потока. </w:t>
      </w:r>
    </w:p>
    <w:p w:rsidR="0043064D" w:rsidRDefault="008B3C4B">
      <w:pPr>
        <w:spacing w:after="365" w:line="259" w:lineRule="auto"/>
        <w:ind w:left="714" w:firstLine="0"/>
        <w:jc w:val="left"/>
      </w:pPr>
      <w:r>
        <w:rPr>
          <w:rFonts w:ascii="Calibri" w:eastAsia="Calibri" w:hAnsi="Calibri" w:cs="Calibri"/>
          <w:noProof/>
          <w:sz w:val="22"/>
        </w:rPr>
        <w:lastRenderedPageBreak/>
        <mc:AlternateContent>
          <mc:Choice Requires="wpg">
            <w:drawing>
              <wp:inline distT="0" distB="0" distL="0" distR="0">
                <wp:extent cx="5095623" cy="2474936"/>
                <wp:effectExtent l="0" t="0" r="0" b="0"/>
                <wp:docPr id="62381" name="Group 62381"/>
                <wp:cNvGraphicFramePr/>
                <a:graphic xmlns:a="http://schemas.openxmlformats.org/drawingml/2006/main">
                  <a:graphicData uri="http://schemas.microsoft.com/office/word/2010/wordprocessingGroup">
                    <wpg:wgp>
                      <wpg:cNvGrpSpPr/>
                      <wpg:grpSpPr>
                        <a:xfrm>
                          <a:off x="0" y="0"/>
                          <a:ext cx="5095623" cy="2474936"/>
                          <a:chOff x="0" y="0"/>
                          <a:chExt cx="5095623" cy="2474936"/>
                        </a:xfrm>
                      </wpg:grpSpPr>
                      <wps:wsp>
                        <wps:cNvPr id="6209" name="Shape 6209"/>
                        <wps:cNvSpPr/>
                        <wps:spPr>
                          <a:xfrm>
                            <a:off x="2638919" y="8496"/>
                            <a:ext cx="1080712" cy="302182"/>
                          </a:xfrm>
                          <a:custGeom>
                            <a:avLst/>
                            <a:gdLst/>
                            <a:ahLst/>
                            <a:cxnLst/>
                            <a:rect l="0" t="0" r="0" b="0"/>
                            <a:pathLst>
                              <a:path w="1080712" h="302182">
                                <a:moveTo>
                                  <a:pt x="540400" y="0"/>
                                </a:moveTo>
                                <a:cubicBezTo>
                                  <a:pt x="838840" y="0"/>
                                  <a:pt x="1080712" y="67684"/>
                                  <a:pt x="1080712" y="151091"/>
                                </a:cubicBezTo>
                                <a:cubicBezTo>
                                  <a:pt x="1080712" y="234498"/>
                                  <a:pt x="838840" y="302182"/>
                                  <a:pt x="540400" y="302182"/>
                                </a:cubicBezTo>
                                <a:cubicBezTo>
                                  <a:pt x="241961" y="302182"/>
                                  <a:pt x="0" y="234498"/>
                                  <a:pt x="0" y="151091"/>
                                </a:cubicBezTo>
                                <a:cubicBezTo>
                                  <a:pt x="0" y="67684"/>
                                  <a:pt x="241961" y="0"/>
                                  <a:pt x="540400" y="0"/>
                                </a:cubicBezTo>
                                <a:close/>
                              </a:path>
                            </a:pathLst>
                          </a:custGeom>
                          <a:ln w="0" cap="flat">
                            <a:miter lim="127000"/>
                          </a:ln>
                        </wps:spPr>
                        <wps:style>
                          <a:lnRef idx="0">
                            <a:srgbClr val="000000">
                              <a:alpha val="0"/>
                            </a:srgbClr>
                          </a:lnRef>
                          <a:fillRef idx="1">
                            <a:srgbClr val="F2F2F2"/>
                          </a:fillRef>
                          <a:effectRef idx="0">
                            <a:scrgbClr r="0" g="0" b="0"/>
                          </a:effectRef>
                          <a:fontRef idx="none"/>
                        </wps:style>
                        <wps:bodyPr/>
                      </wps:wsp>
                      <wps:wsp>
                        <wps:cNvPr id="6210" name="Shape 6210"/>
                        <wps:cNvSpPr/>
                        <wps:spPr>
                          <a:xfrm>
                            <a:off x="2638919" y="8496"/>
                            <a:ext cx="1080712" cy="302182"/>
                          </a:xfrm>
                          <a:custGeom>
                            <a:avLst/>
                            <a:gdLst/>
                            <a:ahLst/>
                            <a:cxnLst/>
                            <a:rect l="0" t="0" r="0" b="0"/>
                            <a:pathLst>
                              <a:path w="1080712" h="302182">
                                <a:moveTo>
                                  <a:pt x="1080712" y="151091"/>
                                </a:moveTo>
                                <a:cubicBezTo>
                                  <a:pt x="1080712" y="67684"/>
                                  <a:pt x="838840" y="0"/>
                                  <a:pt x="540400" y="0"/>
                                </a:cubicBezTo>
                                <a:cubicBezTo>
                                  <a:pt x="241961" y="0"/>
                                  <a:pt x="0" y="67684"/>
                                  <a:pt x="0" y="151091"/>
                                </a:cubicBezTo>
                                <a:cubicBezTo>
                                  <a:pt x="0" y="234498"/>
                                  <a:pt x="241961" y="302182"/>
                                  <a:pt x="540400" y="302182"/>
                                </a:cubicBezTo>
                                <a:cubicBezTo>
                                  <a:pt x="838840" y="302182"/>
                                  <a:pt x="1080712" y="234498"/>
                                  <a:pt x="1080712" y="151091"/>
                                </a:cubicBezTo>
                                <a:close/>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11" name="Rectangle 6211"/>
                        <wps:cNvSpPr/>
                        <wps:spPr>
                          <a:xfrm>
                            <a:off x="2787429" y="113963"/>
                            <a:ext cx="524322"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Объект </w:t>
                              </w:r>
                            </w:p>
                          </w:txbxContent>
                        </wps:txbx>
                        <wps:bodyPr horzOverflow="overflow" vert="horz" lIns="0" tIns="0" rIns="0" bIns="0" rtlCol="0">
                          <a:noAutofit/>
                        </wps:bodyPr>
                      </wps:wsp>
                      <wps:wsp>
                        <wps:cNvPr id="6212" name="Rectangle 6212"/>
                        <wps:cNvSpPr/>
                        <wps:spPr>
                          <a:xfrm>
                            <a:off x="3181624" y="113963"/>
                            <a:ext cx="78679"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6213" name="Rectangle 6213"/>
                        <wps:cNvSpPr/>
                        <wps:spPr>
                          <a:xfrm>
                            <a:off x="3240762" y="113963"/>
                            <a:ext cx="360819"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оток</w:t>
                              </w:r>
                            </w:p>
                          </w:txbxContent>
                        </wps:txbx>
                        <wps:bodyPr horzOverflow="overflow" vert="horz" lIns="0" tIns="0" rIns="0" bIns="0" rtlCol="0">
                          <a:noAutofit/>
                        </wps:bodyPr>
                      </wps:wsp>
                      <wps:wsp>
                        <wps:cNvPr id="6214" name="Rectangle 6214"/>
                        <wps:cNvSpPr/>
                        <wps:spPr>
                          <a:xfrm>
                            <a:off x="3511982" y="113963"/>
                            <a:ext cx="78679"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6215" name="Shape 6215"/>
                        <wps:cNvSpPr/>
                        <wps:spPr>
                          <a:xfrm>
                            <a:off x="3945810" y="8496"/>
                            <a:ext cx="1080712" cy="302182"/>
                          </a:xfrm>
                          <a:custGeom>
                            <a:avLst/>
                            <a:gdLst/>
                            <a:ahLst/>
                            <a:cxnLst/>
                            <a:rect l="0" t="0" r="0" b="0"/>
                            <a:pathLst>
                              <a:path w="1080712" h="302182">
                                <a:moveTo>
                                  <a:pt x="540400" y="0"/>
                                </a:moveTo>
                                <a:cubicBezTo>
                                  <a:pt x="838840" y="0"/>
                                  <a:pt x="1080712" y="67684"/>
                                  <a:pt x="1080712" y="151091"/>
                                </a:cubicBezTo>
                                <a:cubicBezTo>
                                  <a:pt x="1080712" y="234498"/>
                                  <a:pt x="838840" y="302182"/>
                                  <a:pt x="540400" y="302182"/>
                                </a:cubicBezTo>
                                <a:cubicBezTo>
                                  <a:pt x="241961" y="302182"/>
                                  <a:pt x="0" y="234498"/>
                                  <a:pt x="0" y="151091"/>
                                </a:cubicBezTo>
                                <a:cubicBezTo>
                                  <a:pt x="0" y="67684"/>
                                  <a:pt x="241961" y="0"/>
                                  <a:pt x="540400"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6216" name="Shape 6216"/>
                        <wps:cNvSpPr/>
                        <wps:spPr>
                          <a:xfrm>
                            <a:off x="3945810" y="8496"/>
                            <a:ext cx="1080712" cy="302182"/>
                          </a:xfrm>
                          <a:custGeom>
                            <a:avLst/>
                            <a:gdLst/>
                            <a:ahLst/>
                            <a:cxnLst/>
                            <a:rect l="0" t="0" r="0" b="0"/>
                            <a:pathLst>
                              <a:path w="1080712" h="302182">
                                <a:moveTo>
                                  <a:pt x="1080712" y="151091"/>
                                </a:moveTo>
                                <a:cubicBezTo>
                                  <a:pt x="1080712" y="67684"/>
                                  <a:pt x="838840" y="0"/>
                                  <a:pt x="540400" y="0"/>
                                </a:cubicBezTo>
                                <a:cubicBezTo>
                                  <a:pt x="241961" y="0"/>
                                  <a:pt x="0" y="67684"/>
                                  <a:pt x="0" y="151091"/>
                                </a:cubicBezTo>
                                <a:cubicBezTo>
                                  <a:pt x="0" y="234498"/>
                                  <a:pt x="241961" y="302182"/>
                                  <a:pt x="540400" y="302182"/>
                                </a:cubicBezTo>
                                <a:cubicBezTo>
                                  <a:pt x="838840" y="302182"/>
                                  <a:pt x="1080712" y="234498"/>
                                  <a:pt x="1080712" y="151091"/>
                                </a:cubicBezTo>
                                <a:close/>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17" name="Rectangle 6217"/>
                        <wps:cNvSpPr/>
                        <wps:spPr>
                          <a:xfrm>
                            <a:off x="4094320" y="113963"/>
                            <a:ext cx="524322"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Объект </w:t>
                              </w:r>
                            </w:p>
                          </w:txbxContent>
                        </wps:txbx>
                        <wps:bodyPr horzOverflow="overflow" vert="horz" lIns="0" tIns="0" rIns="0" bIns="0" rtlCol="0">
                          <a:noAutofit/>
                        </wps:bodyPr>
                      </wps:wsp>
                      <wps:wsp>
                        <wps:cNvPr id="6218" name="Rectangle 6218"/>
                        <wps:cNvSpPr/>
                        <wps:spPr>
                          <a:xfrm>
                            <a:off x="4488515" y="113963"/>
                            <a:ext cx="78679"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6219" name="Rectangle 6219"/>
                        <wps:cNvSpPr/>
                        <wps:spPr>
                          <a:xfrm>
                            <a:off x="4547654" y="113963"/>
                            <a:ext cx="360820"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оток</w:t>
                              </w:r>
                            </w:p>
                          </w:txbxContent>
                        </wps:txbx>
                        <wps:bodyPr horzOverflow="overflow" vert="horz" lIns="0" tIns="0" rIns="0" bIns="0" rtlCol="0">
                          <a:noAutofit/>
                        </wps:bodyPr>
                      </wps:wsp>
                      <wps:wsp>
                        <wps:cNvPr id="6220" name="Rectangle 6220"/>
                        <wps:cNvSpPr/>
                        <wps:spPr>
                          <a:xfrm>
                            <a:off x="4818962" y="113963"/>
                            <a:ext cx="78679"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6222" name="Shape 6222"/>
                        <wps:cNvSpPr/>
                        <wps:spPr>
                          <a:xfrm>
                            <a:off x="0" y="1217136"/>
                            <a:ext cx="1080668" cy="302093"/>
                          </a:xfrm>
                          <a:custGeom>
                            <a:avLst/>
                            <a:gdLst/>
                            <a:ahLst/>
                            <a:cxnLst/>
                            <a:rect l="0" t="0" r="0" b="0"/>
                            <a:pathLst>
                              <a:path w="1080668" h="302093">
                                <a:moveTo>
                                  <a:pt x="1080668" y="151002"/>
                                </a:moveTo>
                                <a:cubicBezTo>
                                  <a:pt x="1080668" y="67596"/>
                                  <a:pt x="838786" y="0"/>
                                  <a:pt x="540356" y="0"/>
                                </a:cubicBezTo>
                                <a:cubicBezTo>
                                  <a:pt x="241926" y="0"/>
                                  <a:pt x="0" y="67596"/>
                                  <a:pt x="0" y="151002"/>
                                </a:cubicBezTo>
                                <a:cubicBezTo>
                                  <a:pt x="0" y="234498"/>
                                  <a:pt x="241926" y="302093"/>
                                  <a:pt x="540356" y="302093"/>
                                </a:cubicBezTo>
                                <a:cubicBezTo>
                                  <a:pt x="838786" y="302093"/>
                                  <a:pt x="1080668" y="234498"/>
                                  <a:pt x="1080668" y="151002"/>
                                </a:cubicBezTo>
                                <a:close/>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23" name="Rectangle 6223"/>
                        <wps:cNvSpPr/>
                        <wps:spPr>
                          <a:xfrm>
                            <a:off x="148457" y="1322514"/>
                            <a:ext cx="524322"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Объект </w:t>
                              </w:r>
                            </w:p>
                          </w:txbxContent>
                        </wps:txbx>
                        <wps:bodyPr horzOverflow="overflow" vert="horz" lIns="0" tIns="0" rIns="0" bIns="0" rtlCol="0">
                          <a:noAutofit/>
                        </wps:bodyPr>
                      </wps:wsp>
                      <wps:wsp>
                        <wps:cNvPr id="6224" name="Rectangle 6224"/>
                        <wps:cNvSpPr/>
                        <wps:spPr>
                          <a:xfrm>
                            <a:off x="542670" y="1322514"/>
                            <a:ext cx="78679"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6225" name="Rectangle 6225"/>
                        <wps:cNvSpPr/>
                        <wps:spPr>
                          <a:xfrm>
                            <a:off x="601844" y="1322514"/>
                            <a:ext cx="360820"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оток</w:t>
                              </w:r>
                            </w:p>
                          </w:txbxContent>
                        </wps:txbx>
                        <wps:bodyPr horzOverflow="overflow" vert="horz" lIns="0" tIns="0" rIns="0" bIns="0" rtlCol="0">
                          <a:noAutofit/>
                        </wps:bodyPr>
                      </wps:wsp>
                      <wps:wsp>
                        <wps:cNvPr id="6226" name="Rectangle 6226"/>
                        <wps:cNvSpPr/>
                        <wps:spPr>
                          <a:xfrm>
                            <a:off x="873108" y="1322514"/>
                            <a:ext cx="78679"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6227" name="Shape 6227"/>
                        <wps:cNvSpPr/>
                        <wps:spPr>
                          <a:xfrm>
                            <a:off x="1203200" y="600247"/>
                            <a:ext cx="1184448" cy="415434"/>
                          </a:xfrm>
                          <a:custGeom>
                            <a:avLst/>
                            <a:gdLst/>
                            <a:ahLst/>
                            <a:cxnLst/>
                            <a:rect l="0" t="0" r="0" b="0"/>
                            <a:pathLst>
                              <a:path w="1184448" h="415434">
                                <a:moveTo>
                                  <a:pt x="592268" y="0"/>
                                </a:moveTo>
                                <a:cubicBezTo>
                                  <a:pt x="919257" y="0"/>
                                  <a:pt x="1184448" y="93000"/>
                                  <a:pt x="1184448" y="207673"/>
                                </a:cubicBezTo>
                                <a:cubicBezTo>
                                  <a:pt x="1184448" y="322434"/>
                                  <a:pt x="919257" y="415434"/>
                                  <a:pt x="592180" y="415434"/>
                                </a:cubicBezTo>
                                <a:cubicBezTo>
                                  <a:pt x="265191" y="415434"/>
                                  <a:pt x="0" y="322434"/>
                                  <a:pt x="0" y="207673"/>
                                </a:cubicBezTo>
                                <a:cubicBezTo>
                                  <a:pt x="0" y="93000"/>
                                  <a:pt x="265191" y="0"/>
                                  <a:pt x="592268"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6228" name="Shape 6228"/>
                        <wps:cNvSpPr/>
                        <wps:spPr>
                          <a:xfrm>
                            <a:off x="1203200" y="600247"/>
                            <a:ext cx="1184448" cy="415434"/>
                          </a:xfrm>
                          <a:custGeom>
                            <a:avLst/>
                            <a:gdLst/>
                            <a:ahLst/>
                            <a:cxnLst/>
                            <a:rect l="0" t="0" r="0" b="0"/>
                            <a:pathLst>
                              <a:path w="1184448" h="415434">
                                <a:moveTo>
                                  <a:pt x="1184448" y="207673"/>
                                </a:moveTo>
                                <a:cubicBezTo>
                                  <a:pt x="1184448" y="93000"/>
                                  <a:pt x="919257" y="0"/>
                                  <a:pt x="592268" y="0"/>
                                </a:cubicBezTo>
                                <a:cubicBezTo>
                                  <a:pt x="265191" y="0"/>
                                  <a:pt x="0" y="93000"/>
                                  <a:pt x="0" y="207673"/>
                                </a:cubicBezTo>
                                <a:cubicBezTo>
                                  <a:pt x="0" y="322434"/>
                                  <a:pt x="265191" y="415434"/>
                                  <a:pt x="592180" y="415434"/>
                                </a:cubicBezTo>
                                <a:cubicBezTo>
                                  <a:pt x="919257" y="415434"/>
                                  <a:pt x="1184448" y="322434"/>
                                  <a:pt x="1184448" y="207673"/>
                                </a:cubicBezTo>
                                <a:close/>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29" name="Rectangle 6229"/>
                        <wps:cNvSpPr/>
                        <wps:spPr>
                          <a:xfrm>
                            <a:off x="1357296" y="698341"/>
                            <a:ext cx="1204772"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Порт завершения </w:t>
                              </w:r>
                            </w:p>
                          </w:txbxContent>
                        </wps:txbx>
                        <wps:bodyPr horzOverflow="overflow" vert="horz" lIns="0" tIns="0" rIns="0" bIns="0" rtlCol="0">
                          <a:noAutofit/>
                        </wps:bodyPr>
                      </wps:wsp>
                      <wps:wsp>
                        <wps:cNvPr id="6230" name="Rectangle 6230"/>
                        <wps:cNvSpPr/>
                        <wps:spPr>
                          <a:xfrm>
                            <a:off x="1445959" y="826249"/>
                            <a:ext cx="390301" cy="13325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ввода</w:t>
                              </w:r>
                            </w:p>
                          </w:txbxContent>
                        </wps:txbx>
                        <wps:bodyPr horzOverflow="overflow" vert="horz" lIns="0" tIns="0" rIns="0" bIns="0" rtlCol="0">
                          <a:noAutofit/>
                        </wps:bodyPr>
                      </wps:wsp>
                      <wps:wsp>
                        <wps:cNvPr id="6231" name="Rectangle 6231"/>
                        <wps:cNvSpPr/>
                        <wps:spPr>
                          <a:xfrm>
                            <a:off x="1739433" y="807386"/>
                            <a:ext cx="47123" cy="15807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6232" name="Rectangle 6232"/>
                        <wps:cNvSpPr/>
                        <wps:spPr>
                          <a:xfrm>
                            <a:off x="1774899" y="826249"/>
                            <a:ext cx="492007" cy="13325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вывода</w:t>
                              </w:r>
                            </w:p>
                          </w:txbxContent>
                        </wps:txbx>
                        <wps:bodyPr horzOverflow="overflow" vert="horz" lIns="0" tIns="0" rIns="0" bIns="0" rtlCol="0">
                          <a:noAutofit/>
                        </wps:bodyPr>
                      </wps:wsp>
                      <wps:wsp>
                        <wps:cNvPr id="6233" name="Shape 6233"/>
                        <wps:cNvSpPr/>
                        <wps:spPr>
                          <a:xfrm>
                            <a:off x="1891047" y="134450"/>
                            <a:ext cx="676498" cy="468462"/>
                          </a:xfrm>
                          <a:custGeom>
                            <a:avLst/>
                            <a:gdLst/>
                            <a:ahLst/>
                            <a:cxnLst/>
                            <a:rect l="0" t="0" r="0" b="0"/>
                            <a:pathLst>
                              <a:path w="676498" h="468462">
                                <a:moveTo>
                                  <a:pt x="0" y="468462"/>
                                </a:moveTo>
                                <a:lnTo>
                                  <a:pt x="0" y="0"/>
                                </a:lnTo>
                                <a:lnTo>
                                  <a:pt x="676498" y="0"/>
                                </a:lnTo>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34" name="Shape 6234"/>
                        <wps:cNvSpPr/>
                        <wps:spPr>
                          <a:xfrm>
                            <a:off x="2560363" y="105671"/>
                            <a:ext cx="86180" cy="57559"/>
                          </a:xfrm>
                          <a:custGeom>
                            <a:avLst/>
                            <a:gdLst/>
                            <a:ahLst/>
                            <a:cxnLst/>
                            <a:rect l="0" t="0" r="0" b="0"/>
                            <a:pathLst>
                              <a:path w="86180" h="57559">
                                <a:moveTo>
                                  <a:pt x="0" y="0"/>
                                </a:moveTo>
                                <a:lnTo>
                                  <a:pt x="86180" y="28779"/>
                                </a:lnTo>
                                <a:lnTo>
                                  <a:pt x="0" y="5755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235" name="Shape 6235"/>
                        <wps:cNvSpPr/>
                        <wps:spPr>
                          <a:xfrm>
                            <a:off x="3719453" y="163940"/>
                            <a:ext cx="147624" cy="0"/>
                          </a:xfrm>
                          <a:custGeom>
                            <a:avLst/>
                            <a:gdLst/>
                            <a:ahLst/>
                            <a:cxnLst/>
                            <a:rect l="0" t="0" r="0" b="0"/>
                            <a:pathLst>
                              <a:path w="147624">
                                <a:moveTo>
                                  <a:pt x="0" y="0"/>
                                </a:moveTo>
                                <a:lnTo>
                                  <a:pt x="147624" y="0"/>
                                </a:lnTo>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36" name="Shape 6236"/>
                        <wps:cNvSpPr/>
                        <wps:spPr>
                          <a:xfrm>
                            <a:off x="3859896" y="135161"/>
                            <a:ext cx="86180" cy="57559"/>
                          </a:xfrm>
                          <a:custGeom>
                            <a:avLst/>
                            <a:gdLst/>
                            <a:ahLst/>
                            <a:cxnLst/>
                            <a:rect l="0" t="0" r="0" b="0"/>
                            <a:pathLst>
                              <a:path w="86180" h="57559">
                                <a:moveTo>
                                  <a:pt x="0" y="0"/>
                                </a:moveTo>
                                <a:lnTo>
                                  <a:pt x="86180" y="28779"/>
                                </a:lnTo>
                                <a:lnTo>
                                  <a:pt x="0" y="5755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237" name="Shape 6237"/>
                        <wps:cNvSpPr/>
                        <wps:spPr>
                          <a:xfrm>
                            <a:off x="2453170" y="310590"/>
                            <a:ext cx="707530" cy="453273"/>
                          </a:xfrm>
                          <a:custGeom>
                            <a:avLst/>
                            <a:gdLst/>
                            <a:ahLst/>
                            <a:cxnLst/>
                            <a:rect l="0" t="0" r="0" b="0"/>
                            <a:pathLst>
                              <a:path w="707530" h="453273">
                                <a:moveTo>
                                  <a:pt x="707530" y="0"/>
                                </a:moveTo>
                                <a:lnTo>
                                  <a:pt x="707530" y="453273"/>
                                </a:lnTo>
                                <a:lnTo>
                                  <a:pt x="0" y="453273"/>
                                </a:lnTo>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38" name="Shape 6238"/>
                        <wps:cNvSpPr/>
                        <wps:spPr>
                          <a:xfrm>
                            <a:off x="2374171" y="735083"/>
                            <a:ext cx="86180" cy="57559"/>
                          </a:xfrm>
                          <a:custGeom>
                            <a:avLst/>
                            <a:gdLst/>
                            <a:ahLst/>
                            <a:cxnLst/>
                            <a:rect l="0" t="0" r="0" b="0"/>
                            <a:pathLst>
                              <a:path w="86180" h="57559">
                                <a:moveTo>
                                  <a:pt x="86180" y="0"/>
                                </a:moveTo>
                                <a:lnTo>
                                  <a:pt x="86180" y="57559"/>
                                </a:lnTo>
                                <a:lnTo>
                                  <a:pt x="0" y="28779"/>
                                </a:lnTo>
                                <a:lnTo>
                                  <a:pt x="8618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239" name="Shape 6239"/>
                        <wps:cNvSpPr/>
                        <wps:spPr>
                          <a:xfrm>
                            <a:off x="2418768" y="310323"/>
                            <a:ext cx="2104503" cy="579493"/>
                          </a:xfrm>
                          <a:custGeom>
                            <a:avLst/>
                            <a:gdLst/>
                            <a:ahLst/>
                            <a:cxnLst/>
                            <a:rect l="0" t="0" r="0" b="0"/>
                            <a:pathLst>
                              <a:path w="2104503" h="579493">
                                <a:moveTo>
                                  <a:pt x="2104503" y="0"/>
                                </a:moveTo>
                                <a:lnTo>
                                  <a:pt x="2104503" y="579493"/>
                                </a:lnTo>
                                <a:lnTo>
                                  <a:pt x="0" y="579493"/>
                                </a:lnTo>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40" name="Shape 6240"/>
                        <wps:cNvSpPr/>
                        <wps:spPr>
                          <a:xfrm>
                            <a:off x="2339770" y="861037"/>
                            <a:ext cx="86180" cy="57559"/>
                          </a:xfrm>
                          <a:custGeom>
                            <a:avLst/>
                            <a:gdLst/>
                            <a:ahLst/>
                            <a:cxnLst/>
                            <a:rect l="0" t="0" r="0" b="0"/>
                            <a:pathLst>
                              <a:path w="86180" h="57559">
                                <a:moveTo>
                                  <a:pt x="86180" y="0"/>
                                </a:moveTo>
                                <a:lnTo>
                                  <a:pt x="86180" y="57559"/>
                                </a:lnTo>
                                <a:lnTo>
                                  <a:pt x="0" y="28779"/>
                                </a:lnTo>
                                <a:lnTo>
                                  <a:pt x="8618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241" name="Shape 6241"/>
                        <wps:cNvSpPr/>
                        <wps:spPr>
                          <a:xfrm>
                            <a:off x="508943" y="839453"/>
                            <a:ext cx="622086" cy="377950"/>
                          </a:xfrm>
                          <a:custGeom>
                            <a:avLst/>
                            <a:gdLst/>
                            <a:ahLst/>
                            <a:cxnLst/>
                            <a:rect l="0" t="0" r="0" b="0"/>
                            <a:pathLst>
                              <a:path w="622086" h="377950">
                                <a:moveTo>
                                  <a:pt x="0" y="377950"/>
                                </a:moveTo>
                                <a:lnTo>
                                  <a:pt x="0" y="0"/>
                                </a:lnTo>
                                <a:lnTo>
                                  <a:pt x="622086" y="0"/>
                                </a:lnTo>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42" name="Shape 6242"/>
                        <wps:cNvSpPr/>
                        <wps:spPr>
                          <a:xfrm>
                            <a:off x="1123847" y="810673"/>
                            <a:ext cx="86180" cy="57559"/>
                          </a:xfrm>
                          <a:custGeom>
                            <a:avLst/>
                            <a:gdLst/>
                            <a:ahLst/>
                            <a:cxnLst/>
                            <a:rect l="0" t="0" r="0" b="0"/>
                            <a:pathLst>
                              <a:path w="86180" h="57559">
                                <a:moveTo>
                                  <a:pt x="0" y="0"/>
                                </a:moveTo>
                                <a:lnTo>
                                  <a:pt x="86180" y="28779"/>
                                </a:lnTo>
                                <a:lnTo>
                                  <a:pt x="0" y="5755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243" name="Rectangle 6243"/>
                        <wps:cNvSpPr/>
                        <wps:spPr>
                          <a:xfrm>
                            <a:off x="1791833" y="0"/>
                            <a:ext cx="1076610"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Ждущие потоки </w:t>
                              </w:r>
                            </w:p>
                          </w:txbxContent>
                        </wps:txbx>
                        <wps:bodyPr horzOverflow="overflow" vert="horz" lIns="0" tIns="0" rIns="0" bIns="0" rtlCol="0">
                          <a:noAutofit/>
                        </wps:bodyPr>
                      </wps:wsp>
                      <wps:wsp>
                        <wps:cNvPr id="6244" name="Rectangle 6244"/>
                        <wps:cNvSpPr/>
                        <wps:spPr>
                          <a:xfrm>
                            <a:off x="319630" y="718239"/>
                            <a:ext cx="1034368"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Активный поток</w:t>
                              </w:r>
                            </w:p>
                          </w:txbxContent>
                        </wps:txbx>
                        <wps:bodyPr horzOverflow="overflow" vert="horz" lIns="0" tIns="0" rIns="0" bIns="0" rtlCol="0">
                          <a:noAutofit/>
                        </wps:bodyPr>
                      </wps:wsp>
                      <wps:wsp>
                        <wps:cNvPr id="69495" name="Shape 69495"/>
                        <wps:cNvSpPr/>
                        <wps:spPr>
                          <a:xfrm>
                            <a:off x="565492" y="1456297"/>
                            <a:ext cx="691154" cy="377683"/>
                          </a:xfrm>
                          <a:custGeom>
                            <a:avLst/>
                            <a:gdLst/>
                            <a:ahLst/>
                            <a:cxnLst/>
                            <a:rect l="0" t="0" r="0" b="0"/>
                            <a:pathLst>
                              <a:path w="691154" h="377683">
                                <a:moveTo>
                                  <a:pt x="0" y="0"/>
                                </a:moveTo>
                                <a:lnTo>
                                  <a:pt x="691154" y="0"/>
                                </a:lnTo>
                                <a:lnTo>
                                  <a:pt x="691154" y="377683"/>
                                </a:lnTo>
                                <a:lnTo>
                                  <a:pt x="0" y="377683"/>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6246" name="Shape 6246"/>
                        <wps:cNvSpPr/>
                        <wps:spPr>
                          <a:xfrm>
                            <a:off x="565492" y="1456297"/>
                            <a:ext cx="691154" cy="377683"/>
                          </a:xfrm>
                          <a:custGeom>
                            <a:avLst/>
                            <a:gdLst/>
                            <a:ahLst/>
                            <a:cxnLst/>
                            <a:rect l="0" t="0" r="0" b="0"/>
                            <a:pathLst>
                              <a:path w="691154" h="377683">
                                <a:moveTo>
                                  <a:pt x="0" y="377683"/>
                                </a:moveTo>
                                <a:lnTo>
                                  <a:pt x="691154" y="377683"/>
                                </a:lnTo>
                                <a:lnTo>
                                  <a:pt x="691154" y="0"/>
                                </a:lnTo>
                                <a:lnTo>
                                  <a:pt x="0" y="0"/>
                                </a:lnTo>
                                <a:close/>
                              </a:path>
                            </a:pathLst>
                          </a:custGeom>
                          <a:ln w="2128" cap="rnd">
                            <a:round/>
                          </a:ln>
                        </wps:spPr>
                        <wps:style>
                          <a:lnRef idx="1">
                            <a:srgbClr val="000000"/>
                          </a:lnRef>
                          <a:fillRef idx="0">
                            <a:srgbClr val="000000">
                              <a:alpha val="0"/>
                            </a:srgbClr>
                          </a:fillRef>
                          <a:effectRef idx="0">
                            <a:scrgbClr r="0" g="0" b="0"/>
                          </a:effectRef>
                          <a:fontRef idx="none"/>
                        </wps:style>
                        <wps:bodyPr/>
                      </wps:wsp>
                      <wps:wsp>
                        <wps:cNvPr id="6247" name="Rectangle 6247"/>
                        <wps:cNvSpPr/>
                        <wps:spPr>
                          <a:xfrm>
                            <a:off x="751241" y="1535569"/>
                            <a:ext cx="425167" cy="13325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Пакет </w:t>
                              </w:r>
                            </w:p>
                          </w:txbxContent>
                        </wps:txbx>
                        <wps:bodyPr horzOverflow="overflow" vert="horz" lIns="0" tIns="0" rIns="0" bIns="0" rtlCol="0">
                          <a:noAutofit/>
                        </wps:bodyPr>
                      </wps:wsp>
                      <wps:wsp>
                        <wps:cNvPr id="6248" name="Rectangle 6248"/>
                        <wps:cNvSpPr/>
                        <wps:spPr>
                          <a:xfrm>
                            <a:off x="609486" y="1663477"/>
                            <a:ext cx="802270" cy="1332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завершения</w:t>
                              </w:r>
                            </w:p>
                          </w:txbxContent>
                        </wps:txbx>
                        <wps:bodyPr horzOverflow="overflow" vert="horz" lIns="0" tIns="0" rIns="0" bIns="0" rtlCol="0">
                          <a:noAutofit/>
                        </wps:bodyPr>
                      </wps:wsp>
                      <wps:wsp>
                        <wps:cNvPr id="6249" name="Shape 6249"/>
                        <wps:cNvSpPr/>
                        <wps:spPr>
                          <a:xfrm>
                            <a:off x="1256664" y="2123540"/>
                            <a:ext cx="1080712" cy="302142"/>
                          </a:xfrm>
                          <a:custGeom>
                            <a:avLst/>
                            <a:gdLst/>
                            <a:ahLst/>
                            <a:cxnLst/>
                            <a:rect l="0" t="0" r="0" b="0"/>
                            <a:pathLst>
                              <a:path w="1080712" h="302142">
                                <a:moveTo>
                                  <a:pt x="540312" y="0"/>
                                </a:moveTo>
                                <a:cubicBezTo>
                                  <a:pt x="838751" y="0"/>
                                  <a:pt x="1080712" y="67631"/>
                                  <a:pt x="1080712" y="151073"/>
                                </a:cubicBezTo>
                                <a:cubicBezTo>
                                  <a:pt x="1080712" y="234506"/>
                                  <a:pt x="838751" y="302142"/>
                                  <a:pt x="540312" y="302142"/>
                                </a:cubicBezTo>
                                <a:cubicBezTo>
                                  <a:pt x="241872" y="302142"/>
                                  <a:pt x="0" y="234506"/>
                                  <a:pt x="0" y="151073"/>
                                </a:cubicBezTo>
                                <a:cubicBezTo>
                                  <a:pt x="0" y="67631"/>
                                  <a:pt x="241872" y="0"/>
                                  <a:pt x="540312"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6250" name="Shape 6250"/>
                        <wps:cNvSpPr/>
                        <wps:spPr>
                          <a:xfrm>
                            <a:off x="1256664" y="2123540"/>
                            <a:ext cx="1080712" cy="302142"/>
                          </a:xfrm>
                          <a:custGeom>
                            <a:avLst/>
                            <a:gdLst/>
                            <a:ahLst/>
                            <a:cxnLst/>
                            <a:rect l="0" t="0" r="0" b="0"/>
                            <a:pathLst>
                              <a:path w="1080712" h="302142">
                                <a:moveTo>
                                  <a:pt x="1080712" y="151073"/>
                                </a:moveTo>
                                <a:cubicBezTo>
                                  <a:pt x="1080712" y="67631"/>
                                  <a:pt x="838751" y="0"/>
                                  <a:pt x="540312" y="0"/>
                                </a:cubicBezTo>
                                <a:cubicBezTo>
                                  <a:pt x="241872" y="0"/>
                                  <a:pt x="0" y="67631"/>
                                  <a:pt x="0" y="151073"/>
                                </a:cubicBezTo>
                                <a:cubicBezTo>
                                  <a:pt x="0" y="234506"/>
                                  <a:pt x="241872" y="302142"/>
                                  <a:pt x="540312" y="302142"/>
                                </a:cubicBezTo>
                                <a:cubicBezTo>
                                  <a:pt x="838751" y="302142"/>
                                  <a:pt x="1080712" y="234506"/>
                                  <a:pt x="1080712" y="151073"/>
                                </a:cubicBezTo>
                                <a:close/>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51" name="Rectangle 6251"/>
                        <wps:cNvSpPr/>
                        <wps:spPr>
                          <a:xfrm>
                            <a:off x="1406593" y="2228989"/>
                            <a:ext cx="524322" cy="13325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Объект </w:t>
                              </w:r>
                            </w:p>
                          </w:txbxContent>
                        </wps:txbx>
                        <wps:bodyPr horzOverflow="overflow" vert="horz" lIns="0" tIns="0" rIns="0" bIns="0" rtlCol="0">
                          <a:noAutofit/>
                        </wps:bodyPr>
                      </wps:wsp>
                      <wps:wsp>
                        <wps:cNvPr id="6252" name="Rectangle 6252"/>
                        <wps:cNvSpPr/>
                        <wps:spPr>
                          <a:xfrm>
                            <a:off x="1800788" y="2228989"/>
                            <a:ext cx="78679" cy="13325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6253" name="Rectangle 6253"/>
                        <wps:cNvSpPr/>
                        <wps:spPr>
                          <a:xfrm>
                            <a:off x="1860015" y="2228989"/>
                            <a:ext cx="356674" cy="13325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файл</w:t>
                              </w:r>
                            </w:p>
                          </w:txbxContent>
                        </wps:txbx>
                        <wps:bodyPr horzOverflow="overflow" vert="horz" lIns="0" tIns="0" rIns="0" bIns="0" rtlCol="0">
                          <a:noAutofit/>
                        </wps:bodyPr>
                      </wps:wsp>
                      <wps:wsp>
                        <wps:cNvPr id="6254" name="Rectangle 6254"/>
                        <wps:cNvSpPr/>
                        <wps:spPr>
                          <a:xfrm>
                            <a:off x="2128220" y="2228989"/>
                            <a:ext cx="78679" cy="13325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6255" name="Shape 6255"/>
                        <wps:cNvSpPr/>
                        <wps:spPr>
                          <a:xfrm>
                            <a:off x="1778179" y="1089406"/>
                            <a:ext cx="0" cy="1034223"/>
                          </a:xfrm>
                          <a:custGeom>
                            <a:avLst/>
                            <a:gdLst/>
                            <a:ahLst/>
                            <a:cxnLst/>
                            <a:rect l="0" t="0" r="0" b="0"/>
                            <a:pathLst>
                              <a:path h="1034223">
                                <a:moveTo>
                                  <a:pt x="0" y="1034223"/>
                                </a:moveTo>
                                <a:lnTo>
                                  <a:pt x="0" y="0"/>
                                </a:lnTo>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56" name="Shape 6256"/>
                        <wps:cNvSpPr/>
                        <wps:spPr>
                          <a:xfrm>
                            <a:off x="1749452" y="1010263"/>
                            <a:ext cx="57453" cy="86338"/>
                          </a:xfrm>
                          <a:custGeom>
                            <a:avLst/>
                            <a:gdLst/>
                            <a:ahLst/>
                            <a:cxnLst/>
                            <a:rect l="0" t="0" r="0" b="0"/>
                            <a:pathLst>
                              <a:path w="57453" h="86338">
                                <a:moveTo>
                                  <a:pt x="28727" y="0"/>
                                </a:moveTo>
                                <a:lnTo>
                                  <a:pt x="57453" y="86338"/>
                                </a:lnTo>
                                <a:lnTo>
                                  <a:pt x="0" y="86338"/>
                                </a:lnTo>
                                <a:lnTo>
                                  <a:pt x="2872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257" name="Shape 6257"/>
                        <wps:cNvSpPr/>
                        <wps:spPr>
                          <a:xfrm>
                            <a:off x="1884929" y="940180"/>
                            <a:ext cx="855597" cy="239117"/>
                          </a:xfrm>
                          <a:custGeom>
                            <a:avLst/>
                            <a:gdLst/>
                            <a:ahLst/>
                            <a:cxnLst/>
                            <a:rect l="0" t="0" r="0" b="0"/>
                            <a:pathLst>
                              <a:path w="855597" h="239117">
                                <a:moveTo>
                                  <a:pt x="427799" y="0"/>
                                </a:moveTo>
                                <a:cubicBezTo>
                                  <a:pt x="664085" y="0"/>
                                  <a:pt x="855597" y="53473"/>
                                  <a:pt x="855597" y="119558"/>
                                </a:cubicBezTo>
                                <a:cubicBezTo>
                                  <a:pt x="855597" y="185644"/>
                                  <a:pt x="664085" y="239117"/>
                                  <a:pt x="427799" y="239117"/>
                                </a:cubicBezTo>
                                <a:cubicBezTo>
                                  <a:pt x="191512" y="239117"/>
                                  <a:pt x="0" y="185644"/>
                                  <a:pt x="0" y="119558"/>
                                </a:cubicBezTo>
                                <a:cubicBezTo>
                                  <a:pt x="0" y="53473"/>
                                  <a:pt x="191512" y="0"/>
                                  <a:pt x="427799"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6258" name="Shape 6258"/>
                        <wps:cNvSpPr/>
                        <wps:spPr>
                          <a:xfrm>
                            <a:off x="1884929" y="940180"/>
                            <a:ext cx="855597" cy="239117"/>
                          </a:xfrm>
                          <a:custGeom>
                            <a:avLst/>
                            <a:gdLst/>
                            <a:ahLst/>
                            <a:cxnLst/>
                            <a:rect l="0" t="0" r="0" b="0"/>
                            <a:pathLst>
                              <a:path w="855597" h="239117">
                                <a:moveTo>
                                  <a:pt x="855597" y="119558"/>
                                </a:moveTo>
                                <a:cubicBezTo>
                                  <a:pt x="855597" y="53473"/>
                                  <a:pt x="664085" y="0"/>
                                  <a:pt x="427799" y="0"/>
                                </a:cubicBezTo>
                                <a:cubicBezTo>
                                  <a:pt x="191512" y="0"/>
                                  <a:pt x="0" y="53473"/>
                                  <a:pt x="0" y="119558"/>
                                </a:cubicBezTo>
                                <a:cubicBezTo>
                                  <a:pt x="0" y="185644"/>
                                  <a:pt x="191512" y="239117"/>
                                  <a:pt x="427799" y="239117"/>
                                </a:cubicBezTo>
                                <a:cubicBezTo>
                                  <a:pt x="664085" y="239117"/>
                                  <a:pt x="855597" y="185644"/>
                                  <a:pt x="855597" y="119558"/>
                                </a:cubicBezTo>
                                <a:close/>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59" name="Rectangle 6259"/>
                        <wps:cNvSpPr/>
                        <wps:spPr>
                          <a:xfrm>
                            <a:off x="2096124" y="1014114"/>
                            <a:ext cx="576189"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Очередь</w:t>
                              </w:r>
                            </w:p>
                          </w:txbxContent>
                        </wps:txbx>
                        <wps:bodyPr horzOverflow="overflow" vert="horz" lIns="0" tIns="0" rIns="0" bIns="0" rtlCol="0">
                          <a:noAutofit/>
                        </wps:bodyPr>
                      </wps:wsp>
                      <wps:wsp>
                        <wps:cNvPr id="69496" name="Shape 69496"/>
                        <wps:cNvSpPr/>
                        <wps:spPr>
                          <a:xfrm>
                            <a:off x="2890278" y="1771030"/>
                            <a:ext cx="691154" cy="377683"/>
                          </a:xfrm>
                          <a:custGeom>
                            <a:avLst/>
                            <a:gdLst/>
                            <a:ahLst/>
                            <a:cxnLst/>
                            <a:rect l="0" t="0" r="0" b="0"/>
                            <a:pathLst>
                              <a:path w="691154" h="377683">
                                <a:moveTo>
                                  <a:pt x="0" y="0"/>
                                </a:moveTo>
                                <a:lnTo>
                                  <a:pt x="691154" y="0"/>
                                </a:lnTo>
                                <a:lnTo>
                                  <a:pt x="691154" y="377683"/>
                                </a:lnTo>
                                <a:lnTo>
                                  <a:pt x="0" y="377683"/>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6261" name="Shape 6261"/>
                        <wps:cNvSpPr/>
                        <wps:spPr>
                          <a:xfrm>
                            <a:off x="2890278" y="1771030"/>
                            <a:ext cx="691154" cy="377683"/>
                          </a:xfrm>
                          <a:custGeom>
                            <a:avLst/>
                            <a:gdLst/>
                            <a:ahLst/>
                            <a:cxnLst/>
                            <a:rect l="0" t="0" r="0" b="0"/>
                            <a:pathLst>
                              <a:path w="691154" h="377683">
                                <a:moveTo>
                                  <a:pt x="0" y="377683"/>
                                </a:moveTo>
                                <a:lnTo>
                                  <a:pt x="691154" y="377683"/>
                                </a:lnTo>
                                <a:lnTo>
                                  <a:pt x="691154" y="0"/>
                                </a:lnTo>
                                <a:lnTo>
                                  <a:pt x="0" y="0"/>
                                </a:lnTo>
                                <a:close/>
                              </a:path>
                            </a:pathLst>
                          </a:custGeom>
                          <a:ln w="2128" cap="rnd">
                            <a:round/>
                          </a:ln>
                        </wps:spPr>
                        <wps:style>
                          <a:lnRef idx="1">
                            <a:srgbClr val="000000"/>
                          </a:lnRef>
                          <a:fillRef idx="0">
                            <a:srgbClr val="000000">
                              <a:alpha val="0"/>
                            </a:srgbClr>
                          </a:fillRef>
                          <a:effectRef idx="0">
                            <a:scrgbClr r="0" g="0" b="0"/>
                          </a:effectRef>
                          <a:fontRef idx="none"/>
                        </wps:style>
                        <wps:bodyPr/>
                      </wps:wsp>
                      <wps:wsp>
                        <wps:cNvPr id="6262" name="Rectangle 6262"/>
                        <wps:cNvSpPr/>
                        <wps:spPr>
                          <a:xfrm>
                            <a:off x="3076027" y="1850302"/>
                            <a:ext cx="425166" cy="1332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Пакет </w:t>
                              </w:r>
                            </w:p>
                          </w:txbxContent>
                        </wps:txbx>
                        <wps:bodyPr horzOverflow="overflow" vert="horz" lIns="0" tIns="0" rIns="0" bIns="0" rtlCol="0">
                          <a:noAutofit/>
                        </wps:bodyPr>
                      </wps:wsp>
                      <wps:wsp>
                        <wps:cNvPr id="6263" name="Rectangle 6263"/>
                        <wps:cNvSpPr/>
                        <wps:spPr>
                          <a:xfrm>
                            <a:off x="2934255" y="1978210"/>
                            <a:ext cx="802270" cy="1332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завершения</w:t>
                              </w:r>
                            </w:p>
                          </w:txbxContent>
                        </wps:txbx>
                        <wps:bodyPr horzOverflow="overflow" vert="horz" lIns="0" tIns="0" rIns="0" bIns="0" rtlCol="0">
                          <a:noAutofit/>
                        </wps:bodyPr>
                      </wps:wsp>
                      <wps:wsp>
                        <wps:cNvPr id="6264" name="Shape 6264"/>
                        <wps:cNvSpPr/>
                        <wps:spPr>
                          <a:xfrm>
                            <a:off x="2269017" y="1178675"/>
                            <a:ext cx="542263" cy="718256"/>
                          </a:xfrm>
                          <a:custGeom>
                            <a:avLst/>
                            <a:gdLst/>
                            <a:ahLst/>
                            <a:cxnLst/>
                            <a:rect l="0" t="0" r="0" b="0"/>
                            <a:pathLst>
                              <a:path w="542263" h="718256">
                                <a:moveTo>
                                  <a:pt x="0" y="0"/>
                                </a:moveTo>
                                <a:lnTo>
                                  <a:pt x="0" y="718256"/>
                                </a:lnTo>
                                <a:lnTo>
                                  <a:pt x="542263" y="718256"/>
                                </a:lnTo>
                              </a:path>
                            </a:pathLst>
                          </a:custGeom>
                          <a:ln w="6384" cap="rnd">
                            <a:round/>
                          </a:ln>
                        </wps:spPr>
                        <wps:style>
                          <a:lnRef idx="1">
                            <a:srgbClr val="000000"/>
                          </a:lnRef>
                          <a:fillRef idx="0">
                            <a:srgbClr val="000000">
                              <a:alpha val="0"/>
                            </a:srgbClr>
                          </a:fillRef>
                          <a:effectRef idx="0">
                            <a:scrgbClr r="0" g="0" b="0"/>
                          </a:effectRef>
                          <a:fontRef idx="none"/>
                        </wps:style>
                        <wps:bodyPr/>
                      </wps:wsp>
                      <wps:wsp>
                        <wps:cNvPr id="6265" name="Shape 6265"/>
                        <wps:cNvSpPr/>
                        <wps:spPr>
                          <a:xfrm>
                            <a:off x="2804097" y="1868151"/>
                            <a:ext cx="86181" cy="57559"/>
                          </a:xfrm>
                          <a:custGeom>
                            <a:avLst/>
                            <a:gdLst/>
                            <a:ahLst/>
                            <a:cxnLst/>
                            <a:rect l="0" t="0" r="0" b="0"/>
                            <a:pathLst>
                              <a:path w="86181" h="57559">
                                <a:moveTo>
                                  <a:pt x="0" y="0"/>
                                </a:moveTo>
                                <a:lnTo>
                                  <a:pt x="86181" y="28779"/>
                                </a:lnTo>
                                <a:lnTo>
                                  <a:pt x="0" y="5755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266" name="Rectangle 6266"/>
                        <wps:cNvSpPr/>
                        <wps:spPr>
                          <a:xfrm>
                            <a:off x="2372043" y="1436566"/>
                            <a:ext cx="673696" cy="1332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Максимум</w:t>
                              </w:r>
                            </w:p>
                          </w:txbxContent>
                        </wps:txbx>
                        <wps:bodyPr horzOverflow="overflow" vert="horz" lIns="0" tIns="0" rIns="0" bIns="0" rtlCol="0">
                          <a:noAutofit/>
                        </wps:bodyPr>
                      </wps:wsp>
                      <wps:wsp>
                        <wps:cNvPr id="62330" name="Rectangle 62330"/>
                        <wps:cNvSpPr/>
                        <wps:spPr>
                          <a:xfrm>
                            <a:off x="2878574" y="1417701"/>
                            <a:ext cx="39316" cy="15807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62331" name="Rectangle 62331"/>
                        <wps:cNvSpPr/>
                        <wps:spPr>
                          <a:xfrm>
                            <a:off x="2908135" y="1417701"/>
                            <a:ext cx="39316" cy="15807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6268" name="Rectangle 6268"/>
                        <wps:cNvSpPr/>
                        <wps:spPr>
                          <a:xfrm>
                            <a:off x="2937712" y="1417702"/>
                            <a:ext cx="78700" cy="15807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1</w:t>
                              </w:r>
                            </w:p>
                          </w:txbxContent>
                        </wps:txbx>
                        <wps:bodyPr horzOverflow="overflow" vert="horz" lIns="0" tIns="0" rIns="0" bIns="0" rtlCol="0">
                          <a:noAutofit/>
                        </wps:bodyPr>
                      </wps:wsp>
                      <wps:wsp>
                        <wps:cNvPr id="6269" name="Rectangle 6269"/>
                        <wps:cNvSpPr/>
                        <wps:spPr>
                          <a:xfrm>
                            <a:off x="5050561" y="2350171"/>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inline>
            </w:drawing>
          </mc:Choice>
          <mc:Fallback>
            <w:pict>
              <v:group id="Group 62381" o:spid="_x0000_s2876" style="width:401.25pt;height:194.9pt;mso-position-horizontal-relative:char;mso-position-vertical-relative:line" coordsize="50956,2474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">
                <v:shape id="Shape 6209" o:spid="_x0000_s2877" style="position:absolute;left:26389;top:84;width:10807;height:3022;visibility:visible;mso-wrap-style:square;v-text-anchor:top" coordsize="1080712,3021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" path="m540400,v298440,,540312,67684,540312,151091c1080712,234498,838840,302182,540400,302182,241961,302182,,234498,,151091,,67684,241961,,540400,xe" fillcolor="#f2f2f2" stroked="f" strokeweight="0">
                  <v:stroke miterlimit="83231f" joinstyle="miter"/>
                  <v:path arrowok="t" textboxrect="0,0,1080712,302182"/>
                </v:shape>
                <v:shape id="Shape 6210" o:spid="_x0000_s2878" style="position:absolute;left:26389;top:84;width:10807;height:3022;visibility:visible;mso-wrap-style:square;v-text-anchor:top" coordsize="1080712,3021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" path="m1080712,151091c1080712,67684,838840,,540400,,241961,,,67684,,151091v,83407,241961,151091,540400,151091c838840,302182,1080712,234498,1080712,151091xe" filled="f" strokeweight=".17733mm">
                  <v:stroke endcap="round"/>
                  <v:path arrowok="t" textboxrect="0,0,1080712,302182"/>
                </v:shape>
                <v:rect id="Rectangle 6211" o:spid="_x0000_s2879" style="position:absolute;left:27874;top:1139;width:5243;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Объект </w:t>
                        </w:r>
                      </w:p>
                    </w:txbxContent>
                  </v:textbox>
                </v:rect>
                <v:rect id="Rectangle 6212" o:spid="_x0000_s2880" style="position:absolute;left:31816;top:1139;width:787;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6213" o:spid="_x0000_s2881" style="position:absolute;left:32407;top:1139;width:3608;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поток</w:t>
                        </w:r>
                      </w:p>
                    </w:txbxContent>
                  </v:textbox>
                </v:rect>
                <v:rect id="Rectangle 6214" o:spid="_x0000_s2882" style="position:absolute;left:35119;top:1139;width:787;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shape id="Shape 6215" o:spid="_x0000_s2883" style="position:absolute;left:39458;top:84;width:10807;height:3022;visibility:visible;mso-wrap-style:square;v-text-anchor:top" coordsize="1080712,3021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" path="m540400,v298440,,540312,67684,540312,151091c1080712,234498,838840,302182,540400,302182,241961,302182,,234498,,151091,,67684,241961,,540400,xe" fillcolor="#f2f2f2" stroked="f" strokeweight="0">
                  <v:stroke endcap="round"/>
                  <v:path arrowok="t" textboxrect="0,0,1080712,302182"/>
                </v:shape>
                <v:shape id="Shape 6216" o:spid="_x0000_s2884" style="position:absolute;left:39458;top:84;width:10807;height:3022;visibility:visible;mso-wrap-style:square;v-text-anchor:top" coordsize="1080712,3021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" path="m1080712,151091c1080712,67684,838840,,540400,,241961,,,67684,,151091v,83407,241961,151091,540400,151091c838840,302182,1080712,234498,1080712,151091xe" filled="f" strokeweight=".17733mm">
                  <v:stroke endcap="round"/>
                  <v:path arrowok="t" textboxrect="0,0,1080712,302182"/>
                </v:shape>
                <v:rect id="Rectangle 6217" o:spid="_x0000_s2885" style="position:absolute;left:40943;top:1139;width:5243;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Объект </w:t>
                        </w:r>
                      </w:p>
                    </w:txbxContent>
                  </v:textbox>
                </v:rect>
                <v:rect id="Rectangle 6218" o:spid="_x0000_s2886" style="position:absolute;left:44885;top:1139;width:786;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6219" o:spid="_x0000_s2887" style="position:absolute;left:45476;top:1139;width:3608;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поток</w:t>
                        </w:r>
                      </w:p>
                    </w:txbxContent>
                  </v:textbox>
                </v:rect>
                <v:rect id="Rectangle 6220" o:spid="_x0000_s2888" style="position:absolute;left:48189;top:1139;width:787;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shape id="Shape 6222" o:spid="_x0000_s2889" style="position:absolute;top:12171;width:10806;height:3021;visibility:visible;mso-wrap-style:square;v-text-anchor:top" coordsize="1080668,3020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" path="m1080668,151002c1080668,67596,838786,,540356,,241926,,,67596,,151002v,83496,241926,151091,540356,151091c838786,302093,1080668,234498,1080668,151002xe" filled="f" strokeweight=".17733mm">
                  <v:stroke endcap="round"/>
                  <v:path arrowok="t" textboxrect="0,0,1080668,302093"/>
                </v:shape>
                <v:rect id="Rectangle 6223" o:spid="_x0000_s2890" style="position:absolute;left:1484;top:13225;width:5243;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Объект </w:t>
                        </w:r>
                      </w:p>
                    </w:txbxContent>
                  </v:textbox>
                </v:rect>
                <v:rect id="Rectangle 6224" o:spid="_x0000_s2891" style="position:absolute;left:5426;top:13225;width:787;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6225" o:spid="_x0000_s2892" style="position:absolute;left:6018;top:13225;width:3608;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поток</w:t>
                        </w:r>
                      </w:p>
                    </w:txbxContent>
                  </v:textbox>
                </v:rect>
                <v:rect id="Rectangle 6226" o:spid="_x0000_s2893" style="position:absolute;left:8731;top:13225;width:786;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shape id="Shape 6227" o:spid="_x0000_s2894" style="position:absolute;left:12032;top:6002;width:11844;height:4154;visibility:visible;mso-wrap-style:square;v-text-anchor:top" coordsize="1184448,4154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" path="m592268,v326989,,592180,93000,592180,207673c1184448,322434,919257,415434,592180,415434,265191,415434,,322434,,207673,,93000,265191,,592268,xe" fillcolor="#f2f2f2" stroked="f" strokeweight="0">
                  <v:stroke endcap="round"/>
                  <v:path arrowok="t" textboxrect="0,0,1184448,415434"/>
                </v:shape>
                <v:shape id="Shape 6228" o:spid="_x0000_s2895" style="position:absolute;left:12032;top:6002;width:11844;height:4154;visibility:visible;mso-wrap-style:square;v-text-anchor:top" coordsize="1184448,4154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" path="m1184448,207673c1184448,93000,919257,,592268,,265191,,,93000,,207673,,322434,265191,415434,592180,415434v327077,,592268,-93000,592268,-207761xe" filled="f" strokeweight=".17733mm">
                  <v:stroke endcap="round"/>
                  <v:path arrowok="t" textboxrect="0,0,1184448,415434"/>
                </v:shape>
                <v:rect id="Rectangle 6229" o:spid="_x0000_s2896" style="position:absolute;left:13572;top:6983;width:12048;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Порт завершения </w:t>
                        </w:r>
                      </w:p>
                    </w:txbxContent>
                  </v:textbox>
                </v:rect>
                <v:rect id="Rectangle 6230" o:spid="_x0000_s2897" style="position:absolute;left:14459;top:8262;width:3903;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ввода</w:t>
                        </w:r>
                      </w:p>
                    </w:txbxContent>
                  </v:textbox>
                </v:rect>
                <v:rect id="Rectangle 6231" o:spid="_x0000_s2898" style="position:absolute;left:17394;top:8073;width:471;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6232" o:spid="_x0000_s2899" style="position:absolute;left:17748;top:8262;width:4921;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вывода</w:t>
                        </w:r>
                      </w:p>
                    </w:txbxContent>
                  </v:textbox>
                </v:rect>
                <v:shape id="Shape 6233" o:spid="_x0000_s2900" style="position:absolute;left:18910;top:1344;width:6765;height:4685;visibility:visible;mso-wrap-style:square;v-text-anchor:top" coordsize="676498,468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" path="m,468462l,,676498,e" filled="f" strokeweight=".17733mm">
                  <v:stroke endcap="round"/>
                  <v:path arrowok="t" textboxrect="0,0,676498,468462"/>
                </v:shape>
                <v:shape id="Shape 6234" o:spid="_x0000_s2901" style="position:absolute;left:25603;top:1056;width:862;height:576;visibility:visible;mso-wrap-style:square;v-text-anchor:top" coordsize="86180,57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" path="m,l86180,28779,,57559,,xe" fillcolor="black" stroked="f" strokeweight="0">
                  <v:stroke endcap="round"/>
                  <v:path arrowok="t" textboxrect="0,0,86180,57559"/>
                </v:shape>
                <v:shape id="Shape 6235" o:spid="_x0000_s2902" style="position:absolute;left:37194;top:1639;width:1476;height:0;visibility:visible;mso-wrap-style:square;v-text-anchor:top" coordsize="14762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" path="m,l147624,e" filled="f" strokeweight=".17733mm">
                  <v:stroke endcap="round"/>
                  <v:path arrowok="t" textboxrect="0,0,147624,0"/>
                </v:shape>
                <v:shape id="Shape 6236" o:spid="_x0000_s2903" style="position:absolute;left:38598;top:1351;width:862;height:576;visibility:visible;mso-wrap-style:square;v-text-anchor:top" coordsize="86180,57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" path="m,l86180,28779,,57559,,xe" fillcolor="black" stroked="f" strokeweight="0">
                  <v:stroke endcap="round"/>
                  <v:path arrowok="t" textboxrect="0,0,86180,57559"/>
                </v:shape>
                <v:shape id="Shape 6237" o:spid="_x0000_s2904" style="position:absolute;left:24531;top:3105;width:7076;height:4533;visibility:visible;mso-wrap-style:square;v-text-anchor:top" coordsize="707530,45327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" path="m707530,r,453273l,453273e" filled="f" strokeweight=".17733mm">
                  <v:stroke endcap="round"/>
                  <v:path arrowok="t" textboxrect="0,0,707530,453273"/>
                </v:shape>
                <v:shape id="Shape 6238" o:spid="_x0000_s2905" style="position:absolute;left:23741;top:7350;width:862;height:576;visibility:visible;mso-wrap-style:square;v-text-anchor:top" coordsize="86180,57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" path="m86180,r,57559l,28779,86180,xe" fillcolor="black" stroked="f" strokeweight="0">
                  <v:stroke endcap="round"/>
                  <v:path arrowok="t" textboxrect="0,0,86180,57559"/>
                </v:shape>
                <v:shape id="Shape 6239" o:spid="_x0000_s2906" style="position:absolute;left:24187;top:3103;width:21045;height:5795;visibility:visible;mso-wrap-style:square;v-text-anchor:top" coordsize="2104503,5794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" path="m2104503,r,579493l,579493e" filled="f" strokeweight=".17733mm">
                  <v:stroke endcap="round"/>
                  <v:path arrowok="t" textboxrect="0,0,2104503,579493"/>
                </v:shape>
                <v:shape id="Shape 6240" o:spid="_x0000_s2907" style="position:absolute;left:23397;top:8610;width:862;height:575;visibility:visible;mso-wrap-style:square;v-text-anchor:top" coordsize="86180,57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" path="m86180,r,57559l,28779,86180,xe" fillcolor="black" stroked="f" strokeweight="0">
                  <v:stroke endcap="round"/>
                  <v:path arrowok="t" textboxrect="0,0,86180,57559"/>
                </v:shape>
                <v:shape id="Shape 6241" o:spid="_x0000_s2908" style="position:absolute;left:5089;top:8394;width:6221;height:3780;visibility:visible;mso-wrap-style:square;v-text-anchor:top" coordsize="622086,3779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" path="m,377950l,,622086,e" filled="f" strokeweight=".17733mm">
                  <v:stroke endcap="round"/>
                  <v:path arrowok="t" textboxrect="0,0,622086,377950"/>
                </v:shape>
                <v:shape id="Shape 6242" o:spid="_x0000_s2909" style="position:absolute;left:11238;top:8106;width:862;height:576;visibility:visible;mso-wrap-style:square;v-text-anchor:top" coordsize="86180,57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" path="m,l86180,28779,,57559,,xe" fillcolor="black" stroked="f" strokeweight="0">
                  <v:stroke endcap="round"/>
                  <v:path arrowok="t" textboxrect="0,0,86180,57559"/>
                </v:shape>
                <v:rect id="Rectangle 6243" o:spid="_x0000_s2910" style="position:absolute;left:17918;width:10766;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Ждущие потоки </w:t>
                        </w:r>
                      </w:p>
                    </w:txbxContent>
                  </v:textbox>
                </v:rect>
                <v:rect id="Rectangle 6244" o:spid="_x0000_s2911" style="position:absolute;left:3196;top:7182;width:10343;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Активный поток</w:t>
                        </w:r>
                      </w:p>
                    </w:txbxContent>
                  </v:textbox>
                </v:rect>
                <v:shape id="Shape 69495" o:spid="_x0000_s2912" style="position:absolute;left:5654;top:14562;width:6912;height:3777;visibility:visible;mso-wrap-style:square;v-text-anchor:top" coordsize="691154,3776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" path="m,l691154,r,377683l,377683,,e" stroked="f" strokeweight="0">
                  <v:stroke endcap="round"/>
                  <v:path arrowok="t" textboxrect="0,0,691154,377683"/>
                </v:shape>
                <v:shape id="Shape 6246" o:spid="_x0000_s2913" style="position:absolute;left:5654;top:14562;width:6912;height:3777;visibility:visible;mso-wrap-style:square;v-text-anchor:top" coordsize="691154,3776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" path="m,377683r691154,l691154,,,,,377683xe" filled="f" strokeweight=".05911mm">
                  <v:stroke endcap="round"/>
                  <v:path arrowok="t" textboxrect="0,0,691154,377683"/>
                </v:shape>
                <v:rect id="Rectangle 6247" o:spid="_x0000_s2914" style="position:absolute;left:7512;top:15355;width:4252;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Пакет </w:t>
                        </w:r>
                      </w:p>
                    </w:txbxContent>
                  </v:textbox>
                </v:rect>
                <v:rect id="Rectangle 6248" o:spid="_x0000_s2915" style="position:absolute;left:6094;top:16634;width:8023;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завершения</w:t>
                        </w:r>
                      </w:p>
                    </w:txbxContent>
                  </v:textbox>
                </v:rect>
                <v:shape id="Shape 6249" o:spid="_x0000_s2916" style="position:absolute;left:12566;top:21235;width:10807;height:3021;visibility:visible;mso-wrap-style:square;v-text-anchor:top" coordsize="1080712,3021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" path="m540312,v298439,,540400,67631,540400,151073c1080712,234506,838751,302142,540312,302142,241872,302142,,234506,,151073,,67631,241872,,540312,xe" fillcolor="#f2f2f2" stroked="f" strokeweight="0">
                  <v:stroke endcap="round"/>
                  <v:path arrowok="t" textboxrect="0,0,1080712,302142"/>
                </v:shape>
                <v:shape id="Shape 6250" o:spid="_x0000_s2917" style="position:absolute;left:12566;top:21235;width:10807;height:3021;visibility:visible;mso-wrap-style:square;v-text-anchor:top" coordsize="1080712,3021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" path="m1080712,151073c1080712,67631,838751,,540312,,241872,,,67631,,151073v,83433,241872,151069,540312,151069c838751,302142,1080712,234506,1080712,151073xe" filled="f" strokeweight=".17733mm">
                  <v:stroke endcap="round"/>
                  <v:path arrowok="t" textboxrect="0,0,1080712,302142"/>
                </v:shape>
                <v:rect id="Rectangle 6251" o:spid="_x0000_s2918" style="position:absolute;left:14065;top:22289;width:5244;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Объект </w:t>
                        </w:r>
                      </w:p>
                    </w:txbxContent>
                  </v:textbox>
                </v:rect>
                <v:rect id="Rectangle 6252" o:spid="_x0000_s2919" style="position:absolute;left:18007;top:22289;width:787;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6253" o:spid="_x0000_s2920" style="position:absolute;left:18600;top:22289;width:3566;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файл</w:t>
                        </w:r>
                      </w:p>
                    </w:txbxContent>
                  </v:textbox>
                </v:rect>
                <v:rect id="Rectangle 6254" o:spid="_x0000_s2921" style="position:absolute;left:21282;top:22289;width:786;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shape id="Shape 6255" o:spid="_x0000_s2922" style="position:absolute;left:17781;top:10894;width:0;height:10342;visibility:visible;mso-wrap-style:square;v-text-anchor:top" coordsize="0,10342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" path="m,1034223l,e" filled="f" strokeweight=".17733mm">
                  <v:stroke endcap="round"/>
                  <v:path arrowok="t" textboxrect="0,0,0,1034223"/>
                </v:shape>
                <v:shape id="Shape 6256" o:spid="_x0000_s2923" style="position:absolute;left:17494;top:10102;width:575;height:864;visibility:visible;mso-wrap-style:square;v-text-anchor:top" coordsize="57453,863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" path="m28727,l57453,86338,,86338,28727,xe" fillcolor="black" stroked="f" strokeweight="0">
                  <v:stroke endcap="round"/>
                  <v:path arrowok="t" textboxrect="0,0,57453,86338"/>
                </v:shape>
                <v:shape id="Shape 6257" o:spid="_x0000_s2924" style="position:absolute;left:18849;top:9401;width:8556;height:2391;visibility:visible;mso-wrap-style:square;v-text-anchor:top" coordsize="855597,2391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" path="m427799,c664085,,855597,53473,855597,119558v,66086,-191512,119559,-427798,119559c191512,239117,,185644,,119558,,53473,191512,,427799,xe" fillcolor="#f2f2f2" stroked="f" strokeweight="0">
                  <v:stroke endcap="round"/>
                  <v:path arrowok="t" textboxrect="0,0,855597,239117"/>
                </v:shape>
                <v:shape id="Shape 6258" o:spid="_x0000_s2925" style="position:absolute;left:18849;top:9401;width:8556;height:2391;visibility:visible;mso-wrap-style:square;v-text-anchor:top" coordsize="855597,2391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" path="m855597,119558c855597,53473,664085,,427799,,191512,,,53473,,119558v,66086,191512,119559,427799,119559c664085,239117,855597,185644,855597,119558xe" filled="f" strokeweight=".17733mm">
                  <v:stroke endcap="round"/>
                  <v:path arrowok="t" textboxrect="0,0,855597,239117"/>
                </v:shape>
                <v:rect id="Rectangle 6259" o:spid="_x0000_s2926" style="position:absolute;left:20961;top:10141;width:5762;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Очередь</w:t>
                        </w:r>
                      </w:p>
                    </w:txbxContent>
                  </v:textbox>
                </v:rect>
                <v:shape id="Shape 69496" o:spid="_x0000_s2927" style="position:absolute;left:28902;top:17710;width:6912;height:3777;visibility:visible;mso-wrap-style:square;v-text-anchor:top" coordsize="691154,3776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" path="m,l691154,r,377683l,377683,,e" fillcolor="#f2f2f2" stroked="f" strokeweight="0">
                  <v:stroke endcap="round"/>
                  <v:path arrowok="t" textboxrect="0,0,691154,377683"/>
                </v:shape>
                <v:shape id="Shape 6261" o:spid="_x0000_s2928" style="position:absolute;left:28902;top:17710;width:6912;height:3777;visibility:visible;mso-wrap-style:square;v-text-anchor:top" coordsize="691154,3776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" path="m,377683r691154,l691154,,,,,377683xe" filled="f" strokeweight=".05911mm">
                  <v:stroke endcap="round"/>
                  <v:path arrowok="t" textboxrect="0,0,691154,377683"/>
                </v:shape>
                <v:rect id="Rectangle 6262" o:spid="_x0000_s2929" style="position:absolute;left:30760;top:18503;width:4251;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Пакет </w:t>
                        </w:r>
                      </w:p>
                    </w:txbxContent>
                  </v:textbox>
                </v:rect>
                <v:rect id="Rectangle 6263" o:spid="_x0000_s2930" style="position:absolute;left:29342;top:19782;width:8023;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завершения</w:t>
                        </w:r>
                      </w:p>
                    </w:txbxContent>
                  </v:textbox>
                </v:rect>
                <v:shape id="Shape 6264" o:spid="_x0000_s2931" style="position:absolute;left:22690;top:11786;width:5422;height:7183;visibility:visible;mso-wrap-style:square;v-text-anchor:top" coordsize="542263,71825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" path="m,l,718256r542263,e" filled="f" strokeweight=".17733mm">
                  <v:stroke endcap="round"/>
                  <v:path arrowok="t" textboxrect="0,0,542263,718256"/>
                </v:shape>
                <v:shape id="Shape 6265" o:spid="_x0000_s2932" style="position:absolute;left:28040;top:18681;width:862;height:576;visibility:visible;mso-wrap-style:square;v-text-anchor:top" coordsize="86181,57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" path="m,l86181,28779,,57559,,xe" fillcolor="black" stroked="f" strokeweight="0">
                  <v:stroke endcap="round"/>
                  <v:path arrowok="t" textboxrect="0,0,86181,57559"/>
                </v:shape>
                <v:rect id="Rectangle 6266" o:spid="_x0000_s2933" style="position:absolute;left:23720;top:14365;width:6737;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Максимум</w:t>
                        </w:r>
                      </w:p>
                    </w:txbxContent>
                  </v:textbox>
                </v:rect>
                <v:rect id="Rectangle 62330" o:spid="_x0000_s2934" style="position:absolute;left:28785;top:14177;width:393;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62331" o:spid="_x0000_s2935" style="position:absolute;left:29081;top:14177;width:393;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6268" o:spid="_x0000_s2936" style="position:absolute;left:29377;top:14177;width:787;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1</w:t>
                        </w:r>
                      </w:p>
                    </w:txbxContent>
                  </v:textbox>
                </v:rect>
                <v:rect id="Rectangle 6269" o:spid="_x0000_s2937" style="position:absolute;left:50505;top:23501;width:599;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" filled="f" stroked="f">
                  <v:textbox inset="0,0,0,0">
                    <w:txbxContent>
                      <w:p w:rsidR="0043064D" w:rsidRDefault="008B3C4B">
                        <w:pPr>
                          <w:spacing w:after="160" w:line="259" w:lineRule="auto"/>
                          <w:ind w:left="0" w:firstLine="0"/>
                          <w:jc w:val="left"/>
                        </w:pPr>
                        <w:r>
                          <w:t xml:space="preserve"> </w:t>
                        </w:r>
                      </w:p>
                    </w:txbxContent>
                  </v:textbox>
                </v:rect>
                <w10:anchorlock/>
              </v:group>
            </w:pict>
          </mc:Fallback>
        </mc:AlternateContent>
      </w:r>
    </w:p>
    <w:p w:rsidR="0043064D" w:rsidRDefault="008B3C4B">
      <w:pPr>
        <w:spacing w:after="368" w:line="265" w:lineRule="auto"/>
        <w:ind w:right="3"/>
        <w:jc w:val="center"/>
      </w:pPr>
      <w:r>
        <w:t xml:space="preserve">Рис. 21. Порт </w:t>
      </w:r>
      <w:r>
        <w:t xml:space="preserve">завершения ввода-вывода в действии </w:t>
      </w:r>
    </w:p>
    <w:p w:rsidR="0043064D" w:rsidRDefault="008B3C4B">
      <w:pPr>
        <w:pStyle w:val="2"/>
        <w:ind w:left="-5"/>
      </w:pPr>
      <w:bookmarkStart w:id="17" w:name="_Toc68665"/>
      <w:r>
        <w:t xml:space="preserve">Диспетчер </w:t>
      </w:r>
      <w:proofErr w:type="spellStart"/>
      <w:r>
        <w:t>Plug</w:t>
      </w:r>
      <w:proofErr w:type="spellEnd"/>
      <w:r>
        <w:t xml:space="preserve"> &amp; </w:t>
      </w:r>
      <w:proofErr w:type="spellStart"/>
      <w:r>
        <w:t>Play</w:t>
      </w:r>
      <w:proofErr w:type="spellEnd"/>
      <w:r>
        <w:t xml:space="preserve"> </w:t>
      </w:r>
      <w:bookmarkEnd w:id="17"/>
    </w:p>
    <w:p w:rsidR="0043064D" w:rsidRDefault="008B3C4B">
      <w:pPr>
        <w:ind w:left="-5" w:right="1"/>
      </w:pPr>
      <w:r>
        <w:t xml:space="preserve">Основной компонент, от которого зависит способность </w:t>
      </w:r>
      <w:proofErr w:type="spellStart"/>
      <w:r>
        <w:t>Windows</w:t>
      </w:r>
      <w:proofErr w:type="spellEnd"/>
      <w:r>
        <w:t xml:space="preserve"> к распознаванию изменений в аппаратной конфигурации. Благодаря этому пользователю не требуется знания тонкостей настройки устройств и сис</w:t>
      </w:r>
      <w:r>
        <w:t xml:space="preserve">темы при их установке и удалении. </w:t>
      </w:r>
    </w:p>
    <w:p w:rsidR="0043064D" w:rsidRDefault="008B3C4B">
      <w:pPr>
        <w:spacing w:after="142"/>
        <w:ind w:left="-5" w:right="1"/>
      </w:pPr>
      <w:r>
        <w:t xml:space="preserve">Поддержка </w:t>
      </w:r>
      <w:proofErr w:type="spellStart"/>
      <w:r>
        <w:t>PnP</w:t>
      </w:r>
      <w:proofErr w:type="spellEnd"/>
      <w:r>
        <w:t xml:space="preserve"> требует взаимодействия на уровнях оборудования, драйверов устройств и ОС. Эта поддержка в </w:t>
      </w:r>
      <w:proofErr w:type="spellStart"/>
      <w:r>
        <w:t>Windows</w:t>
      </w:r>
      <w:proofErr w:type="spellEnd"/>
      <w:r>
        <w:t xml:space="preserve"> базируется на промышленных стандартах перечисления и идентификации устройств. </w:t>
      </w:r>
      <w:proofErr w:type="gramStart"/>
      <w:r>
        <w:t>Возможности</w:t>
      </w:r>
      <w:proofErr w:type="gramEnd"/>
      <w:r>
        <w:t xml:space="preserve"> реализуемые </w:t>
      </w:r>
      <w:proofErr w:type="spellStart"/>
      <w:r>
        <w:t>PnP</w:t>
      </w:r>
      <w:proofErr w:type="spellEnd"/>
      <w:r>
        <w:t xml:space="preserve">: </w:t>
      </w:r>
    </w:p>
    <w:p w:rsidR="0043064D" w:rsidRDefault="008B3C4B">
      <w:pPr>
        <w:numPr>
          <w:ilvl w:val="0"/>
          <w:numId w:val="12"/>
        </w:numPr>
        <w:spacing w:after="0" w:line="259" w:lineRule="auto"/>
        <w:ind w:right="1" w:hanging="351"/>
      </w:pPr>
      <w:r>
        <w:t>Д</w:t>
      </w:r>
      <w:r>
        <w:t xml:space="preserve">испетчер </w:t>
      </w:r>
      <w:proofErr w:type="spellStart"/>
      <w:r>
        <w:t>PnP</w:t>
      </w:r>
      <w:proofErr w:type="spellEnd"/>
      <w:r>
        <w:t xml:space="preserve"> автоматически </w:t>
      </w:r>
      <w:r>
        <w:rPr>
          <w:b/>
        </w:rPr>
        <w:t>распознает установленные устройства</w:t>
      </w:r>
      <w:r>
        <w:t xml:space="preserve">. </w:t>
      </w:r>
    </w:p>
    <w:p w:rsidR="0043064D" w:rsidRDefault="008B3C4B">
      <w:pPr>
        <w:numPr>
          <w:ilvl w:val="0"/>
          <w:numId w:val="12"/>
        </w:numPr>
        <w:spacing w:after="21"/>
        <w:ind w:right="1" w:hanging="351"/>
      </w:pPr>
      <w:r>
        <w:rPr>
          <w:b/>
        </w:rPr>
        <w:t>Выделяет аппаратные ресурсы</w:t>
      </w:r>
      <w:r>
        <w:t xml:space="preserve">, собирая информацию о требованиях устройств к аппаратным ресурсам. В ходе арбитража ресурсов диспетчер </w:t>
      </w:r>
      <w:proofErr w:type="spellStart"/>
      <w:r>
        <w:t>PnP</w:t>
      </w:r>
      <w:proofErr w:type="spellEnd"/>
      <w:r>
        <w:t xml:space="preserve"> распределяет ресурсы между устройствами с учетом требова</w:t>
      </w:r>
      <w:r>
        <w:t xml:space="preserve">ний. </w:t>
      </w:r>
    </w:p>
    <w:p w:rsidR="0043064D" w:rsidRDefault="008B3C4B">
      <w:pPr>
        <w:numPr>
          <w:ilvl w:val="0"/>
          <w:numId w:val="12"/>
        </w:numPr>
        <w:spacing w:after="22"/>
        <w:ind w:right="1" w:hanging="351"/>
      </w:pPr>
      <w:r>
        <w:rPr>
          <w:b/>
        </w:rPr>
        <w:t>Загружает соответствующие драйверы</w:t>
      </w:r>
      <w:r>
        <w:t xml:space="preserve">, на основе идентификационных данных устройства он определяет, установлен ли в системе драйвер, способный управлять этим устройством. Если да, диспетчер </w:t>
      </w:r>
      <w:proofErr w:type="spellStart"/>
      <w:r>
        <w:t>PnP</w:t>
      </w:r>
      <w:proofErr w:type="spellEnd"/>
      <w:r>
        <w:t xml:space="preserve"> указывает диспетчеру ввода-вывода загрузить его. Если подхо</w:t>
      </w:r>
      <w:r>
        <w:t xml:space="preserve">дящий драйвер не установлен, диспетчер </w:t>
      </w:r>
      <w:proofErr w:type="spellStart"/>
      <w:r>
        <w:t>PnP</w:t>
      </w:r>
      <w:proofErr w:type="spellEnd"/>
      <w:r>
        <w:t xml:space="preserve"> режима ядра взаимодействует с диспетчером </w:t>
      </w:r>
      <w:proofErr w:type="spellStart"/>
      <w:r>
        <w:t>PnP</w:t>
      </w:r>
      <w:proofErr w:type="spellEnd"/>
      <w:r>
        <w:t xml:space="preserve"> пользовательского режима, чтобы установить устройство. При этом он может попросить пользователя указать местонахождение нужных драйверов. </w:t>
      </w:r>
    </w:p>
    <w:p w:rsidR="0043064D" w:rsidRDefault="008B3C4B">
      <w:pPr>
        <w:numPr>
          <w:ilvl w:val="0"/>
          <w:numId w:val="12"/>
        </w:numPr>
        <w:spacing w:after="291"/>
        <w:ind w:right="1" w:hanging="351"/>
      </w:pPr>
      <w:r>
        <w:t>Реализует механизмы, позволя</w:t>
      </w:r>
      <w:r>
        <w:t xml:space="preserve">ющие приложениям и драйверам обнаруживать изменения в аппаратной конфигурации. </w:t>
      </w:r>
    </w:p>
    <w:p w:rsidR="0043064D" w:rsidRDefault="008B3C4B">
      <w:pPr>
        <w:pStyle w:val="3"/>
        <w:spacing w:after="57" w:line="265" w:lineRule="auto"/>
        <w:ind w:left="-5"/>
      </w:pPr>
      <w:bookmarkStart w:id="18" w:name="_Toc68666"/>
      <w:r>
        <w:rPr>
          <w:rFonts w:ascii="Tahoma" w:eastAsia="Tahoma" w:hAnsi="Tahoma" w:cs="Tahoma"/>
          <w:b w:val="0"/>
        </w:rPr>
        <w:t xml:space="preserve">Уровень поддержки </w:t>
      </w:r>
      <w:proofErr w:type="spellStart"/>
      <w:r>
        <w:rPr>
          <w:rFonts w:ascii="Tahoma" w:eastAsia="Tahoma" w:hAnsi="Tahoma" w:cs="Tahoma"/>
          <w:b w:val="0"/>
        </w:rPr>
        <w:t>Plug</w:t>
      </w:r>
      <w:proofErr w:type="spellEnd"/>
      <w:r>
        <w:rPr>
          <w:rFonts w:ascii="Tahoma" w:eastAsia="Tahoma" w:hAnsi="Tahoma" w:cs="Tahoma"/>
          <w:b w:val="0"/>
        </w:rPr>
        <w:t xml:space="preserve"> </w:t>
      </w:r>
      <w:proofErr w:type="spellStart"/>
      <w:r>
        <w:rPr>
          <w:rFonts w:ascii="Tahoma" w:eastAsia="Tahoma" w:hAnsi="Tahoma" w:cs="Tahoma"/>
          <w:b w:val="0"/>
        </w:rPr>
        <w:t>and</w:t>
      </w:r>
      <w:proofErr w:type="spellEnd"/>
      <w:r>
        <w:rPr>
          <w:rFonts w:ascii="Tahoma" w:eastAsia="Tahoma" w:hAnsi="Tahoma" w:cs="Tahoma"/>
          <w:b w:val="0"/>
        </w:rPr>
        <w:t xml:space="preserve"> </w:t>
      </w:r>
      <w:proofErr w:type="spellStart"/>
      <w:r>
        <w:rPr>
          <w:rFonts w:ascii="Tahoma" w:eastAsia="Tahoma" w:hAnsi="Tahoma" w:cs="Tahoma"/>
          <w:b w:val="0"/>
        </w:rPr>
        <w:t>Play</w:t>
      </w:r>
      <w:proofErr w:type="spellEnd"/>
      <w:r>
        <w:rPr>
          <w:rFonts w:ascii="Times New Roman" w:eastAsia="Times New Roman" w:hAnsi="Times New Roman" w:cs="Times New Roman"/>
          <w:b w:val="0"/>
        </w:rPr>
        <w:t xml:space="preserve"> </w:t>
      </w:r>
      <w:bookmarkEnd w:id="18"/>
    </w:p>
    <w:p w:rsidR="0043064D" w:rsidRDefault="008B3C4B">
      <w:pPr>
        <w:ind w:left="-5" w:right="1"/>
      </w:pPr>
      <w:proofErr w:type="spellStart"/>
      <w:r>
        <w:t>Windows</w:t>
      </w:r>
      <w:proofErr w:type="spellEnd"/>
      <w:r>
        <w:t xml:space="preserve"> нацелена на полную поддержку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но конкретный уровень поддержки зависит от устройств, подключенных к системе, и установленных в ней драйверов. Уровень поддержки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может быть снижен, если хотя бы один драйвер или устройство не отвечает стандарту </w:t>
      </w:r>
      <w:proofErr w:type="spellStart"/>
      <w:r>
        <w:t>Plug</w:t>
      </w:r>
      <w:proofErr w:type="spellEnd"/>
      <w:r>
        <w:t xml:space="preserve"> </w:t>
      </w:r>
      <w:proofErr w:type="spellStart"/>
      <w:r>
        <w:t>and</w:t>
      </w:r>
      <w:proofErr w:type="spellEnd"/>
      <w:r>
        <w:t xml:space="preserve"> </w:t>
      </w:r>
      <w:proofErr w:type="spellStart"/>
      <w:r>
        <w:t>Play</w:t>
      </w:r>
      <w:proofErr w:type="spellEnd"/>
      <w:r>
        <w:t>. Более того</w:t>
      </w:r>
      <w:r>
        <w:t xml:space="preserve">, драйвер, не поддерживающий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может лишить систему возможности использовать другие устройства. </w:t>
      </w:r>
    </w:p>
    <w:p w:rsidR="0043064D" w:rsidRDefault="008B3C4B">
      <w:pPr>
        <w:spacing w:after="262"/>
        <w:ind w:left="-5" w:right="1"/>
      </w:pPr>
      <w:proofErr w:type="spellStart"/>
      <w:r>
        <w:t>PnP</w:t>
      </w:r>
      <w:proofErr w:type="spellEnd"/>
      <w:r>
        <w:t xml:space="preserve">-несовместимое устройство, </w:t>
      </w:r>
      <w:proofErr w:type="gramStart"/>
      <w:r>
        <w:t>например</w:t>
      </w:r>
      <w:proofErr w:type="gramEnd"/>
      <w:r>
        <w:t xml:space="preserve"> унаследованная звуковая плата с ISA-шиной, не поддерживает автоматическое определение. Из-за этого таким ус</w:t>
      </w:r>
      <w:r>
        <w:t xml:space="preserve">тройствам запрещены некоторые операции вроде «горячего» подключения или перехода в один из режимов сна. Если для такого устройства вручную установить </w:t>
      </w:r>
      <w:proofErr w:type="spellStart"/>
      <w:r>
        <w:t>PnP</w:t>
      </w:r>
      <w:proofErr w:type="spellEnd"/>
      <w:r>
        <w:t xml:space="preserve">-совместимый драйвер, он сможет по крайней мере использовать ресурсы, которые диспетчер </w:t>
      </w:r>
      <w:proofErr w:type="spellStart"/>
      <w:r>
        <w:t>PnP</w:t>
      </w:r>
      <w:proofErr w:type="spellEnd"/>
      <w:r>
        <w:t xml:space="preserve"> будет выдел</w:t>
      </w:r>
      <w:r>
        <w:t xml:space="preserve">ять этому устройству. </w:t>
      </w:r>
    </w:p>
    <w:p w:rsidR="0043064D" w:rsidRDefault="008B3C4B">
      <w:pPr>
        <w:pStyle w:val="3"/>
        <w:spacing w:after="57" w:line="265" w:lineRule="auto"/>
        <w:ind w:left="-5"/>
      </w:pPr>
      <w:bookmarkStart w:id="19" w:name="_Toc68667"/>
      <w:r>
        <w:rPr>
          <w:rFonts w:ascii="Tahoma" w:eastAsia="Tahoma" w:hAnsi="Tahoma" w:cs="Tahoma"/>
          <w:b w:val="0"/>
        </w:rPr>
        <w:t xml:space="preserve">Поддержка </w:t>
      </w:r>
      <w:proofErr w:type="spellStart"/>
      <w:r>
        <w:rPr>
          <w:rFonts w:ascii="Tahoma" w:eastAsia="Tahoma" w:hAnsi="Tahoma" w:cs="Tahoma"/>
          <w:b w:val="0"/>
        </w:rPr>
        <w:t>Plug</w:t>
      </w:r>
      <w:proofErr w:type="spellEnd"/>
      <w:r>
        <w:rPr>
          <w:rFonts w:ascii="Tahoma" w:eastAsia="Tahoma" w:hAnsi="Tahoma" w:cs="Tahoma"/>
          <w:b w:val="0"/>
        </w:rPr>
        <w:t xml:space="preserve"> </w:t>
      </w:r>
      <w:proofErr w:type="spellStart"/>
      <w:r>
        <w:rPr>
          <w:rFonts w:ascii="Tahoma" w:eastAsia="Tahoma" w:hAnsi="Tahoma" w:cs="Tahoma"/>
          <w:b w:val="0"/>
        </w:rPr>
        <w:t>and</w:t>
      </w:r>
      <w:proofErr w:type="spellEnd"/>
      <w:r>
        <w:rPr>
          <w:rFonts w:ascii="Tahoma" w:eastAsia="Tahoma" w:hAnsi="Tahoma" w:cs="Tahoma"/>
          <w:b w:val="0"/>
        </w:rPr>
        <w:t xml:space="preserve"> </w:t>
      </w:r>
      <w:proofErr w:type="spellStart"/>
      <w:r>
        <w:rPr>
          <w:rFonts w:ascii="Tahoma" w:eastAsia="Tahoma" w:hAnsi="Tahoma" w:cs="Tahoma"/>
          <w:b w:val="0"/>
        </w:rPr>
        <w:t>Play</w:t>
      </w:r>
      <w:proofErr w:type="spellEnd"/>
      <w:r>
        <w:rPr>
          <w:rFonts w:ascii="Tahoma" w:eastAsia="Tahoma" w:hAnsi="Tahoma" w:cs="Tahoma"/>
          <w:b w:val="0"/>
        </w:rPr>
        <w:t xml:space="preserve"> со стороны драйвера </w:t>
      </w:r>
      <w:bookmarkEnd w:id="19"/>
    </w:p>
    <w:p w:rsidR="0043064D" w:rsidRDefault="008B3C4B">
      <w:pPr>
        <w:ind w:left="-5" w:right="1"/>
      </w:pPr>
      <w:r>
        <w:t xml:space="preserve">Для поддержки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в драйвере должна быть реализована процедура диспетчеризации </w:t>
      </w:r>
      <w:proofErr w:type="spellStart"/>
      <w:r>
        <w:t>Plug</w:t>
      </w:r>
      <w:proofErr w:type="spellEnd"/>
      <w:r>
        <w:t xml:space="preserve"> </w:t>
      </w:r>
      <w:proofErr w:type="spellStart"/>
      <w:r>
        <w:t>and</w:t>
      </w:r>
      <w:proofErr w:type="spellEnd"/>
      <w:r>
        <w:t xml:space="preserve"> </w:t>
      </w:r>
      <w:proofErr w:type="spellStart"/>
      <w:r>
        <w:t>Play</w:t>
      </w:r>
      <w:proofErr w:type="spellEnd"/>
      <w:r>
        <w:t>, а также процедура добавления устройства. Однако драйверы шип должны поддерживать тип</w:t>
      </w:r>
      <w:r>
        <w:t xml:space="preserve">ы запросов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отличные от тех, которые поддерживаются функциональными драйверами и драйверами фильтров. Так, при перечислении устройств в процессе загрузки диспетчер </w:t>
      </w:r>
      <w:proofErr w:type="spellStart"/>
      <w:r>
        <w:t>PnP</w:t>
      </w:r>
      <w:proofErr w:type="spellEnd"/>
      <w:r>
        <w:t xml:space="preserve"> запрашивает у </w:t>
      </w:r>
      <w:r>
        <w:lastRenderedPageBreak/>
        <w:t>драйверов шин описание устройств, найденных ими на своих шин</w:t>
      </w:r>
      <w:r>
        <w:t xml:space="preserve">ах. В это описание входят данные, уникально идентифицирующие каждое устройство, а также требования устройств к аппаратным ресурсам. Диспетчер </w:t>
      </w:r>
      <w:proofErr w:type="spellStart"/>
      <w:r>
        <w:t>PnP</w:t>
      </w:r>
      <w:proofErr w:type="spellEnd"/>
      <w:r>
        <w:t xml:space="preserve"> принимает эту информацию и загружает функциональные драйверы или драйверы фильтров, установленные для обнаруже</w:t>
      </w:r>
      <w:r>
        <w:t xml:space="preserve">нных устройств. Затем он вызывает процедуру добавления устройства каждого драйвера, установленного для каждого устройства. </w:t>
      </w:r>
    </w:p>
    <w:p w:rsidR="0043064D" w:rsidRDefault="008B3C4B">
      <w:pPr>
        <w:ind w:left="-5" w:right="1"/>
      </w:pPr>
      <w:r>
        <w:t>Выполняя процедуру добавления устройства, функциональные драйверы и драйверы фильтров готовятся начать управление своими устройствам</w:t>
      </w:r>
      <w:r>
        <w:t xml:space="preserve">и, но на самом деле пока еще не взаимодействуют с ними. Они ждут команду </w:t>
      </w:r>
      <w:proofErr w:type="spellStart"/>
      <w:r>
        <w:rPr>
          <w:rFonts w:ascii="Courier New" w:eastAsia="Courier New" w:hAnsi="Courier New" w:cs="Courier New"/>
        </w:rPr>
        <w:t>start-device</w:t>
      </w:r>
      <w:proofErr w:type="spellEnd"/>
      <w:r>
        <w:t xml:space="preserve">, которую диспетчер </w:t>
      </w:r>
      <w:proofErr w:type="spellStart"/>
      <w:r>
        <w:t>PnP</w:t>
      </w:r>
      <w:proofErr w:type="spellEnd"/>
      <w:r>
        <w:t xml:space="preserve"> должен передать их процедурам диспетчеризации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До передачи этой команды диспетчер </w:t>
      </w:r>
      <w:proofErr w:type="spellStart"/>
      <w:r>
        <w:t>PnP</w:t>
      </w:r>
      <w:proofErr w:type="spellEnd"/>
      <w:r>
        <w:t xml:space="preserve"> выполняет арбитраж ресурсов, чтобы решить, каки</w:t>
      </w:r>
      <w:r>
        <w:t xml:space="preserve">е ресурсы выделить тому или иному устройству. В команде </w:t>
      </w:r>
      <w:proofErr w:type="spellStart"/>
      <w:r>
        <w:rPr>
          <w:rFonts w:ascii="Courier New" w:eastAsia="Courier New" w:hAnsi="Courier New" w:cs="Courier New"/>
        </w:rPr>
        <w:t>start-device</w:t>
      </w:r>
      <w:proofErr w:type="spellEnd"/>
      <w:r>
        <w:t xml:space="preserve"> указываются назначенные ресурсы, определенные диспетчером </w:t>
      </w:r>
      <w:proofErr w:type="spellStart"/>
      <w:r>
        <w:t>PnP</w:t>
      </w:r>
      <w:proofErr w:type="spellEnd"/>
      <w:r>
        <w:t xml:space="preserve"> при арбитраже ресурсов. Получив команду </w:t>
      </w:r>
      <w:proofErr w:type="spellStart"/>
      <w:r>
        <w:rPr>
          <w:rFonts w:ascii="Courier New" w:eastAsia="Courier New" w:hAnsi="Courier New" w:cs="Courier New"/>
        </w:rPr>
        <w:t>start-device</w:t>
      </w:r>
      <w:proofErr w:type="spellEnd"/>
      <w:r>
        <w:t xml:space="preserve">, драйвер может настроить свое устройство па использование указанных ресурсов. Если программа пытается открыть устройство, которое не готово к началу работы, она получает код ошибки, указывающий на отсутствие этого устройства. </w:t>
      </w:r>
    </w:p>
    <w:p w:rsidR="0043064D" w:rsidRDefault="008B3C4B">
      <w:pPr>
        <w:ind w:left="-5" w:right="1"/>
      </w:pPr>
      <w:r>
        <w:t>После запуска устройства дис</w:t>
      </w:r>
      <w:r>
        <w:t xml:space="preserve">петчер </w:t>
      </w:r>
      <w:proofErr w:type="spellStart"/>
      <w:r>
        <w:t>PnP</w:t>
      </w:r>
      <w:proofErr w:type="spellEnd"/>
      <w:r>
        <w:t xml:space="preserve"> может посылать драйверу дополнительные </w:t>
      </w:r>
      <w:proofErr w:type="spellStart"/>
      <w:r>
        <w:t>PnP</w:t>
      </w:r>
      <w:proofErr w:type="spellEnd"/>
      <w:r>
        <w:t xml:space="preserve">-команды, в том числе относящиеся к удалению устройства из системы или перераспределению ресурсов. Например, когда пользователь выбирает команду </w:t>
      </w:r>
      <w:proofErr w:type="spellStart"/>
      <w:r>
        <w:t>Unplug</w:t>
      </w:r>
      <w:proofErr w:type="spellEnd"/>
      <w:r>
        <w:t xml:space="preserve"> </w:t>
      </w:r>
      <w:proofErr w:type="spellStart"/>
      <w:r>
        <w:t>Or</w:t>
      </w:r>
      <w:proofErr w:type="spellEnd"/>
      <w:r>
        <w:t xml:space="preserve"> </w:t>
      </w:r>
      <w:proofErr w:type="spellStart"/>
      <w:r>
        <w:t>Eject</w:t>
      </w:r>
      <w:proofErr w:type="spellEnd"/>
      <w:r>
        <w:t xml:space="preserve"> </w:t>
      </w:r>
      <w:proofErr w:type="spellStart"/>
      <w:r>
        <w:t>Hardware</w:t>
      </w:r>
      <w:proofErr w:type="spellEnd"/>
      <w:r>
        <w:t xml:space="preserve"> (Отключение или извлечение аппара</w:t>
      </w:r>
      <w:r>
        <w:t xml:space="preserve">тного устройства), — и командует </w:t>
      </w:r>
      <w:proofErr w:type="spellStart"/>
      <w:r>
        <w:t>Windows</w:t>
      </w:r>
      <w:proofErr w:type="spellEnd"/>
      <w:r>
        <w:t xml:space="preserve"> извлечь устройство, диспетчер </w:t>
      </w:r>
      <w:proofErr w:type="spellStart"/>
      <w:r>
        <w:t>PnP</w:t>
      </w:r>
      <w:proofErr w:type="spellEnd"/>
      <w:r>
        <w:t xml:space="preserve"> посылает уведомление </w:t>
      </w:r>
      <w:proofErr w:type="spellStart"/>
      <w:r>
        <w:rPr>
          <w:rFonts w:ascii="Courier New" w:eastAsia="Courier New" w:hAnsi="Courier New" w:cs="Courier New"/>
        </w:rPr>
        <w:t>queryremove</w:t>
      </w:r>
      <w:proofErr w:type="spellEnd"/>
      <w:r>
        <w:t xml:space="preserve"> каждому приложению, зарегистрированному на получение </w:t>
      </w:r>
      <w:proofErr w:type="spellStart"/>
      <w:r>
        <w:t>PnP</w:t>
      </w:r>
      <w:proofErr w:type="spellEnd"/>
      <w:r>
        <w:t>-уведомлений об этом устройстве. Как правило, приложения регистрируются на получение уведомл</w:t>
      </w:r>
      <w:r>
        <w:t xml:space="preserve">ений через свои описатели устройства, которые они закрывают, получая уведомление </w:t>
      </w:r>
      <w:proofErr w:type="spellStart"/>
      <w:r>
        <w:rPr>
          <w:rFonts w:ascii="Courier New" w:eastAsia="Courier New" w:hAnsi="Courier New" w:cs="Courier New"/>
        </w:rPr>
        <w:t>query-remove</w:t>
      </w:r>
      <w:proofErr w:type="spellEnd"/>
      <w:r>
        <w:t xml:space="preserve">. Если ни одно приложение не налагает вето на запрос </w:t>
      </w:r>
      <w:proofErr w:type="spellStart"/>
      <w:r>
        <w:rPr>
          <w:rFonts w:ascii="Courier New" w:eastAsia="Courier New" w:hAnsi="Courier New" w:cs="Courier New"/>
        </w:rPr>
        <w:t>query-remove</w:t>
      </w:r>
      <w:proofErr w:type="spellEnd"/>
      <w:r>
        <w:t xml:space="preserve">, диспетчер </w:t>
      </w:r>
      <w:proofErr w:type="spellStart"/>
      <w:r>
        <w:t>PnP</w:t>
      </w:r>
      <w:proofErr w:type="spellEnd"/>
      <w:r>
        <w:t xml:space="preserve"> посылает команду </w:t>
      </w:r>
      <w:proofErr w:type="spellStart"/>
      <w:r>
        <w:rPr>
          <w:rFonts w:ascii="Courier New" w:eastAsia="Courier New" w:hAnsi="Courier New" w:cs="Courier New"/>
        </w:rPr>
        <w:t>query-remove</w:t>
      </w:r>
      <w:proofErr w:type="spellEnd"/>
      <w:r>
        <w:t xml:space="preserve"> драйверу, управляющему извлекаемым устройством. На э</w:t>
      </w:r>
      <w:r>
        <w:t>том этапе драйвер решает, что ему делать дальше: запретить удаление устройства или завершить все операции ввода-вывода на этом устройстве и прекратить дальнейший прием запросов на ввод-вывод, направляемых устройству. Если драйвер отвечает согласием на запр</w:t>
      </w:r>
      <w:r>
        <w:t xml:space="preserve">ос об удалении и открытых описателей устройства больше нет, диспетчер </w:t>
      </w:r>
      <w:proofErr w:type="spellStart"/>
      <w:r>
        <w:t>PnP</w:t>
      </w:r>
      <w:proofErr w:type="spellEnd"/>
      <w:r>
        <w:t xml:space="preserve"> посылает драйверу команду </w:t>
      </w:r>
      <w:proofErr w:type="spellStart"/>
      <w:r>
        <w:rPr>
          <w:rFonts w:ascii="Courier New" w:eastAsia="Courier New" w:hAnsi="Courier New" w:cs="Courier New"/>
        </w:rPr>
        <w:t>remove</w:t>
      </w:r>
      <w:proofErr w:type="spellEnd"/>
      <w:r>
        <w:t xml:space="preserve">, требующую от него прекратить обращение к устройству и освободить все ресурсы, выделенные им для данного устройства. </w:t>
      </w:r>
    </w:p>
    <w:p w:rsidR="0043064D" w:rsidRDefault="008B3C4B">
      <w:pPr>
        <w:spacing w:after="139"/>
        <w:ind w:left="-5" w:right="1"/>
      </w:pPr>
      <w:r>
        <w:t xml:space="preserve">Когда диспетчеру </w:t>
      </w:r>
      <w:proofErr w:type="spellStart"/>
      <w:r>
        <w:t>PnP</w:t>
      </w:r>
      <w:proofErr w:type="spellEnd"/>
      <w:r>
        <w:t xml:space="preserve"> нужно пере</w:t>
      </w:r>
      <w:r>
        <w:t xml:space="preserve">распределить ресурсы для устройства, он сначала запрашивает драйвер, может ли тот временно приостановить операции на устройстве, и с этой целью посылает команду </w:t>
      </w:r>
      <w:proofErr w:type="spellStart"/>
      <w:r>
        <w:rPr>
          <w:rFonts w:ascii="Courier New" w:eastAsia="Courier New" w:hAnsi="Courier New" w:cs="Courier New"/>
        </w:rPr>
        <w:t>query-stop</w:t>
      </w:r>
      <w:proofErr w:type="spellEnd"/>
      <w:r>
        <w:t>. Драйвер отвечает на этот запрос согласием, если нет риска потери или повреждения да</w:t>
      </w:r>
      <w:r>
        <w:t xml:space="preserve">нных; в ином случае он отклоняет такой запрос. Как и в случае команды </w:t>
      </w:r>
      <w:proofErr w:type="spellStart"/>
      <w:r>
        <w:rPr>
          <w:rFonts w:ascii="Courier New" w:eastAsia="Courier New" w:hAnsi="Courier New" w:cs="Courier New"/>
        </w:rPr>
        <w:t>query-remove</w:t>
      </w:r>
      <w:proofErr w:type="spellEnd"/>
      <w:r>
        <w:t xml:space="preserve">, драйвер, согласившись с запросом, заканчивает незавершенные операции ввода-вывода и больше не передает этому устройству запросы на ввод-вывод. (Новые запросы на ввод-вывод </w:t>
      </w:r>
      <w:r>
        <w:t xml:space="preserve">драйвер обычно ставит в очередь.) Далее диспетчер </w:t>
      </w:r>
      <w:proofErr w:type="spellStart"/>
      <w:r>
        <w:t>PnP</w:t>
      </w:r>
      <w:proofErr w:type="spellEnd"/>
      <w:r>
        <w:t xml:space="preserve"> посылает драйверу команду </w:t>
      </w:r>
      <w:proofErr w:type="spellStart"/>
      <w:r>
        <w:rPr>
          <w:rFonts w:ascii="Courier New" w:eastAsia="Courier New" w:hAnsi="Courier New" w:cs="Courier New"/>
        </w:rPr>
        <w:t>stop</w:t>
      </w:r>
      <w:proofErr w:type="spellEnd"/>
      <w:r>
        <w:t xml:space="preserve">. На этом этапе диспетчер </w:t>
      </w:r>
      <w:proofErr w:type="spellStart"/>
      <w:r>
        <w:t>PnP</w:t>
      </w:r>
      <w:proofErr w:type="spellEnd"/>
      <w:r>
        <w:t xml:space="preserve"> может указать драйверу выделить устройству другие ресурсы, а потом послать команду </w:t>
      </w:r>
      <w:proofErr w:type="spellStart"/>
      <w:r>
        <w:rPr>
          <w:rFonts w:ascii="Courier New" w:eastAsia="Courier New" w:hAnsi="Courier New" w:cs="Courier New"/>
        </w:rPr>
        <w:t>start-device</w:t>
      </w:r>
      <w:proofErr w:type="spellEnd"/>
      <w:r>
        <w:t xml:space="preserve">. </w:t>
      </w:r>
    </w:p>
    <w:p w:rsidR="0043064D" w:rsidRDefault="008B3C4B">
      <w:pPr>
        <w:ind w:left="-5" w:right="1"/>
      </w:pPr>
      <w:r>
        <w:t xml:space="preserve">Команды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вызывают переход устро</w:t>
      </w:r>
      <w:r>
        <w:t xml:space="preserve">йства в строго определенные состояния, которые в упрощенной форме представлены на Рис. 22. (Некоторые состояния и команды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на этой иллюстрации опущены. Кроме того, этот вариант относится к диаграмме состояний, реализуемой функциональными драйв</w:t>
      </w:r>
      <w:r>
        <w:t xml:space="preserve">ерами. Диаграмма состояний, реализуемых драйверами шин, гораздо сложнее.) Кстати, на рис. 22 показано одно из состояний, которое мы еще не обсудили, — устройство переходит в него после команды </w:t>
      </w:r>
      <w:proofErr w:type="spellStart"/>
      <w:r>
        <w:rPr>
          <w:rFonts w:ascii="Courier New" w:eastAsia="Courier New" w:hAnsi="Courier New" w:cs="Courier New"/>
        </w:rPr>
        <w:t>surprise-remove</w:t>
      </w:r>
      <w:proofErr w:type="spellEnd"/>
      <w:r>
        <w:t xml:space="preserve"> диспетчера </w:t>
      </w:r>
      <w:proofErr w:type="spellStart"/>
      <w:r>
        <w:t>PnP</w:t>
      </w:r>
      <w:proofErr w:type="spellEnd"/>
      <w:r>
        <w:t>. Эта команда посылается при неож</w:t>
      </w:r>
      <w:r>
        <w:t xml:space="preserve">иданном удалении устройства из системы, </w:t>
      </w:r>
      <w:proofErr w:type="gramStart"/>
      <w:r>
        <w:t>например</w:t>
      </w:r>
      <w:proofErr w:type="gramEnd"/>
      <w:r>
        <w:t xml:space="preserve"> из-за его отказа или из-за извлечения устройства без применения соответствующей утилиты. Команда </w:t>
      </w:r>
      <w:proofErr w:type="spellStart"/>
      <w:r>
        <w:rPr>
          <w:rFonts w:ascii="Courier New" w:eastAsia="Courier New" w:hAnsi="Courier New" w:cs="Courier New"/>
        </w:rPr>
        <w:t>surprise-remove</w:t>
      </w:r>
      <w:proofErr w:type="spellEnd"/>
      <w:r>
        <w:t xml:space="preserve"> заставляет драйвер немедленно прекратить всякое взаимодействие с устройством, так как оно боль</w:t>
      </w:r>
      <w:r>
        <w:t xml:space="preserve">ше не подключено к системе, и отменить любые незавершенные запросы ввода-вывода. </w:t>
      </w:r>
    </w:p>
    <w:p w:rsidR="0043064D" w:rsidRDefault="008B3C4B">
      <w:pPr>
        <w:spacing w:after="365" w:line="259" w:lineRule="auto"/>
        <w:ind w:left="1073" w:firstLine="0"/>
        <w:jc w:val="left"/>
      </w:pPr>
      <w:r>
        <w:rPr>
          <w:rFonts w:ascii="Calibri" w:eastAsia="Calibri" w:hAnsi="Calibri" w:cs="Calibri"/>
          <w:noProof/>
          <w:sz w:val="22"/>
        </w:rPr>
        <w:lastRenderedPageBreak/>
        <mc:AlternateContent>
          <mc:Choice Requires="wpg">
            <w:drawing>
              <wp:inline distT="0" distB="0" distL="0" distR="0">
                <wp:extent cx="4724274" cy="3015510"/>
                <wp:effectExtent l="0" t="0" r="0" b="0"/>
                <wp:docPr id="62830" name="Group 62830"/>
                <wp:cNvGraphicFramePr/>
                <a:graphic xmlns:a="http://schemas.openxmlformats.org/drawingml/2006/main">
                  <a:graphicData uri="http://schemas.microsoft.com/office/word/2010/wordprocessingGroup">
                    <wpg:wgp>
                      <wpg:cNvGrpSpPr/>
                      <wpg:grpSpPr>
                        <a:xfrm>
                          <a:off x="0" y="0"/>
                          <a:ext cx="4724274" cy="3015510"/>
                          <a:chOff x="0" y="0"/>
                          <a:chExt cx="4724274" cy="3015510"/>
                        </a:xfrm>
                      </wpg:grpSpPr>
                      <wps:wsp>
                        <wps:cNvPr id="6638" name="Shape 6638"/>
                        <wps:cNvSpPr/>
                        <wps:spPr>
                          <a:xfrm>
                            <a:off x="176138" y="0"/>
                            <a:ext cx="1081994" cy="326865"/>
                          </a:xfrm>
                          <a:custGeom>
                            <a:avLst/>
                            <a:gdLst/>
                            <a:ahLst/>
                            <a:cxnLst/>
                            <a:rect l="0" t="0" r="0" b="0"/>
                            <a:pathLst>
                              <a:path w="1081994" h="326865">
                                <a:moveTo>
                                  <a:pt x="1081994" y="163432"/>
                                </a:moveTo>
                                <a:cubicBezTo>
                                  <a:pt x="1081994" y="73159"/>
                                  <a:pt x="839829" y="0"/>
                                  <a:pt x="541010" y="0"/>
                                </a:cubicBezTo>
                                <a:cubicBezTo>
                                  <a:pt x="242219" y="0"/>
                                  <a:pt x="0" y="73159"/>
                                  <a:pt x="0" y="163432"/>
                                </a:cubicBezTo>
                                <a:cubicBezTo>
                                  <a:pt x="0" y="253706"/>
                                  <a:pt x="242219" y="326865"/>
                                  <a:pt x="541010" y="326865"/>
                                </a:cubicBezTo>
                                <a:cubicBezTo>
                                  <a:pt x="839829" y="326865"/>
                                  <a:pt x="1081994" y="253706"/>
                                  <a:pt x="1081994" y="163432"/>
                                </a:cubicBezTo>
                                <a:close/>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39" name="Rectangle 6639"/>
                        <wps:cNvSpPr/>
                        <wps:spPr>
                          <a:xfrm>
                            <a:off x="392267" y="117884"/>
                            <a:ext cx="864167"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Не запущено</w:t>
                              </w:r>
                            </w:p>
                          </w:txbxContent>
                        </wps:txbx>
                        <wps:bodyPr horzOverflow="overflow" vert="horz" lIns="0" tIns="0" rIns="0" bIns="0" rtlCol="0">
                          <a:noAutofit/>
                        </wps:bodyPr>
                      </wps:wsp>
                      <wps:wsp>
                        <wps:cNvPr id="6641" name="Shape 6641"/>
                        <wps:cNvSpPr/>
                        <wps:spPr>
                          <a:xfrm>
                            <a:off x="176138" y="842170"/>
                            <a:ext cx="1081994" cy="326777"/>
                          </a:xfrm>
                          <a:custGeom>
                            <a:avLst/>
                            <a:gdLst/>
                            <a:ahLst/>
                            <a:cxnLst/>
                            <a:rect l="0" t="0" r="0" b="0"/>
                            <a:pathLst>
                              <a:path w="1081994" h="326777">
                                <a:moveTo>
                                  <a:pt x="1081994" y="163344"/>
                                </a:moveTo>
                                <a:cubicBezTo>
                                  <a:pt x="1081994" y="73070"/>
                                  <a:pt x="839829" y="0"/>
                                  <a:pt x="541010" y="0"/>
                                </a:cubicBezTo>
                                <a:cubicBezTo>
                                  <a:pt x="242219" y="0"/>
                                  <a:pt x="0" y="73070"/>
                                  <a:pt x="0" y="163344"/>
                                </a:cubicBezTo>
                                <a:cubicBezTo>
                                  <a:pt x="0" y="253618"/>
                                  <a:pt x="242219" y="326777"/>
                                  <a:pt x="541010" y="326777"/>
                                </a:cubicBezTo>
                                <a:cubicBezTo>
                                  <a:pt x="839829" y="326777"/>
                                  <a:pt x="1081994" y="253618"/>
                                  <a:pt x="1081994" y="163344"/>
                                </a:cubicBezTo>
                                <a:close/>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42" name="Rectangle 6642"/>
                        <wps:cNvSpPr/>
                        <wps:spPr>
                          <a:xfrm>
                            <a:off x="467402" y="959965"/>
                            <a:ext cx="664311"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Запущено</w:t>
                              </w:r>
                            </w:p>
                          </w:txbxContent>
                        </wps:txbx>
                        <wps:bodyPr horzOverflow="overflow" vert="horz" lIns="0" tIns="0" rIns="0" bIns="0" rtlCol="0">
                          <a:noAutofit/>
                        </wps:bodyPr>
                      </wps:wsp>
                      <wps:wsp>
                        <wps:cNvPr id="6644" name="Shape 6644"/>
                        <wps:cNvSpPr/>
                        <wps:spPr>
                          <a:xfrm>
                            <a:off x="176138" y="1709347"/>
                            <a:ext cx="1081994" cy="377056"/>
                          </a:xfrm>
                          <a:custGeom>
                            <a:avLst/>
                            <a:gdLst/>
                            <a:ahLst/>
                            <a:cxnLst/>
                            <a:rect l="0" t="0" r="0" b="0"/>
                            <a:pathLst>
                              <a:path w="1081994" h="377056">
                                <a:moveTo>
                                  <a:pt x="1081994" y="188528"/>
                                </a:moveTo>
                                <a:cubicBezTo>
                                  <a:pt x="1081994" y="84421"/>
                                  <a:pt x="839829" y="0"/>
                                  <a:pt x="541010" y="0"/>
                                </a:cubicBezTo>
                                <a:cubicBezTo>
                                  <a:pt x="242219" y="0"/>
                                  <a:pt x="0" y="84421"/>
                                  <a:pt x="0" y="188528"/>
                                </a:cubicBezTo>
                                <a:cubicBezTo>
                                  <a:pt x="0" y="292636"/>
                                  <a:pt x="242219" y="377056"/>
                                  <a:pt x="541010" y="377056"/>
                                </a:cubicBezTo>
                                <a:cubicBezTo>
                                  <a:pt x="839829" y="377056"/>
                                  <a:pt x="1081994" y="292636"/>
                                  <a:pt x="1081994" y="188528"/>
                                </a:cubicBezTo>
                                <a:close/>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45" name="Rectangle 6645"/>
                        <wps:cNvSpPr/>
                        <wps:spPr>
                          <a:xfrm>
                            <a:off x="317833" y="1788479"/>
                            <a:ext cx="1101561"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Незавершенная </w:t>
                              </w:r>
                            </w:p>
                          </w:txbxContent>
                        </wps:txbx>
                        <wps:bodyPr horzOverflow="overflow" vert="horz" lIns="0" tIns="0" rIns="0" bIns="0" rtlCol="0">
                          <a:noAutofit/>
                        </wps:bodyPr>
                      </wps:wsp>
                      <wps:wsp>
                        <wps:cNvPr id="6646" name="Rectangle 6646"/>
                        <wps:cNvSpPr/>
                        <wps:spPr>
                          <a:xfrm>
                            <a:off x="466621" y="1916174"/>
                            <a:ext cx="666384"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остановка</w:t>
                              </w:r>
                            </w:p>
                          </w:txbxContent>
                        </wps:txbx>
                        <wps:bodyPr horzOverflow="overflow" vert="horz" lIns="0" tIns="0" rIns="0" bIns="0" rtlCol="0">
                          <a:noAutofit/>
                        </wps:bodyPr>
                      </wps:wsp>
                      <wps:wsp>
                        <wps:cNvPr id="6648" name="Shape 6648"/>
                        <wps:cNvSpPr/>
                        <wps:spPr>
                          <a:xfrm>
                            <a:off x="176138" y="2639423"/>
                            <a:ext cx="1081994" cy="326777"/>
                          </a:xfrm>
                          <a:custGeom>
                            <a:avLst/>
                            <a:gdLst/>
                            <a:ahLst/>
                            <a:cxnLst/>
                            <a:rect l="0" t="0" r="0" b="0"/>
                            <a:pathLst>
                              <a:path w="1081994" h="326777">
                                <a:moveTo>
                                  <a:pt x="1081994" y="163388"/>
                                </a:moveTo>
                                <a:cubicBezTo>
                                  <a:pt x="1081994" y="73150"/>
                                  <a:pt x="839829" y="0"/>
                                  <a:pt x="541010" y="0"/>
                                </a:cubicBezTo>
                                <a:cubicBezTo>
                                  <a:pt x="242219" y="0"/>
                                  <a:pt x="0" y="73150"/>
                                  <a:pt x="0" y="163388"/>
                                </a:cubicBezTo>
                                <a:cubicBezTo>
                                  <a:pt x="0" y="253626"/>
                                  <a:pt x="242219" y="326777"/>
                                  <a:pt x="541010" y="326777"/>
                                </a:cubicBezTo>
                                <a:cubicBezTo>
                                  <a:pt x="839829" y="326777"/>
                                  <a:pt x="1081994" y="253626"/>
                                  <a:pt x="1081994" y="163388"/>
                                </a:cubicBezTo>
                                <a:close/>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49" name="Rectangle 6649"/>
                        <wps:cNvSpPr/>
                        <wps:spPr>
                          <a:xfrm>
                            <a:off x="388006" y="2757262"/>
                            <a:ext cx="875512"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Остановлено</w:t>
                              </w:r>
                            </w:p>
                          </w:txbxContent>
                        </wps:txbx>
                        <wps:bodyPr horzOverflow="overflow" vert="horz" lIns="0" tIns="0" rIns="0" bIns="0" rtlCol="0">
                          <a:noAutofit/>
                        </wps:bodyPr>
                      </wps:wsp>
                      <wps:wsp>
                        <wps:cNvPr id="6650" name="Shape 6650"/>
                        <wps:cNvSpPr/>
                        <wps:spPr>
                          <a:xfrm>
                            <a:off x="772568" y="325978"/>
                            <a:ext cx="0" cy="437978"/>
                          </a:xfrm>
                          <a:custGeom>
                            <a:avLst/>
                            <a:gdLst/>
                            <a:ahLst/>
                            <a:cxnLst/>
                            <a:rect l="0" t="0" r="0" b="0"/>
                            <a:pathLst>
                              <a:path h="437978">
                                <a:moveTo>
                                  <a:pt x="0" y="0"/>
                                </a:moveTo>
                                <a:lnTo>
                                  <a:pt x="0" y="437978"/>
                                </a:lnTo>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51" name="Shape 6651"/>
                        <wps:cNvSpPr/>
                        <wps:spPr>
                          <a:xfrm>
                            <a:off x="743806" y="756773"/>
                            <a:ext cx="57514" cy="86195"/>
                          </a:xfrm>
                          <a:custGeom>
                            <a:avLst/>
                            <a:gdLst/>
                            <a:ahLst/>
                            <a:cxnLst/>
                            <a:rect l="0" t="0" r="0" b="0"/>
                            <a:pathLst>
                              <a:path w="57514" h="86195">
                                <a:moveTo>
                                  <a:pt x="0" y="0"/>
                                </a:moveTo>
                                <a:lnTo>
                                  <a:pt x="57514" y="0"/>
                                </a:lnTo>
                                <a:lnTo>
                                  <a:pt x="28762" y="86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652" name="Shape 6652"/>
                        <wps:cNvSpPr/>
                        <wps:spPr>
                          <a:xfrm>
                            <a:off x="784862" y="1167616"/>
                            <a:ext cx="0" cy="464227"/>
                          </a:xfrm>
                          <a:custGeom>
                            <a:avLst/>
                            <a:gdLst/>
                            <a:ahLst/>
                            <a:cxnLst/>
                            <a:rect l="0" t="0" r="0" b="0"/>
                            <a:pathLst>
                              <a:path h="464227">
                                <a:moveTo>
                                  <a:pt x="0" y="0"/>
                                </a:moveTo>
                                <a:lnTo>
                                  <a:pt x="0" y="464227"/>
                                </a:lnTo>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53" name="Shape 6653"/>
                        <wps:cNvSpPr/>
                        <wps:spPr>
                          <a:xfrm>
                            <a:off x="756101" y="1624660"/>
                            <a:ext cx="57559" cy="86195"/>
                          </a:xfrm>
                          <a:custGeom>
                            <a:avLst/>
                            <a:gdLst/>
                            <a:ahLst/>
                            <a:cxnLst/>
                            <a:rect l="0" t="0" r="0" b="0"/>
                            <a:pathLst>
                              <a:path w="57559" h="86195">
                                <a:moveTo>
                                  <a:pt x="0" y="0"/>
                                </a:moveTo>
                                <a:lnTo>
                                  <a:pt x="57559" y="0"/>
                                </a:lnTo>
                                <a:lnTo>
                                  <a:pt x="28762" y="86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654" name="Shape 6654"/>
                        <wps:cNvSpPr/>
                        <wps:spPr>
                          <a:xfrm>
                            <a:off x="785173" y="2084896"/>
                            <a:ext cx="0" cy="476810"/>
                          </a:xfrm>
                          <a:custGeom>
                            <a:avLst/>
                            <a:gdLst/>
                            <a:ahLst/>
                            <a:cxnLst/>
                            <a:rect l="0" t="0" r="0" b="0"/>
                            <a:pathLst>
                              <a:path h="476810">
                                <a:moveTo>
                                  <a:pt x="0" y="0"/>
                                </a:moveTo>
                                <a:lnTo>
                                  <a:pt x="0" y="476810"/>
                                </a:lnTo>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55" name="Shape 6655"/>
                        <wps:cNvSpPr/>
                        <wps:spPr>
                          <a:xfrm>
                            <a:off x="756412" y="2554523"/>
                            <a:ext cx="57514" cy="86195"/>
                          </a:xfrm>
                          <a:custGeom>
                            <a:avLst/>
                            <a:gdLst/>
                            <a:ahLst/>
                            <a:cxnLst/>
                            <a:rect l="0" t="0" r="0" b="0"/>
                            <a:pathLst>
                              <a:path w="57514" h="86195">
                                <a:moveTo>
                                  <a:pt x="0" y="0"/>
                                </a:moveTo>
                                <a:lnTo>
                                  <a:pt x="57514" y="0"/>
                                </a:lnTo>
                                <a:lnTo>
                                  <a:pt x="28762" y="8619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656" name="Shape 6656"/>
                        <wps:cNvSpPr/>
                        <wps:spPr>
                          <a:xfrm>
                            <a:off x="0" y="1005514"/>
                            <a:ext cx="177931" cy="1784013"/>
                          </a:xfrm>
                          <a:custGeom>
                            <a:avLst/>
                            <a:gdLst/>
                            <a:ahLst/>
                            <a:cxnLst/>
                            <a:rect l="0" t="0" r="0" b="0"/>
                            <a:pathLst>
                              <a:path w="177931" h="1784013">
                                <a:moveTo>
                                  <a:pt x="177931" y="1784013"/>
                                </a:moveTo>
                                <a:lnTo>
                                  <a:pt x="0" y="1784013"/>
                                </a:lnTo>
                                <a:lnTo>
                                  <a:pt x="0" y="0"/>
                                </a:lnTo>
                                <a:lnTo>
                                  <a:pt x="97044" y="0"/>
                                </a:lnTo>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57" name="Shape 6657"/>
                        <wps:cNvSpPr/>
                        <wps:spPr>
                          <a:xfrm>
                            <a:off x="89853" y="976782"/>
                            <a:ext cx="86285" cy="57463"/>
                          </a:xfrm>
                          <a:custGeom>
                            <a:avLst/>
                            <a:gdLst/>
                            <a:ahLst/>
                            <a:cxnLst/>
                            <a:rect l="0" t="0" r="0" b="0"/>
                            <a:pathLst>
                              <a:path w="86285" h="57463">
                                <a:moveTo>
                                  <a:pt x="0" y="0"/>
                                </a:moveTo>
                                <a:lnTo>
                                  <a:pt x="86285" y="28731"/>
                                </a:lnTo>
                                <a:lnTo>
                                  <a:pt x="0" y="5746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658" name="Rectangle 6658"/>
                        <wps:cNvSpPr/>
                        <wps:spPr>
                          <a:xfrm>
                            <a:off x="71717" y="1361674"/>
                            <a:ext cx="616623" cy="13303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Команда </w:t>
                              </w:r>
                            </w:p>
                          </w:txbxContent>
                        </wps:txbx>
                        <wps:bodyPr horzOverflow="overflow" vert="horz" lIns="0" tIns="0" rIns="0" bIns="0" rtlCol="0">
                          <a:noAutofit/>
                        </wps:bodyPr>
                      </wps:wsp>
                      <wps:wsp>
                        <wps:cNvPr id="6659" name="Rectangle 6659"/>
                        <wps:cNvSpPr/>
                        <wps:spPr>
                          <a:xfrm>
                            <a:off x="71717" y="1470803"/>
                            <a:ext cx="275542" cy="15752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start</w:t>
                              </w:r>
                              <w:proofErr w:type="spellEnd"/>
                            </w:p>
                          </w:txbxContent>
                        </wps:txbx>
                        <wps:bodyPr horzOverflow="overflow" vert="horz" lIns="0" tIns="0" rIns="0" bIns="0" rtlCol="0">
                          <a:noAutofit/>
                        </wps:bodyPr>
                      </wps:wsp>
                      <wps:wsp>
                        <wps:cNvPr id="6660" name="Rectangle 6660"/>
                        <wps:cNvSpPr/>
                        <wps:spPr>
                          <a:xfrm>
                            <a:off x="278889" y="1470803"/>
                            <a:ext cx="47181" cy="1575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i/>
                                  <w:sz w:val="17"/>
                                </w:rPr>
                                <w:t>-</w:t>
                              </w:r>
                            </w:p>
                          </w:txbxContent>
                        </wps:txbx>
                        <wps:bodyPr horzOverflow="overflow" vert="horz" lIns="0" tIns="0" rIns="0" bIns="0" rtlCol="0">
                          <a:noAutofit/>
                        </wps:bodyPr>
                      </wps:wsp>
                      <wps:wsp>
                        <wps:cNvPr id="6661" name="Rectangle 6661"/>
                        <wps:cNvSpPr/>
                        <wps:spPr>
                          <a:xfrm>
                            <a:off x="314362" y="1470803"/>
                            <a:ext cx="409545" cy="15752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device</w:t>
                              </w:r>
                              <w:proofErr w:type="spellEnd"/>
                            </w:p>
                          </w:txbxContent>
                        </wps:txbx>
                        <wps:bodyPr horzOverflow="overflow" vert="horz" lIns="0" tIns="0" rIns="0" bIns="0" rtlCol="0">
                          <a:noAutofit/>
                        </wps:bodyPr>
                      </wps:wsp>
                      <wps:wsp>
                        <wps:cNvPr id="6662" name="Rectangle 6662"/>
                        <wps:cNvSpPr/>
                        <wps:spPr>
                          <a:xfrm>
                            <a:off x="916189" y="430206"/>
                            <a:ext cx="616623"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Команда </w:t>
                              </w:r>
                            </w:p>
                          </w:txbxContent>
                        </wps:txbx>
                        <wps:bodyPr horzOverflow="overflow" vert="horz" lIns="0" tIns="0" rIns="0" bIns="0" rtlCol="0">
                          <a:noAutofit/>
                        </wps:bodyPr>
                      </wps:wsp>
                      <wps:wsp>
                        <wps:cNvPr id="6663" name="Rectangle 6663"/>
                        <wps:cNvSpPr/>
                        <wps:spPr>
                          <a:xfrm>
                            <a:off x="916189" y="539335"/>
                            <a:ext cx="275542" cy="15752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start</w:t>
                              </w:r>
                              <w:proofErr w:type="spellEnd"/>
                            </w:p>
                          </w:txbxContent>
                        </wps:txbx>
                        <wps:bodyPr horzOverflow="overflow" vert="horz" lIns="0" tIns="0" rIns="0" bIns="0" rtlCol="0">
                          <a:noAutofit/>
                        </wps:bodyPr>
                      </wps:wsp>
                      <wps:wsp>
                        <wps:cNvPr id="6664" name="Rectangle 6664"/>
                        <wps:cNvSpPr/>
                        <wps:spPr>
                          <a:xfrm>
                            <a:off x="1123379" y="539335"/>
                            <a:ext cx="47181" cy="1575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i/>
                                  <w:sz w:val="17"/>
                                </w:rPr>
                                <w:t>-</w:t>
                              </w:r>
                            </w:p>
                          </w:txbxContent>
                        </wps:txbx>
                        <wps:bodyPr horzOverflow="overflow" vert="horz" lIns="0" tIns="0" rIns="0" bIns="0" rtlCol="0">
                          <a:noAutofit/>
                        </wps:bodyPr>
                      </wps:wsp>
                      <wps:wsp>
                        <wps:cNvPr id="6665" name="Rectangle 6665"/>
                        <wps:cNvSpPr/>
                        <wps:spPr>
                          <a:xfrm>
                            <a:off x="1158887" y="539335"/>
                            <a:ext cx="409545" cy="15752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device</w:t>
                              </w:r>
                              <w:proofErr w:type="spellEnd"/>
                            </w:p>
                          </w:txbxContent>
                        </wps:txbx>
                        <wps:bodyPr horzOverflow="overflow" vert="horz" lIns="0" tIns="0" rIns="0" bIns="0" rtlCol="0">
                          <a:noAutofit/>
                        </wps:bodyPr>
                      </wps:wsp>
                      <wps:wsp>
                        <wps:cNvPr id="6666" name="Rectangle 6666"/>
                        <wps:cNvSpPr/>
                        <wps:spPr>
                          <a:xfrm>
                            <a:off x="876953" y="1361674"/>
                            <a:ext cx="616623" cy="13303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Команда </w:t>
                              </w:r>
                            </w:p>
                          </w:txbxContent>
                        </wps:txbx>
                        <wps:bodyPr horzOverflow="overflow" vert="horz" lIns="0" tIns="0" rIns="0" bIns="0" rtlCol="0">
                          <a:noAutofit/>
                        </wps:bodyPr>
                      </wps:wsp>
                      <wps:wsp>
                        <wps:cNvPr id="6667" name="Rectangle 6667"/>
                        <wps:cNvSpPr/>
                        <wps:spPr>
                          <a:xfrm>
                            <a:off x="876953" y="1470803"/>
                            <a:ext cx="354404" cy="15752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query</w:t>
                              </w:r>
                              <w:proofErr w:type="spellEnd"/>
                            </w:p>
                          </w:txbxContent>
                        </wps:txbx>
                        <wps:bodyPr horzOverflow="overflow" vert="horz" lIns="0" tIns="0" rIns="0" bIns="0" rtlCol="0">
                          <a:noAutofit/>
                        </wps:bodyPr>
                      </wps:wsp>
                      <wps:wsp>
                        <wps:cNvPr id="6668" name="Rectangle 6668"/>
                        <wps:cNvSpPr/>
                        <wps:spPr>
                          <a:xfrm>
                            <a:off x="1143441" y="1470803"/>
                            <a:ext cx="47181" cy="1575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i/>
                                  <w:sz w:val="17"/>
                                </w:rPr>
                                <w:t>-</w:t>
                              </w:r>
                            </w:p>
                          </w:txbxContent>
                        </wps:txbx>
                        <wps:bodyPr horzOverflow="overflow" vert="horz" lIns="0" tIns="0" rIns="0" bIns="0" rtlCol="0">
                          <a:noAutofit/>
                        </wps:bodyPr>
                      </wps:wsp>
                      <wps:wsp>
                        <wps:cNvPr id="6669" name="Rectangle 6669"/>
                        <wps:cNvSpPr/>
                        <wps:spPr>
                          <a:xfrm>
                            <a:off x="1178861" y="1470803"/>
                            <a:ext cx="267796" cy="15752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stop</w:t>
                              </w:r>
                              <w:proofErr w:type="spellEnd"/>
                            </w:p>
                          </w:txbxContent>
                        </wps:txbx>
                        <wps:bodyPr horzOverflow="overflow" vert="horz" lIns="0" tIns="0" rIns="0" bIns="0" rtlCol="0">
                          <a:noAutofit/>
                        </wps:bodyPr>
                      </wps:wsp>
                      <wps:wsp>
                        <wps:cNvPr id="6670" name="Rectangle 6670"/>
                        <wps:cNvSpPr/>
                        <wps:spPr>
                          <a:xfrm>
                            <a:off x="865857" y="2241487"/>
                            <a:ext cx="616623" cy="13303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Команда </w:t>
                              </w:r>
                            </w:p>
                          </w:txbxContent>
                        </wps:txbx>
                        <wps:bodyPr horzOverflow="overflow" vert="horz" lIns="0" tIns="0" rIns="0" bIns="0" rtlCol="0">
                          <a:noAutofit/>
                        </wps:bodyPr>
                      </wps:wsp>
                      <wps:wsp>
                        <wps:cNvPr id="6671" name="Rectangle 6671"/>
                        <wps:cNvSpPr/>
                        <wps:spPr>
                          <a:xfrm>
                            <a:off x="865857" y="2350589"/>
                            <a:ext cx="267796" cy="157525"/>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stop</w:t>
                              </w:r>
                              <w:proofErr w:type="spellEnd"/>
                            </w:p>
                          </w:txbxContent>
                        </wps:txbx>
                        <wps:bodyPr horzOverflow="overflow" vert="horz" lIns="0" tIns="0" rIns="0" bIns="0" rtlCol="0">
                          <a:noAutofit/>
                        </wps:bodyPr>
                      </wps:wsp>
                      <wps:wsp>
                        <wps:cNvPr id="6673" name="Shape 6673"/>
                        <wps:cNvSpPr/>
                        <wps:spPr>
                          <a:xfrm>
                            <a:off x="2063368" y="0"/>
                            <a:ext cx="1082021" cy="326865"/>
                          </a:xfrm>
                          <a:custGeom>
                            <a:avLst/>
                            <a:gdLst/>
                            <a:ahLst/>
                            <a:cxnLst/>
                            <a:rect l="0" t="0" r="0" b="0"/>
                            <a:pathLst>
                              <a:path w="1082021" h="326865">
                                <a:moveTo>
                                  <a:pt x="1082021" y="163432"/>
                                </a:moveTo>
                                <a:cubicBezTo>
                                  <a:pt x="1082021" y="73159"/>
                                  <a:pt x="839856" y="0"/>
                                  <a:pt x="541055" y="0"/>
                                </a:cubicBezTo>
                                <a:cubicBezTo>
                                  <a:pt x="242254" y="0"/>
                                  <a:pt x="0" y="73159"/>
                                  <a:pt x="0" y="163432"/>
                                </a:cubicBezTo>
                                <a:cubicBezTo>
                                  <a:pt x="0" y="253706"/>
                                  <a:pt x="242254" y="326865"/>
                                  <a:pt x="541055" y="326865"/>
                                </a:cubicBezTo>
                                <a:cubicBezTo>
                                  <a:pt x="839856" y="326865"/>
                                  <a:pt x="1082021" y="253706"/>
                                  <a:pt x="1082021" y="163432"/>
                                </a:cubicBezTo>
                                <a:close/>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74" name="Rectangle 6674"/>
                        <wps:cNvSpPr/>
                        <wps:spPr>
                          <a:xfrm>
                            <a:off x="2204335" y="54036"/>
                            <a:ext cx="1103635"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Незавершенное </w:t>
                              </w:r>
                            </w:p>
                          </w:txbxContent>
                        </wps:txbx>
                        <wps:bodyPr horzOverflow="overflow" vert="horz" lIns="0" tIns="0" rIns="0" bIns="0" rtlCol="0">
                          <a:noAutofit/>
                        </wps:bodyPr>
                      </wps:wsp>
                      <wps:wsp>
                        <wps:cNvPr id="6675" name="Rectangle 6675"/>
                        <wps:cNvSpPr/>
                        <wps:spPr>
                          <a:xfrm>
                            <a:off x="2367584" y="181732"/>
                            <a:ext cx="629929"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удаление</w:t>
                              </w:r>
                            </w:p>
                          </w:txbxContent>
                        </wps:txbx>
                        <wps:bodyPr horzOverflow="overflow" vert="horz" lIns="0" tIns="0" rIns="0" bIns="0" rtlCol="0">
                          <a:noAutofit/>
                        </wps:bodyPr>
                      </wps:wsp>
                      <wps:wsp>
                        <wps:cNvPr id="6677" name="Shape 6677"/>
                        <wps:cNvSpPr/>
                        <wps:spPr>
                          <a:xfrm>
                            <a:off x="2063368" y="1759627"/>
                            <a:ext cx="1082021" cy="326776"/>
                          </a:xfrm>
                          <a:custGeom>
                            <a:avLst/>
                            <a:gdLst/>
                            <a:ahLst/>
                            <a:cxnLst/>
                            <a:rect l="0" t="0" r="0" b="0"/>
                            <a:pathLst>
                              <a:path w="1082021" h="326776">
                                <a:moveTo>
                                  <a:pt x="1082021" y="163432"/>
                                </a:moveTo>
                                <a:cubicBezTo>
                                  <a:pt x="1082021" y="73159"/>
                                  <a:pt x="839856" y="0"/>
                                  <a:pt x="541055" y="0"/>
                                </a:cubicBezTo>
                                <a:cubicBezTo>
                                  <a:pt x="242254" y="0"/>
                                  <a:pt x="0" y="73159"/>
                                  <a:pt x="0" y="163432"/>
                                </a:cubicBezTo>
                                <a:cubicBezTo>
                                  <a:pt x="0" y="253617"/>
                                  <a:pt x="242254" y="326776"/>
                                  <a:pt x="541055" y="326776"/>
                                </a:cubicBezTo>
                                <a:cubicBezTo>
                                  <a:pt x="839856" y="326776"/>
                                  <a:pt x="1082021" y="253617"/>
                                  <a:pt x="1082021" y="163432"/>
                                </a:cubicBezTo>
                                <a:close/>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78" name="Rectangle 6678"/>
                        <wps:cNvSpPr/>
                        <wps:spPr>
                          <a:xfrm>
                            <a:off x="2262569" y="1813663"/>
                            <a:ext cx="948744"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Неожиданное </w:t>
                              </w:r>
                            </w:p>
                          </w:txbxContent>
                        </wps:txbx>
                        <wps:bodyPr horzOverflow="overflow" vert="horz" lIns="0" tIns="0" rIns="0" bIns="0" rtlCol="0">
                          <a:noAutofit/>
                        </wps:bodyPr>
                      </wps:wsp>
                      <wps:wsp>
                        <wps:cNvPr id="6679" name="Rectangle 6679"/>
                        <wps:cNvSpPr/>
                        <wps:spPr>
                          <a:xfrm>
                            <a:off x="2367584" y="1941359"/>
                            <a:ext cx="629929"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удаление</w:t>
                              </w:r>
                            </w:p>
                          </w:txbxContent>
                        </wps:txbx>
                        <wps:bodyPr horzOverflow="overflow" vert="horz" lIns="0" tIns="0" rIns="0" bIns="0" rtlCol="0">
                          <a:noAutofit/>
                        </wps:bodyPr>
                      </wps:wsp>
                      <wps:wsp>
                        <wps:cNvPr id="6680" name="Shape 6680"/>
                        <wps:cNvSpPr/>
                        <wps:spPr>
                          <a:xfrm>
                            <a:off x="1254937" y="125745"/>
                            <a:ext cx="743984" cy="862034"/>
                          </a:xfrm>
                          <a:custGeom>
                            <a:avLst/>
                            <a:gdLst/>
                            <a:ahLst/>
                            <a:cxnLst/>
                            <a:rect l="0" t="0" r="0" b="0"/>
                            <a:pathLst>
                              <a:path w="743984" h="862034">
                                <a:moveTo>
                                  <a:pt x="0" y="862034"/>
                                </a:moveTo>
                                <a:lnTo>
                                  <a:pt x="506523" y="862034"/>
                                </a:lnTo>
                                <a:lnTo>
                                  <a:pt x="506523" y="0"/>
                                </a:lnTo>
                                <a:lnTo>
                                  <a:pt x="743984" y="0"/>
                                </a:lnTo>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81" name="Shape 6681"/>
                        <wps:cNvSpPr/>
                        <wps:spPr>
                          <a:xfrm>
                            <a:off x="1991730" y="97013"/>
                            <a:ext cx="86285" cy="57463"/>
                          </a:xfrm>
                          <a:custGeom>
                            <a:avLst/>
                            <a:gdLst/>
                            <a:ahLst/>
                            <a:cxnLst/>
                            <a:rect l="0" t="0" r="0" b="0"/>
                            <a:pathLst>
                              <a:path w="86285" h="57463">
                                <a:moveTo>
                                  <a:pt x="0" y="0"/>
                                </a:moveTo>
                                <a:lnTo>
                                  <a:pt x="86285" y="28732"/>
                                </a:lnTo>
                                <a:lnTo>
                                  <a:pt x="0" y="5746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682" name="Shape 6682"/>
                        <wps:cNvSpPr/>
                        <wps:spPr>
                          <a:xfrm>
                            <a:off x="1244995" y="1041340"/>
                            <a:ext cx="753926" cy="843943"/>
                          </a:xfrm>
                          <a:custGeom>
                            <a:avLst/>
                            <a:gdLst/>
                            <a:ahLst/>
                            <a:cxnLst/>
                            <a:rect l="0" t="0" r="0" b="0"/>
                            <a:pathLst>
                              <a:path w="753926" h="843943">
                                <a:moveTo>
                                  <a:pt x="0" y="0"/>
                                </a:moveTo>
                                <a:lnTo>
                                  <a:pt x="516465" y="0"/>
                                </a:lnTo>
                                <a:lnTo>
                                  <a:pt x="516465" y="843943"/>
                                </a:lnTo>
                                <a:lnTo>
                                  <a:pt x="753926" y="843943"/>
                                </a:lnTo>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83" name="Shape 6683"/>
                        <wps:cNvSpPr/>
                        <wps:spPr>
                          <a:xfrm>
                            <a:off x="1991730" y="1856551"/>
                            <a:ext cx="86285" cy="57463"/>
                          </a:xfrm>
                          <a:custGeom>
                            <a:avLst/>
                            <a:gdLst/>
                            <a:ahLst/>
                            <a:cxnLst/>
                            <a:rect l="0" t="0" r="0" b="0"/>
                            <a:pathLst>
                              <a:path w="86285" h="57463">
                                <a:moveTo>
                                  <a:pt x="0" y="0"/>
                                </a:moveTo>
                                <a:lnTo>
                                  <a:pt x="86285" y="28732"/>
                                </a:lnTo>
                                <a:lnTo>
                                  <a:pt x="0" y="5746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684" name="Rectangle 6684"/>
                        <wps:cNvSpPr/>
                        <wps:spPr>
                          <a:xfrm>
                            <a:off x="1883430" y="393228"/>
                            <a:ext cx="616623"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Команда </w:t>
                              </w:r>
                            </w:p>
                          </w:txbxContent>
                        </wps:txbx>
                        <wps:bodyPr horzOverflow="overflow" vert="horz" lIns="0" tIns="0" rIns="0" bIns="0" rtlCol="0">
                          <a:noAutofit/>
                        </wps:bodyPr>
                      </wps:wsp>
                      <wps:wsp>
                        <wps:cNvPr id="6685" name="Rectangle 6685"/>
                        <wps:cNvSpPr/>
                        <wps:spPr>
                          <a:xfrm>
                            <a:off x="1883430" y="502356"/>
                            <a:ext cx="354403" cy="15752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query</w:t>
                              </w:r>
                              <w:proofErr w:type="spellEnd"/>
                            </w:p>
                          </w:txbxContent>
                        </wps:txbx>
                        <wps:bodyPr horzOverflow="overflow" vert="horz" lIns="0" tIns="0" rIns="0" bIns="0" rtlCol="0">
                          <a:noAutofit/>
                        </wps:bodyPr>
                      </wps:wsp>
                      <wps:wsp>
                        <wps:cNvPr id="6686" name="Rectangle 6686"/>
                        <wps:cNvSpPr/>
                        <wps:spPr>
                          <a:xfrm>
                            <a:off x="2149919" y="502356"/>
                            <a:ext cx="47181" cy="15752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i/>
                                  <w:sz w:val="17"/>
                                </w:rPr>
                                <w:t>-</w:t>
                              </w:r>
                            </w:p>
                          </w:txbxContent>
                        </wps:txbx>
                        <wps:bodyPr horzOverflow="overflow" vert="horz" lIns="0" tIns="0" rIns="0" bIns="0" rtlCol="0">
                          <a:noAutofit/>
                        </wps:bodyPr>
                      </wps:wsp>
                      <wps:wsp>
                        <wps:cNvPr id="6687" name="Rectangle 6687"/>
                        <wps:cNvSpPr/>
                        <wps:spPr>
                          <a:xfrm>
                            <a:off x="2185427" y="502356"/>
                            <a:ext cx="267796" cy="15752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stop</w:t>
                              </w:r>
                              <w:proofErr w:type="spellEnd"/>
                            </w:p>
                          </w:txbxContent>
                        </wps:txbx>
                        <wps:bodyPr horzOverflow="overflow" vert="horz" lIns="0" tIns="0" rIns="0" bIns="0" rtlCol="0">
                          <a:noAutofit/>
                        </wps:bodyPr>
                      </wps:wsp>
                      <wps:wsp>
                        <wps:cNvPr id="6688" name="Rectangle 6688"/>
                        <wps:cNvSpPr/>
                        <wps:spPr>
                          <a:xfrm>
                            <a:off x="1886183" y="1435720"/>
                            <a:ext cx="616623"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Команда </w:t>
                              </w:r>
                            </w:p>
                          </w:txbxContent>
                        </wps:txbx>
                        <wps:bodyPr horzOverflow="overflow" vert="horz" lIns="0" tIns="0" rIns="0" bIns="0" rtlCol="0">
                          <a:noAutofit/>
                        </wps:bodyPr>
                      </wps:wsp>
                      <wps:wsp>
                        <wps:cNvPr id="6689" name="Rectangle 6689"/>
                        <wps:cNvSpPr/>
                        <wps:spPr>
                          <a:xfrm>
                            <a:off x="1886183" y="1544849"/>
                            <a:ext cx="503902" cy="157525"/>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surprise</w:t>
                              </w:r>
                              <w:proofErr w:type="spellEnd"/>
                            </w:p>
                          </w:txbxContent>
                        </wps:txbx>
                        <wps:bodyPr horzOverflow="overflow" vert="horz" lIns="0" tIns="0" rIns="0" bIns="0" rtlCol="0">
                          <a:noAutofit/>
                        </wps:bodyPr>
                      </wps:wsp>
                      <wps:wsp>
                        <wps:cNvPr id="6690" name="Rectangle 6690"/>
                        <wps:cNvSpPr/>
                        <wps:spPr>
                          <a:xfrm>
                            <a:off x="2265054" y="1544849"/>
                            <a:ext cx="47181" cy="15752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i/>
                                  <w:sz w:val="17"/>
                                </w:rPr>
                                <w:t>-</w:t>
                              </w:r>
                            </w:p>
                          </w:txbxContent>
                        </wps:txbx>
                        <wps:bodyPr horzOverflow="overflow" vert="horz" lIns="0" tIns="0" rIns="0" bIns="0" rtlCol="0">
                          <a:noAutofit/>
                        </wps:bodyPr>
                      </wps:wsp>
                      <wps:wsp>
                        <wps:cNvPr id="6691" name="Rectangle 6691"/>
                        <wps:cNvSpPr/>
                        <wps:spPr>
                          <a:xfrm>
                            <a:off x="2300562" y="1544849"/>
                            <a:ext cx="472428" cy="157525"/>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remove</w:t>
                              </w:r>
                              <w:proofErr w:type="spellEnd"/>
                            </w:p>
                          </w:txbxContent>
                        </wps:txbx>
                        <wps:bodyPr horzOverflow="overflow" vert="horz" lIns="0" tIns="0" rIns="0" bIns="0" rtlCol="0">
                          <a:noAutofit/>
                        </wps:bodyPr>
                      </wps:wsp>
                      <wps:wsp>
                        <wps:cNvPr id="6693" name="Shape 6693"/>
                        <wps:cNvSpPr/>
                        <wps:spPr>
                          <a:xfrm>
                            <a:off x="3573173" y="842170"/>
                            <a:ext cx="1082021" cy="326777"/>
                          </a:xfrm>
                          <a:custGeom>
                            <a:avLst/>
                            <a:gdLst/>
                            <a:ahLst/>
                            <a:cxnLst/>
                            <a:rect l="0" t="0" r="0" b="0"/>
                            <a:pathLst>
                              <a:path w="1082021" h="326777">
                                <a:moveTo>
                                  <a:pt x="1082021" y="163344"/>
                                </a:moveTo>
                                <a:cubicBezTo>
                                  <a:pt x="1082021" y="73070"/>
                                  <a:pt x="839767" y="0"/>
                                  <a:pt x="541055" y="0"/>
                                </a:cubicBezTo>
                                <a:cubicBezTo>
                                  <a:pt x="242254" y="0"/>
                                  <a:pt x="0" y="73070"/>
                                  <a:pt x="0" y="163344"/>
                                </a:cubicBezTo>
                                <a:cubicBezTo>
                                  <a:pt x="0" y="253618"/>
                                  <a:pt x="242254" y="326777"/>
                                  <a:pt x="541055" y="326777"/>
                                </a:cubicBezTo>
                                <a:cubicBezTo>
                                  <a:pt x="839767" y="326777"/>
                                  <a:pt x="1082021" y="253618"/>
                                  <a:pt x="1082021" y="163344"/>
                                </a:cubicBezTo>
                                <a:close/>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94" name="Rectangle 6694"/>
                        <wps:cNvSpPr/>
                        <wps:spPr>
                          <a:xfrm>
                            <a:off x="3899936" y="959965"/>
                            <a:ext cx="609358"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Удалено </w:t>
                              </w:r>
                            </w:p>
                          </w:txbxContent>
                        </wps:txbx>
                        <wps:bodyPr horzOverflow="overflow" vert="horz" lIns="0" tIns="0" rIns="0" bIns="0" rtlCol="0">
                          <a:noAutofit/>
                        </wps:bodyPr>
                      </wps:wsp>
                      <wps:wsp>
                        <wps:cNvPr id="6695" name="Shape 6695"/>
                        <wps:cNvSpPr/>
                        <wps:spPr>
                          <a:xfrm>
                            <a:off x="3139885" y="140110"/>
                            <a:ext cx="380469" cy="815123"/>
                          </a:xfrm>
                          <a:custGeom>
                            <a:avLst/>
                            <a:gdLst/>
                            <a:ahLst/>
                            <a:cxnLst/>
                            <a:rect l="0" t="0" r="0" b="0"/>
                            <a:pathLst>
                              <a:path w="380469" h="815123">
                                <a:moveTo>
                                  <a:pt x="0" y="0"/>
                                </a:moveTo>
                                <a:lnTo>
                                  <a:pt x="257167" y="0"/>
                                </a:lnTo>
                                <a:lnTo>
                                  <a:pt x="257167" y="815123"/>
                                </a:lnTo>
                                <a:lnTo>
                                  <a:pt x="380469" y="815123"/>
                                </a:lnTo>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96" name="Shape 6696"/>
                        <wps:cNvSpPr/>
                        <wps:spPr>
                          <a:xfrm>
                            <a:off x="3513164" y="926502"/>
                            <a:ext cx="86285" cy="57463"/>
                          </a:xfrm>
                          <a:custGeom>
                            <a:avLst/>
                            <a:gdLst/>
                            <a:ahLst/>
                            <a:cxnLst/>
                            <a:rect l="0" t="0" r="0" b="0"/>
                            <a:pathLst>
                              <a:path w="86285" h="57463">
                                <a:moveTo>
                                  <a:pt x="0" y="0"/>
                                </a:moveTo>
                                <a:lnTo>
                                  <a:pt x="86285" y="28732"/>
                                </a:lnTo>
                                <a:lnTo>
                                  <a:pt x="0" y="5746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697" name="Shape 6697"/>
                        <wps:cNvSpPr/>
                        <wps:spPr>
                          <a:xfrm>
                            <a:off x="3140773" y="1055794"/>
                            <a:ext cx="379582" cy="845983"/>
                          </a:xfrm>
                          <a:custGeom>
                            <a:avLst/>
                            <a:gdLst/>
                            <a:ahLst/>
                            <a:cxnLst/>
                            <a:rect l="0" t="0" r="0" b="0"/>
                            <a:pathLst>
                              <a:path w="379582" h="845983">
                                <a:moveTo>
                                  <a:pt x="0" y="845983"/>
                                </a:moveTo>
                                <a:lnTo>
                                  <a:pt x="256280" y="845983"/>
                                </a:lnTo>
                                <a:lnTo>
                                  <a:pt x="256280" y="0"/>
                                </a:lnTo>
                                <a:lnTo>
                                  <a:pt x="379582" y="0"/>
                                </a:lnTo>
                              </a:path>
                            </a:pathLst>
                          </a:custGeom>
                          <a:ln w="6385" cap="rnd">
                            <a:round/>
                          </a:ln>
                        </wps:spPr>
                        <wps:style>
                          <a:lnRef idx="1">
                            <a:srgbClr val="000000"/>
                          </a:lnRef>
                          <a:fillRef idx="0">
                            <a:srgbClr val="000000">
                              <a:alpha val="0"/>
                            </a:srgbClr>
                          </a:fillRef>
                          <a:effectRef idx="0">
                            <a:scrgbClr r="0" g="0" b="0"/>
                          </a:effectRef>
                          <a:fontRef idx="none"/>
                        </wps:style>
                        <wps:bodyPr/>
                      </wps:wsp>
                      <wps:wsp>
                        <wps:cNvPr id="6698" name="Shape 6698"/>
                        <wps:cNvSpPr/>
                        <wps:spPr>
                          <a:xfrm>
                            <a:off x="3513164" y="1027062"/>
                            <a:ext cx="86285" cy="57463"/>
                          </a:xfrm>
                          <a:custGeom>
                            <a:avLst/>
                            <a:gdLst/>
                            <a:ahLst/>
                            <a:cxnLst/>
                            <a:rect l="0" t="0" r="0" b="0"/>
                            <a:pathLst>
                              <a:path w="86285" h="57463">
                                <a:moveTo>
                                  <a:pt x="0" y="0"/>
                                </a:moveTo>
                                <a:lnTo>
                                  <a:pt x="86285" y="28732"/>
                                </a:lnTo>
                                <a:lnTo>
                                  <a:pt x="0" y="5746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699" name="Rectangle 6699"/>
                        <wps:cNvSpPr/>
                        <wps:spPr>
                          <a:xfrm>
                            <a:off x="3519112" y="304728"/>
                            <a:ext cx="616623"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Команда </w:t>
                              </w:r>
                            </w:p>
                          </w:txbxContent>
                        </wps:txbx>
                        <wps:bodyPr horzOverflow="overflow" vert="horz" lIns="0" tIns="0" rIns="0" bIns="0" rtlCol="0">
                          <a:noAutofit/>
                        </wps:bodyPr>
                      </wps:wsp>
                      <wps:wsp>
                        <wps:cNvPr id="6700" name="Rectangle 6700"/>
                        <wps:cNvSpPr/>
                        <wps:spPr>
                          <a:xfrm>
                            <a:off x="3519112" y="413589"/>
                            <a:ext cx="472428" cy="157526"/>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remove</w:t>
                              </w:r>
                              <w:proofErr w:type="spellEnd"/>
                            </w:p>
                          </w:txbxContent>
                        </wps:txbx>
                        <wps:bodyPr horzOverflow="overflow" vert="horz" lIns="0" tIns="0" rIns="0" bIns="0" rtlCol="0">
                          <a:noAutofit/>
                        </wps:bodyPr>
                      </wps:wsp>
                      <wps:wsp>
                        <wps:cNvPr id="6701" name="Rectangle 6701"/>
                        <wps:cNvSpPr/>
                        <wps:spPr>
                          <a:xfrm>
                            <a:off x="3519112" y="1561375"/>
                            <a:ext cx="616623" cy="13303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Команда </w:t>
                              </w:r>
                            </w:p>
                          </w:txbxContent>
                        </wps:txbx>
                        <wps:bodyPr horzOverflow="overflow" vert="horz" lIns="0" tIns="0" rIns="0" bIns="0" rtlCol="0">
                          <a:noAutofit/>
                        </wps:bodyPr>
                      </wps:wsp>
                      <wps:wsp>
                        <wps:cNvPr id="6702" name="Rectangle 6702"/>
                        <wps:cNvSpPr/>
                        <wps:spPr>
                          <a:xfrm>
                            <a:off x="3519112" y="1670504"/>
                            <a:ext cx="472428" cy="157525"/>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i/>
                                  <w:sz w:val="17"/>
                                </w:rPr>
                                <w:t>remove</w:t>
                              </w:r>
                              <w:proofErr w:type="spellEnd"/>
                            </w:p>
                          </w:txbxContent>
                        </wps:txbx>
                        <wps:bodyPr horzOverflow="overflow" vert="horz" lIns="0" tIns="0" rIns="0" bIns="0" rtlCol="0">
                          <a:noAutofit/>
                        </wps:bodyPr>
                      </wps:wsp>
                      <wps:wsp>
                        <wps:cNvPr id="6703" name="Rectangle 6703"/>
                        <wps:cNvSpPr/>
                        <wps:spPr>
                          <a:xfrm>
                            <a:off x="4679213" y="2890745"/>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inline>
            </w:drawing>
          </mc:Choice>
          <mc:Fallback>
            <w:pict>
              <v:group id="Group 62830" o:spid="_x0000_s2938" style="width:372pt;height:237.45pt;mso-position-horizontal-relative:char;mso-position-vertical-relative:line" coordsize="47242,3015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">
                <v:shape id="Shape 6638" o:spid="_x0000_s2939" style="position:absolute;left:1761;width:10820;height:3268;visibility:visible;mso-wrap-style:square;v-text-anchor:top" coordsize="1081994,3268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" path="m1081994,163432c1081994,73159,839829,,541010,,242219,,,73159,,163432v,90274,242219,163433,541010,163433c839829,326865,1081994,253706,1081994,163432xe" filled="f" strokeweight=".17736mm">
                  <v:stroke endcap="round"/>
                  <v:path arrowok="t" textboxrect="0,0,1081994,326865"/>
                </v:shape>
                <v:rect id="Rectangle 6639" o:spid="_x0000_s2940" style="position:absolute;left:3922;top:1178;width:8642;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Не запущено</w:t>
                        </w:r>
                      </w:p>
                    </w:txbxContent>
                  </v:textbox>
                </v:rect>
                <v:shape id="Shape 6641" o:spid="_x0000_s2941" style="position:absolute;left:1761;top:8421;width:10820;height:3268;visibility:visible;mso-wrap-style:square;v-text-anchor:top" coordsize="1081994,3267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" path="m1081994,163344c1081994,73070,839829,,541010,,242219,,,73070,,163344v,90274,242219,163433,541010,163433c839829,326777,1081994,253618,1081994,163344xe" filled="f" strokeweight=".17736mm">
                  <v:stroke endcap="round"/>
                  <v:path arrowok="t" textboxrect="0,0,1081994,326777"/>
                </v:shape>
                <v:rect id="Rectangle 6642" o:spid="_x0000_s2942" style="position:absolute;left:4674;top:9599;width:6643;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Запущено</w:t>
                        </w:r>
                      </w:p>
                    </w:txbxContent>
                  </v:textbox>
                </v:rect>
                <v:shape id="Shape 6644" o:spid="_x0000_s2943" style="position:absolute;left:1761;top:17093;width:10820;height:3771;visibility:visible;mso-wrap-style:square;v-text-anchor:top" coordsize="1081994,37705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" path="m1081994,188528c1081994,84421,839829,,541010,,242219,,,84421,,188528,,292636,242219,377056,541010,377056v298819,,540984,-84420,540984,-188528xe" filled="f" strokeweight=".17736mm">
                  <v:stroke endcap="round"/>
                  <v:path arrowok="t" textboxrect="0,0,1081994,377056"/>
                </v:shape>
                <v:rect id="Rectangle 6645" o:spid="_x0000_s2944" style="position:absolute;left:3178;top:17884;width:11015;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Незавершенная </w:t>
                        </w:r>
                      </w:p>
                    </w:txbxContent>
                  </v:textbox>
                </v:rect>
                <v:rect id="Rectangle 6646" o:spid="_x0000_s2945" style="position:absolute;left:4666;top:19161;width:6664;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остановка</w:t>
                        </w:r>
                      </w:p>
                    </w:txbxContent>
                  </v:textbox>
                </v:rect>
                <v:shape id="Shape 6648" o:spid="_x0000_s2946" style="position:absolute;left:1761;top:26394;width:10820;height:3268;visibility:visible;mso-wrap-style:square;v-text-anchor:top" coordsize="1081994,3267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" path="m1081994,163388c1081994,73150,839829,,541010,,242219,,,73150,,163388v,90238,242219,163389,541010,163389c839829,326777,1081994,253626,1081994,163388xe" filled="f" strokeweight=".17736mm">
                  <v:stroke endcap="round"/>
                  <v:path arrowok="t" textboxrect="0,0,1081994,326777"/>
                </v:shape>
                <v:rect id="Rectangle 6649" o:spid="_x0000_s2947" style="position:absolute;left:3880;top:27572;width:8755;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Остановлено</w:t>
                        </w:r>
                      </w:p>
                    </w:txbxContent>
                  </v:textbox>
                </v:rect>
                <v:shape id="Shape 6650" o:spid="_x0000_s2948" style="position:absolute;left:7725;top:3259;width:0;height:4380;visibility:visible;mso-wrap-style:square;v-text-anchor:top" coordsize="0,4379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" path="m,l,437978e" filled="f" strokeweight=".17736mm">
                  <v:stroke endcap="round"/>
                  <v:path arrowok="t" textboxrect="0,0,0,437978"/>
                </v:shape>
                <v:shape id="Shape 6651" o:spid="_x0000_s2949" style="position:absolute;left:7438;top:7567;width:575;height:862;visibility:visible;mso-wrap-style:square;v-text-anchor:top" coordsize="57514,86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" path="m,l57514,,28762,86195,,xe" fillcolor="black" stroked="f" strokeweight="0">
                  <v:stroke endcap="round"/>
                  <v:path arrowok="t" textboxrect="0,0,57514,86195"/>
                </v:shape>
                <v:shape id="Shape 6652" o:spid="_x0000_s2950" style="position:absolute;left:7848;top:11676;width:0;height:4642;visibility:visible;mso-wrap-style:square;v-text-anchor:top" coordsize="0,4642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" path="m,l,464227e" filled="f" strokeweight=".17736mm">
                  <v:stroke endcap="round"/>
                  <v:path arrowok="t" textboxrect="0,0,0,464227"/>
                </v:shape>
                <v:shape id="Shape 6653" o:spid="_x0000_s2951" style="position:absolute;left:7561;top:16246;width:575;height:862;visibility:visible;mso-wrap-style:square;v-text-anchor:top" coordsize="57559,86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" path="m,l57559,,28762,86195,,xe" fillcolor="black" stroked="f" strokeweight="0">
                  <v:stroke endcap="round"/>
                  <v:path arrowok="t" textboxrect="0,0,57559,86195"/>
                </v:shape>
                <v:shape id="Shape 6654" o:spid="_x0000_s2952" style="position:absolute;left:7851;top:20848;width:0;height:4769;visibility:visible;mso-wrap-style:square;v-text-anchor:top" coordsize="0,4768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" path="m,l,476810e" filled="f" strokeweight=".17736mm">
                  <v:stroke endcap="round"/>
                  <v:path arrowok="t" textboxrect="0,0,0,476810"/>
                </v:shape>
                <v:shape id="Shape 6655" o:spid="_x0000_s2953" style="position:absolute;left:7564;top:25545;width:575;height:862;visibility:visible;mso-wrap-style:square;v-text-anchor:top" coordsize="57514,86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" path="m,l57514,,28762,86195,,xe" fillcolor="black" stroked="f" strokeweight="0">
                  <v:stroke endcap="round"/>
                  <v:path arrowok="t" textboxrect="0,0,57514,86195"/>
                </v:shape>
                <v:shape id="Shape 6656" o:spid="_x0000_s2954" style="position:absolute;top:10055;width:1779;height:17840;visibility:visible;mso-wrap-style:square;v-text-anchor:top" coordsize="177931,17840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" path="m177931,1784013l,1784013,,,97044,e" filled="f" strokeweight=".17736mm">
                  <v:stroke endcap="round"/>
                  <v:path arrowok="t" textboxrect="0,0,177931,1784013"/>
                </v:shape>
                <v:shape id="Shape 6657" o:spid="_x0000_s2955" style="position:absolute;left:898;top:9767;width:863;height:575;visibility:visible;mso-wrap-style:square;v-text-anchor:top" coordsize="86285,574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" path="m,l86285,28731,,57463,,xe" fillcolor="black" stroked="f" strokeweight="0">
                  <v:stroke endcap="round"/>
                  <v:path arrowok="t" textboxrect="0,0,86285,57463"/>
                </v:shape>
                <v:rect id="Rectangle 6658" o:spid="_x0000_s2956" style="position:absolute;left:717;top:13616;width:6166;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Команда </w:t>
                        </w:r>
                      </w:p>
                    </w:txbxContent>
                  </v:textbox>
                </v:rect>
                <v:rect id="Rectangle 6659" o:spid="_x0000_s2957" style="position:absolute;left:717;top:14708;width:2755;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start</w:t>
                        </w:r>
                        <w:proofErr w:type="spellEnd"/>
                      </w:p>
                    </w:txbxContent>
                  </v:textbox>
                </v:rect>
                <v:rect id="Rectangle 6660" o:spid="_x0000_s2958" style="position:absolute;left:2788;top:14708;width:472;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i/>
                            <w:sz w:val="17"/>
                          </w:rPr>
                          <w:t>-</w:t>
                        </w:r>
                      </w:p>
                    </w:txbxContent>
                  </v:textbox>
                </v:rect>
                <v:rect id="Rectangle 6661" o:spid="_x0000_s2959" style="position:absolute;left:3143;top:14708;width:4096;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device</w:t>
                        </w:r>
                        <w:proofErr w:type="spellEnd"/>
                      </w:p>
                    </w:txbxContent>
                  </v:textbox>
                </v:rect>
                <v:rect id="Rectangle 6662" o:spid="_x0000_s2960" style="position:absolute;left:9161;top:4302;width:6167;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Команда </w:t>
                        </w:r>
                      </w:p>
                    </w:txbxContent>
                  </v:textbox>
                </v:rect>
                <v:rect id="Rectangle 6663" o:spid="_x0000_s2961" style="position:absolute;left:9161;top:5393;width:2756;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start</w:t>
                        </w:r>
                        <w:proofErr w:type="spellEnd"/>
                      </w:p>
                    </w:txbxContent>
                  </v:textbox>
                </v:rect>
                <v:rect id="Rectangle 6664" o:spid="_x0000_s2962" style="position:absolute;left:11233;top:5393;width:472;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i/>
                            <w:sz w:val="17"/>
                          </w:rPr>
                          <w:t>-</w:t>
                        </w:r>
                      </w:p>
                    </w:txbxContent>
                  </v:textbox>
                </v:rect>
                <v:rect id="Rectangle 6665" o:spid="_x0000_s2963" style="position:absolute;left:11588;top:5393;width:4096;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device</w:t>
                        </w:r>
                        <w:proofErr w:type="spellEnd"/>
                      </w:p>
                    </w:txbxContent>
                  </v:textbox>
                </v:rect>
                <v:rect id="Rectangle 6666" o:spid="_x0000_s2964" style="position:absolute;left:8769;top:13616;width:6166;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Команда </w:t>
                        </w:r>
                      </w:p>
                    </w:txbxContent>
                  </v:textbox>
                </v:rect>
                <v:rect id="Rectangle 6667" o:spid="_x0000_s2965" style="position:absolute;left:8769;top:14708;width:3544;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query</w:t>
                        </w:r>
                        <w:proofErr w:type="spellEnd"/>
                      </w:p>
                    </w:txbxContent>
                  </v:textbox>
                </v:rect>
                <v:rect id="Rectangle 6668" o:spid="_x0000_s2966" style="position:absolute;left:11434;top:14708;width:472;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i/>
                            <w:sz w:val="17"/>
                          </w:rPr>
                          <w:t>-</w:t>
                        </w:r>
                      </w:p>
                    </w:txbxContent>
                  </v:textbox>
                </v:rect>
                <v:rect id="Rectangle 6669" o:spid="_x0000_s2967" style="position:absolute;left:11788;top:14708;width:2678;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stop</w:t>
                        </w:r>
                        <w:proofErr w:type="spellEnd"/>
                      </w:p>
                    </w:txbxContent>
                  </v:textbox>
                </v:rect>
                <v:rect id="Rectangle 6670" o:spid="_x0000_s2968" style="position:absolute;left:8658;top:22414;width:6166;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Команда </w:t>
                        </w:r>
                      </w:p>
                    </w:txbxContent>
                  </v:textbox>
                </v:rect>
                <v:rect id="Rectangle 6671" o:spid="_x0000_s2969" style="position:absolute;left:8658;top:23505;width:2678;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stop</w:t>
                        </w:r>
                        <w:proofErr w:type="spellEnd"/>
                      </w:p>
                    </w:txbxContent>
                  </v:textbox>
                </v:rect>
                <v:shape id="Shape 6673" o:spid="_x0000_s2970" style="position:absolute;left:20633;width:10820;height:3268;visibility:visible;mso-wrap-style:square;v-text-anchor:top" coordsize="1082021,3268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" path="m1082021,163432c1082021,73159,839856,,541055,,242254,,,73159,,163432v,90274,242254,163433,541055,163433c839856,326865,1082021,253706,1082021,163432xe" filled="f" strokeweight=".17736mm">
                  <v:stroke endcap="round"/>
                  <v:path arrowok="t" textboxrect="0,0,1082021,326865"/>
                </v:shape>
                <v:rect id="Rectangle 6674" o:spid="_x0000_s2971" style="position:absolute;left:22043;top:540;width:11036;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Незавершенное </w:t>
                        </w:r>
                      </w:p>
                    </w:txbxContent>
                  </v:textbox>
                </v:rect>
                <v:rect id="Rectangle 6675" o:spid="_x0000_s2972" style="position:absolute;left:23675;top:1817;width:6300;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удаление</w:t>
                        </w:r>
                      </w:p>
                    </w:txbxContent>
                  </v:textbox>
                </v:rect>
                <v:shape id="Shape 6677" o:spid="_x0000_s2973" style="position:absolute;left:20633;top:17596;width:10820;height:3268;visibility:visible;mso-wrap-style:square;v-text-anchor:top" coordsize="1082021,3267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" path="m1082021,163432c1082021,73159,839856,,541055,,242254,,,73159,,163432v,90185,242254,163344,541055,163344c839856,326776,1082021,253617,1082021,163432xe" filled="f" strokeweight=".17736mm">
                  <v:stroke endcap="round"/>
                  <v:path arrowok="t" textboxrect="0,0,1082021,326776"/>
                </v:shape>
                <v:rect id="Rectangle 6678" o:spid="_x0000_s2974" style="position:absolute;left:22625;top:18136;width:9488;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Неожиданное </w:t>
                        </w:r>
                      </w:p>
                    </w:txbxContent>
                  </v:textbox>
                </v:rect>
                <v:rect id="Rectangle 6679" o:spid="_x0000_s2975" style="position:absolute;left:23675;top:19413;width:6300;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удаление</w:t>
                        </w:r>
                      </w:p>
                    </w:txbxContent>
                  </v:textbox>
                </v:rect>
                <v:shape id="Shape 6680" o:spid="_x0000_s2976" style="position:absolute;left:12549;top:1257;width:7440;height:8620;visibility:visible;mso-wrap-style:square;v-text-anchor:top" coordsize="743984,8620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" path="m,862034r506523,l506523,,743984,e" filled="f" strokeweight=".17736mm">
                  <v:stroke endcap="round"/>
                  <v:path arrowok="t" textboxrect="0,0,743984,862034"/>
                </v:shape>
                <v:shape id="Shape 6681" o:spid="_x0000_s2977" style="position:absolute;left:19917;top:970;width:863;height:574;visibility:visible;mso-wrap-style:square;v-text-anchor:top" coordsize="86285,574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" path="m,l86285,28732,,57463,,xe" fillcolor="black" stroked="f" strokeweight="0">
                  <v:stroke endcap="round"/>
                  <v:path arrowok="t" textboxrect="0,0,86285,57463"/>
                </v:shape>
                <v:shape id="Shape 6682" o:spid="_x0000_s2978" style="position:absolute;left:12449;top:10413;width:7540;height:8439;visibility:visible;mso-wrap-style:square;v-text-anchor:top" coordsize="753926,843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" path="m,l516465,r,843943l753926,843943e" filled="f" strokeweight=".17736mm">
                  <v:stroke endcap="round"/>
                  <v:path arrowok="t" textboxrect="0,0,753926,843943"/>
                </v:shape>
                <v:shape id="Shape 6683" o:spid="_x0000_s2979" style="position:absolute;left:19917;top:18565;width:863;height:575;visibility:visible;mso-wrap-style:square;v-text-anchor:top" coordsize="86285,574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" path="m,l86285,28732,,57463,,xe" fillcolor="black" stroked="f" strokeweight="0">
                  <v:stroke endcap="round"/>
                  <v:path arrowok="t" textboxrect="0,0,86285,57463"/>
                </v:shape>
                <v:rect id="Rectangle 6684" o:spid="_x0000_s2980" style="position:absolute;left:18834;top:3932;width:6166;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Команда </w:t>
                        </w:r>
                      </w:p>
                    </w:txbxContent>
                  </v:textbox>
                </v:rect>
                <v:rect id="Rectangle 6685" o:spid="_x0000_s2981" style="position:absolute;left:18834;top:5023;width:3544;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query</w:t>
                        </w:r>
                        <w:proofErr w:type="spellEnd"/>
                      </w:p>
                    </w:txbxContent>
                  </v:textbox>
                </v:rect>
                <v:rect id="Rectangle 6686" o:spid="_x0000_s2982" style="position:absolute;left:21499;top:5023;width:472;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i/>
                            <w:sz w:val="17"/>
                          </w:rPr>
                          <w:t>-</w:t>
                        </w:r>
                      </w:p>
                    </w:txbxContent>
                  </v:textbox>
                </v:rect>
                <v:rect id="Rectangle 6687" o:spid="_x0000_s2983" style="position:absolute;left:21854;top:5023;width:2678;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stop</w:t>
                        </w:r>
                        <w:proofErr w:type="spellEnd"/>
                      </w:p>
                    </w:txbxContent>
                  </v:textbox>
                </v:rect>
                <v:rect id="Rectangle 6688" o:spid="_x0000_s2984" style="position:absolute;left:18861;top:14357;width:6167;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Команда </w:t>
                        </w:r>
                      </w:p>
                    </w:txbxContent>
                  </v:textbox>
                </v:rect>
                <v:rect id="Rectangle 6689" o:spid="_x0000_s2985" style="position:absolute;left:18861;top:15448;width:5039;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surprise</w:t>
                        </w:r>
                        <w:proofErr w:type="spellEnd"/>
                      </w:p>
                    </w:txbxContent>
                  </v:textbox>
                </v:rect>
                <v:rect id="Rectangle 6690" o:spid="_x0000_s2986" style="position:absolute;left:22650;top:15448;width:472;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i/>
                            <w:sz w:val="17"/>
                          </w:rPr>
                          <w:t>-</w:t>
                        </w:r>
                      </w:p>
                    </w:txbxContent>
                  </v:textbox>
                </v:rect>
                <v:rect id="Rectangle 6691" o:spid="_x0000_s2987" style="position:absolute;left:23005;top:15448;width:4724;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remove</w:t>
                        </w:r>
                        <w:proofErr w:type="spellEnd"/>
                      </w:p>
                    </w:txbxContent>
                  </v:textbox>
                </v:rect>
                <v:shape id="Shape 6693" o:spid="_x0000_s2988" style="position:absolute;left:35731;top:8421;width:10820;height:3268;visibility:visible;mso-wrap-style:square;v-text-anchor:top" coordsize="1082021,3267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" path="m1082021,163344c1082021,73070,839767,,541055,,242254,,,73070,,163344v,90274,242254,163433,541055,163433c839767,326777,1082021,253618,1082021,163344xe" filled="f" strokeweight=".17736mm">
                  <v:stroke endcap="round"/>
                  <v:path arrowok="t" textboxrect="0,0,1082021,326777"/>
                </v:shape>
                <v:rect id="Rectangle 6694" o:spid="_x0000_s2989" style="position:absolute;left:38999;top:9599;width:6093;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Удалено </w:t>
                        </w:r>
                      </w:p>
                    </w:txbxContent>
                  </v:textbox>
                </v:rect>
                <v:shape id="Shape 6695" o:spid="_x0000_s2990" style="position:absolute;left:31398;top:1401;width:3805;height:8151;visibility:visible;mso-wrap-style:square;v-text-anchor:top" coordsize="380469,8151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" path="m,l257167,r,815123l380469,815123e" filled="f" strokeweight=".17736mm">
                  <v:stroke endcap="round"/>
                  <v:path arrowok="t" textboxrect="0,0,380469,815123"/>
                </v:shape>
                <v:shape id="Shape 6696" o:spid="_x0000_s2991" style="position:absolute;left:35131;top:9265;width:863;height:574;visibility:visible;mso-wrap-style:square;v-text-anchor:top" coordsize="86285,574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" path="m,l86285,28732,,57463,,xe" fillcolor="black" stroked="f" strokeweight="0">
                  <v:stroke endcap="round"/>
                  <v:path arrowok="t" textboxrect="0,0,86285,57463"/>
                </v:shape>
                <v:shape id="Shape 6697" o:spid="_x0000_s2992" style="position:absolute;left:31407;top:10557;width:3796;height:8460;visibility:visible;mso-wrap-style:square;v-text-anchor:top" coordsize="379582,8459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" path="m,845983r256280,l256280,,379582,e" filled="f" strokeweight=".17736mm">
                  <v:stroke endcap="round"/>
                  <v:path arrowok="t" textboxrect="0,0,379582,845983"/>
                </v:shape>
                <v:shape id="Shape 6698" o:spid="_x0000_s2993" style="position:absolute;left:35131;top:10270;width:863;height:575;visibility:visible;mso-wrap-style:square;v-text-anchor:top" coordsize="86285,574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" path="m,l86285,28732,,57463,,xe" fillcolor="black" stroked="f" strokeweight="0">
                  <v:stroke endcap="round"/>
                  <v:path arrowok="t" textboxrect="0,0,86285,57463"/>
                </v:shape>
                <v:rect id="Rectangle 6699" o:spid="_x0000_s2994" style="position:absolute;left:35191;top:3047;width:6166;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Команда </w:t>
                        </w:r>
                      </w:p>
                    </w:txbxContent>
                  </v:textbox>
                </v:rect>
                <v:rect id="Rectangle 6700" o:spid="_x0000_s2995" style="position:absolute;left:35191;top:4135;width:4724;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remove</w:t>
                        </w:r>
                        <w:proofErr w:type="spellEnd"/>
                      </w:p>
                    </w:txbxContent>
                  </v:textbox>
                </v:rect>
                <v:rect id="Rectangle 6701" o:spid="_x0000_s2996" style="position:absolute;left:35191;top:15613;width:6166;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Команда </w:t>
                        </w:r>
                      </w:p>
                    </w:txbxContent>
                  </v:textbox>
                </v:rect>
                <v:rect id="Rectangle 6702" o:spid="_x0000_s2997" style="position:absolute;left:35191;top:16705;width:4724;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i/>
                            <w:sz w:val="17"/>
                          </w:rPr>
                          <w:t>remove</w:t>
                        </w:r>
                        <w:proofErr w:type="spellEnd"/>
                      </w:p>
                    </w:txbxContent>
                  </v:textbox>
                </v:rect>
                <v:rect id="Rectangle 6703" o:spid="_x0000_s2998" style="position:absolute;left:46792;top:28907;width:599;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" filled="f" stroked="f">
                  <v:textbox inset="0,0,0,0">
                    <w:txbxContent>
                      <w:p w:rsidR="0043064D" w:rsidRDefault="008B3C4B">
                        <w:pPr>
                          <w:spacing w:after="160" w:line="259" w:lineRule="auto"/>
                          <w:ind w:left="0" w:firstLine="0"/>
                          <w:jc w:val="left"/>
                        </w:pPr>
                        <w:r>
                          <w:t xml:space="preserve"> </w:t>
                        </w:r>
                      </w:p>
                    </w:txbxContent>
                  </v:textbox>
                </v:rect>
                <w10:anchorlock/>
              </v:group>
            </w:pict>
          </mc:Fallback>
        </mc:AlternateContent>
      </w:r>
    </w:p>
    <w:p w:rsidR="0043064D" w:rsidRDefault="008B3C4B">
      <w:pPr>
        <w:spacing w:after="369" w:line="265" w:lineRule="auto"/>
        <w:ind w:right="3"/>
        <w:jc w:val="center"/>
      </w:pPr>
      <w:r>
        <w:t xml:space="preserve">Рис. 22. Переходы </w:t>
      </w:r>
      <w:proofErr w:type="spellStart"/>
      <w:r>
        <w:t>PnP</w:t>
      </w:r>
      <w:proofErr w:type="spellEnd"/>
      <w:r>
        <w:t xml:space="preserve">-состояний устройств </w:t>
      </w:r>
    </w:p>
    <w:p w:rsidR="0043064D" w:rsidRDefault="008B3C4B">
      <w:pPr>
        <w:pStyle w:val="3"/>
        <w:spacing w:after="197" w:line="265" w:lineRule="auto"/>
        <w:ind w:left="-5"/>
      </w:pPr>
      <w:bookmarkStart w:id="20" w:name="_Toc68668"/>
      <w:r>
        <w:rPr>
          <w:rFonts w:ascii="Tahoma" w:eastAsia="Tahoma" w:hAnsi="Tahoma" w:cs="Tahoma"/>
          <w:b w:val="0"/>
        </w:rPr>
        <w:t xml:space="preserve">Загрузка, инициализация и </w:t>
      </w:r>
      <w:r>
        <w:rPr>
          <w:rFonts w:ascii="Tahoma" w:eastAsia="Tahoma" w:hAnsi="Tahoma" w:cs="Tahoma"/>
          <w:b w:val="0"/>
        </w:rPr>
        <w:t xml:space="preserve">установка драйвера </w:t>
      </w:r>
      <w:bookmarkEnd w:id="20"/>
    </w:p>
    <w:p w:rsidR="0043064D" w:rsidRDefault="008B3C4B">
      <w:pPr>
        <w:pStyle w:val="4"/>
        <w:ind w:left="-5"/>
      </w:pPr>
      <w:r>
        <w:t xml:space="preserve">Параметр </w:t>
      </w:r>
      <w:proofErr w:type="spellStart"/>
      <w:r>
        <w:t>Start</w:t>
      </w:r>
      <w:proofErr w:type="spellEnd"/>
      <w:r>
        <w:t xml:space="preserve"> </w:t>
      </w:r>
    </w:p>
    <w:p w:rsidR="0043064D" w:rsidRDefault="008B3C4B">
      <w:pPr>
        <w:spacing w:after="142"/>
        <w:ind w:left="-5" w:right="1"/>
      </w:pPr>
      <w:r>
        <w:t xml:space="preserve">У каждого драйвера и </w:t>
      </w:r>
      <w:proofErr w:type="spellStart"/>
      <w:r>
        <w:t>Windows</w:t>
      </w:r>
      <w:proofErr w:type="spellEnd"/>
      <w:r>
        <w:t xml:space="preserve">-сервиса есть свой раздел в ветви реестра </w:t>
      </w:r>
      <w:proofErr w:type="spellStart"/>
      <w:r>
        <w:rPr>
          <w:rFonts w:ascii="Courier New" w:eastAsia="Courier New" w:hAnsi="Courier New" w:cs="Courier New"/>
        </w:rPr>
        <w:t>Services</w:t>
      </w:r>
      <w:proofErr w:type="spellEnd"/>
      <w:r>
        <w:t xml:space="preserve"> </w:t>
      </w:r>
      <w:r>
        <w:t xml:space="preserve">текущего набора параметров управления. В этот раздел входят параметры, указывающие тип образа, путь к файлу образа драйвера или сервиса и параметры, контролирующие порядок загрузки драйвера или сервиса. Между загрузкой </w:t>
      </w:r>
      <w:proofErr w:type="spellStart"/>
      <w:r>
        <w:t>Windowsсервисов</w:t>
      </w:r>
      <w:proofErr w:type="spellEnd"/>
      <w:r>
        <w:t xml:space="preserve"> и явной загрузкой дра</w:t>
      </w:r>
      <w:r>
        <w:t xml:space="preserve">йверов есть два главных различия: </w:t>
      </w:r>
    </w:p>
    <w:p w:rsidR="0043064D" w:rsidRDefault="008B3C4B">
      <w:pPr>
        <w:numPr>
          <w:ilvl w:val="0"/>
          <w:numId w:val="13"/>
        </w:numPr>
        <w:spacing w:after="19"/>
        <w:ind w:right="1" w:hanging="361"/>
      </w:pPr>
      <w:r>
        <w:t xml:space="preserve">только для драйверов устройств в параметре </w:t>
      </w:r>
      <w:proofErr w:type="spellStart"/>
      <w:r>
        <w:rPr>
          <w:rFonts w:ascii="Courier New" w:eastAsia="Courier New" w:hAnsi="Courier New" w:cs="Courier New"/>
        </w:rPr>
        <w:t>Start</w:t>
      </w:r>
      <w:proofErr w:type="spellEnd"/>
      <w:r>
        <w:t xml:space="preserve"> могут быть указаны значения 0 (запуск при загрузке системы) и 1 (запуск системой); </w:t>
      </w:r>
    </w:p>
    <w:p w:rsidR="0043064D" w:rsidRDefault="008B3C4B">
      <w:pPr>
        <w:numPr>
          <w:ilvl w:val="0"/>
          <w:numId w:val="13"/>
        </w:numPr>
        <w:spacing w:after="134"/>
        <w:ind w:right="1" w:hanging="361"/>
      </w:pPr>
      <w:r>
        <w:t xml:space="preserve">драйверы устройств могут использовать параметры </w:t>
      </w:r>
      <w:proofErr w:type="spellStart"/>
      <w:r>
        <w:rPr>
          <w:rFonts w:ascii="Courier New" w:eastAsia="Courier New" w:hAnsi="Courier New" w:cs="Courier New"/>
        </w:rPr>
        <w:t>Group</w:t>
      </w:r>
      <w:proofErr w:type="spellEnd"/>
      <w:r>
        <w:t xml:space="preserve"> и </w:t>
      </w:r>
      <w:proofErr w:type="spellStart"/>
      <w:r>
        <w:rPr>
          <w:rFonts w:ascii="Courier New" w:eastAsia="Courier New" w:hAnsi="Courier New" w:cs="Courier New"/>
        </w:rPr>
        <w:t>Tag</w:t>
      </w:r>
      <w:proofErr w:type="spellEnd"/>
      <w:r>
        <w:t xml:space="preserve"> </w:t>
      </w:r>
      <w:r>
        <w:t xml:space="preserve">для контроля порядка своей загрузки при запуске системы, но в отличие от сервисов не могут определять параметры </w:t>
      </w:r>
      <w:proofErr w:type="spellStart"/>
      <w:r>
        <w:rPr>
          <w:rFonts w:ascii="Courier New" w:eastAsia="Courier New" w:hAnsi="Courier New" w:cs="Courier New"/>
        </w:rPr>
        <w:t>DependOnGroup</w:t>
      </w:r>
      <w:proofErr w:type="spellEnd"/>
      <w:r>
        <w:t xml:space="preserve"> или </w:t>
      </w:r>
      <w:proofErr w:type="spellStart"/>
      <w:r>
        <w:rPr>
          <w:rFonts w:ascii="Courier New" w:eastAsia="Courier New" w:hAnsi="Courier New" w:cs="Courier New"/>
        </w:rPr>
        <w:t>DependOnService</w:t>
      </w:r>
      <w:proofErr w:type="spellEnd"/>
      <w:r>
        <w:t xml:space="preserve">. </w:t>
      </w:r>
    </w:p>
    <w:p w:rsidR="0043064D" w:rsidRDefault="008B3C4B">
      <w:pPr>
        <w:ind w:left="-5" w:right="1"/>
      </w:pPr>
      <w:r>
        <w:t xml:space="preserve">Параметр </w:t>
      </w:r>
      <w:proofErr w:type="spellStart"/>
      <w:r>
        <w:rPr>
          <w:rFonts w:ascii="Courier New" w:eastAsia="Courier New" w:hAnsi="Courier New" w:cs="Courier New"/>
        </w:rPr>
        <w:t>Start</w:t>
      </w:r>
      <w:proofErr w:type="spellEnd"/>
      <w:r>
        <w:t xml:space="preserve"> драйвера, равный 0, означает, что этот драйвер загружается загрузчиком ОС. А если </w:t>
      </w:r>
      <w:proofErr w:type="spellStart"/>
      <w:r>
        <w:rPr>
          <w:rFonts w:ascii="Courier New" w:eastAsia="Courier New" w:hAnsi="Courier New" w:cs="Courier New"/>
        </w:rPr>
        <w:t>Start</w:t>
      </w:r>
      <w:proofErr w:type="spellEnd"/>
      <w:r>
        <w:t xml:space="preserve"> равен</w:t>
      </w:r>
      <w:r>
        <w:t xml:space="preserve"> 1, драйвер загружается диспетчером ввода-вывода после инициализации компонентов исполнительной системы. Диспетчер ввода-вывода вызывает инициализирующие процедуры драйверов в том порядке, в каком драйверы загружались при запуске системы. Как и </w:t>
      </w:r>
      <w:proofErr w:type="spellStart"/>
      <w:r>
        <w:t>Windows</w:t>
      </w:r>
      <w:proofErr w:type="spellEnd"/>
      <w:r>
        <w:t>-сер</w:t>
      </w:r>
      <w:r>
        <w:t xml:space="preserve">висы, драйверы используют параметр </w:t>
      </w:r>
      <w:proofErr w:type="spellStart"/>
      <w:r>
        <w:rPr>
          <w:rFonts w:ascii="Courier New" w:eastAsia="Courier New" w:hAnsi="Courier New" w:cs="Courier New"/>
        </w:rPr>
        <w:t>Group</w:t>
      </w:r>
      <w:proofErr w:type="spellEnd"/>
      <w:r>
        <w:t xml:space="preserve"> в своем разделе реестра, чтобы указать группу, к которой они принадлежат; порядок загрузки групп определяется параметром </w:t>
      </w:r>
      <w:r>
        <w:rPr>
          <w:rFonts w:ascii="Courier New" w:eastAsia="Courier New" w:hAnsi="Courier New" w:cs="Courier New"/>
        </w:rPr>
        <w:t xml:space="preserve">HKLM\SYSTEM\ </w:t>
      </w:r>
      <w:proofErr w:type="spellStart"/>
      <w:r>
        <w:rPr>
          <w:rFonts w:ascii="Courier New" w:eastAsia="Courier New" w:hAnsi="Courier New" w:cs="Courier New"/>
        </w:rPr>
        <w:t>CurrentControlSet</w:t>
      </w:r>
      <w:proofErr w:type="spellEnd"/>
      <w:r>
        <w:rPr>
          <w:rFonts w:ascii="Courier New" w:eastAsia="Courier New" w:hAnsi="Courier New" w:cs="Courier New"/>
        </w:rPr>
        <w:t>\</w:t>
      </w:r>
      <w:proofErr w:type="spellStart"/>
      <w:r>
        <w:rPr>
          <w:rFonts w:ascii="Courier New" w:eastAsia="Courier New" w:hAnsi="Courier New" w:cs="Courier New"/>
        </w:rPr>
        <w:t>Control</w:t>
      </w:r>
      <w:proofErr w:type="spellEnd"/>
      <w:r>
        <w:rPr>
          <w:rFonts w:ascii="Courier New" w:eastAsia="Courier New" w:hAnsi="Courier New" w:cs="Courier New"/>
        </w:rPr>
        <w:t>\</w:t>
      </w:r>
      <w:proofErr w:type="spellStart"/>
      <w:r>
        <w:rPr>
          <w:rFonts w:ascii="Courier New" w:eastAsia="Courier New" w:hAnsi="Courier New" w:cs="Courier New"/>
        </w:rPr>
        <w:t>ServiceGroupOrder</w:t>
      </w:r>
      <w:proofErr w:type="spellEnd"/>
      <w:r>
        <w:rPr>
          <w:rFonts w:ascii="Courier New" w:eastAsia="Courier New" w:hAnsi="Courier New" w:cs="Courier New"/>
        </w:rPr>
        <w:t>\</w:t>
      </w:r>
      <w:proofErr w:type="spellStart"/>
      <w:r>
        <w:rPr>
          <w:rFonts w:ascii="Courier New" w:eastAsia="Courier New" w:hAnsi="Courier New" w:cs="Courier New"/>
        </w:rPr>
        <w:t>List</w:t>
      </w:r>
      <w:proofErr w:type="spellEnd"/>
      <w:r>
        <w:t xml:space="preserve">. </w:t>
      </w:r>
    </w:p>
    <w:p w:rsidR="0043064D" w:rsidRDefault="008B3C4B">
      <w:pPr>
        <w:ind w:left="-5" w:right="1"/>
      </w:pPr>
      <w:r>
        <w:t>Драйвер может еще больше детал</w:t>
      </w:r>
      <w:r>
        <w:t xml:space="preserve">изировать порядок своей загрузки с помощью параметра </w:t>
      </w:r>
      <w:proofErr w:type="spellStart"/>
      <w:r>
        <w:rPr>
          <w:rFonts w:ascii="Courier New" w:eastAsia="Courier New" w:hAnsi="Courier New" w:cs="Courier New"/>
        </w:rPr>
        <w:t>Tag</w:t>
      </w:r>
      <w:proofErr w:type="spellEnd"/>
      <w:r>
        <w:t xml:space="preserve">, который указывает конкретную позицию драйвера в группе. Диспетчер ввода-вывода сортирует драйверы в группе по значениям параметров </w:t>
      </w:r>
      <w:proofErr w:type="spellStart"/>
      <w:r>
        <w:rPr>
          <w:rFonts w:ascii="Courier New" w:eastAsia="Courier New" w:hAnsi="Courier New" w:cs="Courier New"/>
        </w:rPr>
        <w:t>Tag</w:t>
      </w:r>
      <w:proofErr w:type="spellEnd"/>
      <w:r>
        <w:t xml:space="preserve">, определенных </w:t>
      </w:r>
      <w:proofErr w:type="gramStart"/>
      <w:r>
        <w:t>в разделал</w:t>
      </w:r>
      <w:proofErr w:type="gramEnd"/>
      <w:r>
        <w:t>, реестра, соответствующих этим драйвер</w:t>
      </w:r>
      <w:r>
        <w:t xml:space="preserve">ам. Драйверы, не имеющие параметра </w:t>
      </w:r>
      <w:proofErr w:type="spellStart"/>
      <w:r>
        <w:rPr>
          <w:rFonts w:ascii="Courier New" w:eastAsia="Courier New" w:hAnsi="Courier New" w:cs="Courier New"/>
        </w:rPr>
        <w:t>Tag</w:t>
      </w:r>
      <w:proofErr w:type="spellEnd"/>
      <w:r>
        <w:t xml:space="preserve">, перемещаются в конец списка драйверов группы. Можно предположить, что диспетчер ввода-вывода сначала инициализирует драйверы с меньшими значениями </w:t>
      </w:r>
      <w:proofErr w:type="spellStart"/>
      <w:r>
        <w:rPr>
          <w:rFonts w:ascii="Courier New" w:eastAsia="Courier New" w:hAnsi="Courier New" w:cs="Courier New"/>
        </w:rPr>
        <w:t>Tag</w:t>
      </w:r>
      <w:proofErr w:type="spellEnd"/>
      <w:r>
        <w:t>, потом — с большими, но это не так. Приоритет значений параметров</w:t>
      </w:r>
      <w:r>
        <w:t xml:space="preserve"> </w:t>
      </w:r>
      <w:proofErr w:type="spellStart"/>
      <w:r>
        <w:rPr>
          <w:rFonts w:ascii="Courier New" w:eastAsia="Courier New" w:hAnsi="Courier New" w:cs="Courier New"/>
        </w:rPr>
        <w:t>Tag</w:t>
      </w:r>
      <w:proofErr w:type="spellEnd"/>
      <w:r>
        <w:t xml:space="preserve"> в рамках группы определяется в </w:t>
      </w:r>
      <w:r>
        <w:rPr>
          <w:rFonts w:ascii="Courier New" w:eastAsia="Courier New" w:hAnsi="Courier New" w:cs="Courier New"/>
        </w:rPr>
        <w:t>HKLM\SYSTEM\</w:t>
      </w:r>
      <w:proofErr w:type="spellStart"/>
      <w:r>
        <w:rPr>
          <w:rFonts w:ascii="Courier New" w:eastAsia="Courier New" w:hAnsi="Courier New" w:cs="Courier New"/>
        </w:rPr>
        <w:t>CurrentControlSet</w:t>
      </w:r>
      <w:proofErr w:type="spellEnd"/>
      <w:r>
        <w:rPr>
          <w:rFonts w:ascii="Courier New" w:eastAsia="Courier New" w:hAnsi="Courier New" w:cs="Courier New"/>
        </w:rPr>
        <w:t xml:space="preserve">\ </w:t>
      </w:r>
      <w:proofErr w:type="spellStart"/>
      <w:r>
        <w:rPr>
          <w:rFonts w:ascii="Courier New" w:eastAsia="Courier New" w:hAnsi="Courier New" w:cs="Courier New"/>
        </w:rPr>
        <w:t>Control</w:t>
      </w:r>
      <w:proofErr w:type="spellEnd"/>
      <w:r>
        <w:rPr>
          <w:rFonts w:ascii="Courier New" w:eastAsia="Courier New" w:hAnsi="Courier New" w:cs="Courier New"/>
        </w:rPr>
        <w:t>\</w:t>
      </w:r>
      <w:proofErr w:type="spellStart"/>
      <w:r>
        <w:rPr>
          <w:rFonts w:ascii="Courier New" w:eastAsia="Courier New" w:hAnsi="Courier New" w:cs="Courier New"/>
        </w:rPr>
        <w:t>GroupOrderList</w:t>
      </w:r>
      <w:proofErr w:type="spellEnd"/>
      <w:r>
        <w:t xml:space="preserve">; этот раздел реестра дает </w:t>
      </w:r>
      <w:proofErr w:type="spellStart"/>
      <w:r>
        <w:t>Microsoft</w:t>
      </w:r>
      <w:proofErr w:type="spellEnd"/>
      <w:r>
        <w:t xml:space="preserve"> и разработчикам драйверов свободу в определении собственной системы целых чисел. </w:t>
      </w:r>
    </w:p>
    <w:p w:rsidR="0043064D" w:rsidRDefault="008B3C4B">
      <w:pPr>
        <w:spacing w:after="176"/>
        <w:ind w:left="-5" w:right="1"/>
      </w:pPr>
      <w:r>
        <w:t>Вот правила, по которым драйверы устанавливают з</w:t>
      </w:r>
      <w:r>
        <w:t xml:space="preserve">начение своего параметра </w:t>
      </w:r>
      <w:proofErr w:type="spellStart"/>
      <w:r>
        <w:rPr>
          <w:rFonts w:ascii="Courier New" w:eastAsia="Courier New" w:hAnsi="Courier New" w:cs="Courier New"/>
        </w:rPr>
        <w:t>Start</w:t>
      </w:r>
      <w:proofErr w:type="spellEnd"/>
      <w:r>
        <w:t xml:space="preserve">. </w:t>
      </w:r>
    </w:p>
    <w:p w:rsidR="0043064D" w:rsidRDefault="008B3C4B">
      <w:pPr>
        <w:numPr>
          <w:ilvl w:val="0"/>
          <w:numId w:val="13"/>
        </w:numPr>
        <w:spacing w:after="19"/>
        <w:ind w:right="1" w:hanging="361"/>
      </w:pPr>
      <w:r>
        <w:t xml:space="preserve">Драйверы, не поддерживающие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настраивают </w:t>
      </w:r>
      <w:proofErr w:type="spellStart"/>
      <w:r>
        <w:rPr>
          <w:rFonts w:ascii="Courier New" w:eastAsia="Courier New" w:hAnsi="Courier New" w:cs="Courier New"/>
        </w:rPr>
        <w:t>Start</w:t>
      </w:r>
      <w:proofErr w:type="spellEnd"/>
      <w:r>
        <w:t xml:space="preserve"> так, </w:t>
      </w:r>
      <w:proofErr w:type="spellStart"/>
      <w:r>
        <w:t>что-бы</w:t>
      </w:r>
      <w:proofErr w:type="spellEnd"/>
      <w:r>
        <w:t xml:space="preserve"> система загружала их на определенном этапе своего запуска. </w:t>
      </w:r>
    </w:p>
    <w:p w:rsidR="0043064D" w:rsidRDefault="008B3C4B">
      <w:pPr>
        <w:numPr>
          <w:ilvl w:val="0"/>
          <w:numId w:val="13"/>
        </w:numPr>
        <w:ind w:right="1" w:hanging="361"/>
      </w:pPr>
      <w:r>
        <w:t xml:space="preserve">Драйверы, которые должны загружаться системным загрузчиком при запуске ОС, указывают в </w:t>
      </w:r>
      <w:proofErr w:type="spellStart"/>
      <w:r>
        <w:rPr>
          <w:rFonts w:ascii="Courier New" w:eastAsia="Courier New" w:hAnsi="Courier New" w:cs="Courier New"/>
        </w:rPr>
        <w:t>Sta</w:t>
      </w:r>
      <w:r>
        <w:rPr>
          <w:rFonts w:ascii="Courier New" w:eastAsia="Courier New" w:hAnsi="Courier New" w:cs="Courier New"/>
        </w:rPr>
        <w:t>rt</w:t>
      </w:r>
      <w:proofErr w:type="spellEnd"/>
      <w:r>
        <w:t xml:space="preserve"> значение 0 (запуск при загрузке системы). </w:t>
      </w:r>
    </w:p>
    <w:p w:rsidR="0043064D" w:rsidRDefault="008B3C4B">
      <w:pPr>
        <w:numPr>
          <w:ilvl w:val="0"/>
          <w:numId w:val="13"/>
        </w:numPr>
        <w:spacing w:after="19"/>
        <w:ind w:right="1" w:hanging="361"/>
      </w:pPr>
      <w:r>
        <w:lastRenderedPageBreak/>
        <w:t xml:space="preserve">Драйвер, который не требуется для загрузки системы и распознает устройство, не перечисляемое драйвером системной шины, указывает в </w:t>
      </w:r>
      <w:proofErr w:type="spellStart"/>
      <w:r>
        <w:rPr>
          <w:rFonts w:ascii="Courier New" w:eastAsia="Courier New" w:hAnsi="Courier New" w:cs="Courier New"/>
        </w:rPr>
        <w:t>Start</w:t>
      </w:r>
      <w:proofErr w:type="spellEnd"/>
      <w:r>
        <w:t xml:space="preserve"> значение, равное 1 (запуск системой). Пример — драйвер последовательного </w:t>
      </w:r>
      <w:r>
        <w:t xml:space="preserve">порта, информирующий диспетчер </w:t>
      </w:r>
      <w:proofErr w:type="spellStart"/>
      <w:r>
        <w:t>PnP</w:t>
      </w:r>
      <w:proofErr w:type="spellEnd"/>
      <w:r>
        <w:t xml:space="preserve"> о присутствии стандартных последовательных портов, которые были обнаружены программой </w:t>
      </w:r>
      <w:proofErr w:type="spellStart"/>
      <w:r>
        <w:rPr>
          <w:rFonts w:ascii="Courier New" w:eastAsia="Courier New" w:hAnsi="Courier New" w:cs="Courier New"/>
        </w:rPr>
        <w:t>Setup</w:t>
      </w:r>
      <w:proofErr w:type="spellEnd"/>
      <w:r>
        <w:t xml:space="preserve"> и зарегистрированы в реестре. </w:t>
      </w:r>
    </w:p>
    <w:p w:rsidR="0043064D" w:rsidRDefault="008B3C4B">
      <w:pPr>
        <w:numPr>
          <w:ilvl w:val="0"/>
          <w:numId w:val="13"/>
        </w:numPr>
        <w:spacing w:after="15"/>
        <w:ind w:right="1" w:hanging="361"/>
      </w:pPr>
      <w:r>
        <w:t xml:space="preserve">Драйвер, не поддерживающий </w:t>
      </w:r>
      <w:proofErr w:type="spellStart"/>
      <w:r>
        <w:t>Plug</w:t>
      </w:r>
      <w:proofErr w:type="spellEnd"/>
      <w:r>
        <w:t xml:space="preserve"> </w:t>
      </w:r>
      <w:proofErr w:type="spellStart"/>
      <w:r>
        <w:t>and</w:t>
      </w:r>
      <w:proofErr w:type="spellEnd"/>
      <w:r>
        <w:t xml:space="preserve"> </w:t>
      </w:r>
      <w:proofErr w:type="spellStart"/>
      <w:r>
        <w:t>Play</w:t>
      </w:r>
      <w:proofErr w:type="spellEnd"/>
      <w:r>
        <w:t>, или драйвер файловой системы, не обязательный для загруз</w:t>
      </w:r>
      <w:r>
        <w:t xml:space="preserve">ки системы, устанавливает значение </w:t>
      </w:r>
      <w:proofErr w:type="spellStart"/>
      <w:r>
        <w:rPr>
          <w:rFonts w:ascii="Courier New" w:eastAsia="Courier New" w:hAnsi="Courier New" w:cs="Courier New"/>
        </w:rPr>
        <w:t>Start</w:t>
      </w:r>
      <w:proofErr w:type="spellEnd"/>
      <w:r>
        <w:t xml:space="preserve"> равным 2 (автозапуск). Пример - драйвер </w:t>
      </w:r>
      <w:proofErr w:type="spellStart"/>
      <w:r>
        <w:t>многосетевого</w:t>
      </w:r>
      <w:proofErr w:type="spellEnd"/>
      <w:r>
        <w:t xml:space="preserve"> UNC-</w:t>
      </w:r>
      <w:proofErr w:type="spellStart"/>
      <w:r>
        <w:t>npoвайдера</w:t>
      </w:r>
      <w:proofErr w:type="spellEnd"/>
      <w:r>
        <w:t xml:space="preserve"> (</w:t>
      </w:r>
      <w:proofErr w:type="spellStart"/>
      <w:r>
        <w:t>Multiple</w:t>
      </w:r>
      <w:proofErr w:type="spellEnd"/>
      <w:r>
        <w:t xml:space="preserve"> UJNC </w:t>
      </w:r>
      <w:proofErr w:type="spellStart"/>
      <w:r>
        <w:t>Provider</w:t>
      </w:r>
      <w:proofErr w:type="spellEnd"/>
      <w:r>
        <w:t xml:space="preserve">, MUP), поддерживающий UJNC-имена удаленных ресурсов (вроде </w:t>
      </w:r>
    </w:p>
    <w:p w:rsidR="0043064D" w:rsidRDefault="008B3C4B">
      <w:pPr>
        <w:spacing w:after="29" w:line="259" w:lineRule="auto"/>
        <w:ind w:left="654"/>
        <w:jc w:val="left"/>
      </w:pPr>
      <w:r>
        <w:rPr>
          <w:rFonts w:ascii="Courier New" w:eastAsia="Courier New" w:hAnsi="Courier New" w:cs="Courier New"/>
        </w:rPr>
        <w:t>\\REMOTECOMPUTERNAME\SHARE</w:t>
      </w:r>
      <w:r>
        <w:t xml:space="preserve">). </w:t>
      </w:r>
    </w:p>
    <w:p w:rsidR="0043064D" w:rsidRDefault="008B3C4B">
      <w:pPr>
        <w:numPr>
          <w:ilvl w:val="0"/>
          <w:numId w:val="13"/>
        </w:numPr>
        <w:spacing w:after="282"/>
        <w:ind w:right="1" w:hanging="361"/>
      </w:pPr>
      <w:proofErr w:type="spellStart"/>
      <w:r>
        <w:t>PnP</w:t>
      </w:r>
      <w:proofErr w:type="spellEnd"/>
      <w:r>
        <w:t>-драйверы, не нужные для загр</w:t>
      </w:r>
      <w:r>
        <w:t xml:space="preserve">узки системы (например, драйверы сетевых адаптеров), указывают значение </w:t>
      </w:r>
      <w:proofErr w:type="spellStart"/>
      <w:r>
        <w:rPr>
          <w:rFonts w:ascii="Courier New" w:eastAsia="Courier New" w:hAnsi="Courier New" w:cs="Courier New"/>
        </w:rPr>
        <w:t>Start</w:t>
      </w:r>
      <w:proofErr w:type="spellEnd"/>
      <w:r>
        <w:t xml:space="preserve"> равным 3 (запуск по требованию). Единственное предназначение параметра </w:t>
      </w:r>
      <w:proofErr w:type="spellStart"/>
      <w:r>
        <w:rPr>
          <w:rFonts w:ascii="Courier New" w:eastAsia="Courier New" w:hAnsi="Courier New" w:cs="Courier New"/>
        </w:rPr>
        <w:t>Start</w:t>
      </w:r>
      <w:proofErr w:type="spellEnd"/>
      <w:r>
        <w:t xml:space="preserve"> для </w:t>
      </w:r>
      <w:proofErr w:type="spellStart"/>
      <w:r>
        <w:t>PnP</w:t>
      </w:r>
      <w:proofErr w:type="spellEnd"/>
      <w:r>
        <w:t>-драйверов и драйверов перечисляемых устройств — загрузка драйвера с помощью загрузчика ОС, ес</w:t>
      </w:r>
      <w:r>
        <w:t xml:space="preserve">ли такой драйвер обязателен для успешного запуска системы. </w:t>
      </w:r>
    </w:p>
    <w:p w:rsidR="0043064D" w:rsidRDefault="008B3C4B">
      <w:pPr>
        <w:pStyle w:val="4"/>
        <w:ind w:left="-5"/>
      </w:pPr>
      <w:r>
        <w:t>Перечисление устройств</w:t>
      </w:r>
      <w:r>
        <w:rPr>
          <w:rFonts w:ascii="Times New Roman" w:eastAsia="Times New Roman" w:hAnsi="Times New Roman" w:cs="Times New Roman"/>
        </w:rPr>
        <w:t xml:space="preserve"> </w:t>
      </w:r>
    </w:p>
    <w:p w:rsidR="0043064D" w:rsidRDefault="008B3C4B">
      <w:pPr>
        <w:ind w:left="-5" w:right="1"/>
      </w:pPr>
      <w:r>
        <w:t xml:space="preserve">Диспетчер </w:t>
      </w:r>
      <w:proofErr w:type="spellStart"/>
      <w:r>
        <w:t>PnP</w:t>
      </w:r>
      <w:proofErr w:type="spellEnd"/>
      <w:r>
        <w:t xml:space="preserve"> начинает перечисление устройств с виртуального драйвера шины с именем </w:t>
      </w:r>
      <w:proofErr w:type="spellStart"/>
      <w:r>
        <w:t>Root</w:t>
      </w:r>
      <w:proofErr w:type="spellEnd"/>
      <w:r>
        <w:t>, который представляет всю систему и выступает в роли драйвера шины для драйверов, н</w:t>
      </w:r>
      <w:r>
        <w:t xml:space="preserve">е поддерживающих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и для HAT. </w:t>
      </w:r>
    </w:p>
    <w:p w:rsidR="0043064D" w:rsidRDefault="008B3C4B">
      <w:pPr>
        <w:spacing w:after="144"/>
        <w:ind w:left="-5" w:right="1"/>
      </w:pPr>
      <w:r>
        <w:t>HAL работает как драйвер шины, перечисляющий устройства, напрямую подключенные к материнской плате, и такие системные компоненты, как аккумуляторы. Определяя основную шину (обычно это PCI-</w:t>
      </w:r>
      <w:r>
        <w:t xml:space="preserve">шина) и устройства типа аккумуляторов и вентиляторов, HAL на самом деле полагается на описание оборудования, зафиксированное программой </w:t>
      </w:r>
      <w:proofErr w:type="spellStart"/>
      <w:r>
        <w:rPr>
          <w:rFonts w:ascii="Courier New" w:eastAsia="Courier New" w:hAnsi="Courier New" w:cs="Courier New"/>
        </w:rPr>
        <w:t>Setup</w:t>
      </w:r>
      <w:proofErr w:type="spellEnd"/>
      <w:r>
        <w:t xml:space="preserve"> в реестре еще при установке ОС. </w:t>
      </w:r>
    </w:p>
    <w:p w:rsidR="0043064D" w:rsidRDefault="008B3C4B">
      <w:pPr>
        <w:ind w:left="-5" w:right="1"/>
      </w:pPr>
      <w:r>
        <w:t>Драйвер основной шины перечисляет устройства на этой шине, при этом он может найт</w:t>
      </w:r>
      <w:r>
        <w:t xml:space="preserve">и другие шины, драйверы которых инициализируются диспетчером </w:t>
      </w:r>
      <w:proofErr w:type="spellStart"/>
      <w:r>
        <w:t>PnP</w:t>
      </w:r>
      <w:proofErr w:type="spellEnd"/>
      <w:r>
        <w:t>. Эти драйверы в свою очередь могут обнаруживать другие устройства, включая вспомогательные шины. Такой рекурсивный процесс — перечисление, загрузка драйвера (если он еще не загружен), дальней</w:t>
      </w:r>
      <w:r>
        <w:t xml:space="preserve">шее перечисление — продолжается до тех пор, пока не будут обнаружены и сконфигурированы все устройства в системе. </w:t>
      </w:r>
    </w:p>
    <w:p w:rsidR="0043064D" w:rsidRDefault="008B3C4B">
      <w:pPr>
        <w:spacing w:after="0"/>
        <w:ind w:left="-5" w:right="1"/>
      </w:pPr>
      <w:r>
        <w:t xml:space="preserve">По мере поступления сообщений от драйверов шин об обнаруженных устройствах, диспетчер </w:t>
      </w:r>
      <w:proofErr w:type="spellStart"/>
      <w:r>
        <w:t>PnP</w:t>
      </w:r>
      <w:proofErr w:type="spellEnd"/>
      <w:r>
        <w:t xml:space="preserve"> формирует внутреннее дерево, называемое </w:t>
      </w:r>
      <w:r>
        <w:rPr>
          <w:b/>
        </w:rPr>
        <w:t>деревом уст</w:t>
      </w:r>
      <w:r>
        <w:rPr>
          <w:b/>
        </w:rPr>
        <w:t>ройств</w:t>
      </w:r>
      <w:r>
        <w:t xml:space="preserve"> (</w:t>
      </w:r>
      <w:proofErr w:type="spellStart"/>
      <w:r>
        <w:t>device</w:t>
      </w:r>
      <w:proofErr w:type="spellEnd"/>
      <w:r>
        <w:t xml:space="preserve"> </w:t>
      </w:r>
      <w:proofErr w:type="spellStart"/>
      <w:r>
        <w:t>tree</w:t>
      </w:r>
      <w:proofErr w:type="spellEnd"/>
      <w:r>
        <w:t xml:space="preserve">) и отражающее взаимосвязи между устройствами. Узлы этого дерева называются </w:t>
      </w:r>
      <w:r>
        <w:rPr>
          <w:b/>
        </w:rPr>
        <w:t>узлами устройств</w:t>
      </w:r>
      <w:r>
        <w:t xml:space="preserve"> (</w:t>
      </w:r>
      <w:proofErr w:type="spellStart"/>
      <w:r>
        <w:t>device</w:t>
      </w:r>
      <w:proofErr w:type="spellEnd"/>
      <w:r>
        <w:t xml:space="preserve"> </w:t>
      </w:r>
      <w:proofErr w:type="spellStart"/>
      <w:r>
        <w:t>nodes</w:t>
      </w:r>
      <w:proofErr w:type="spellEnd"/>
      <w:r>
        <w:t xml:space="preserve">, </w:t>
      </w:r>
      <w:proofErr w:type="spellStart"/>
      <w:r>
        <w:t>dev-nodes</w:t>
      </w:r>
      <w:proofErr w:type="spellEnd"/>
      <w:r>
        <w:t xml:space="preserve">). Узел устройств содержит информацию об объектах «устройство», представляющих устройства, и другую </w:t>
      </w:r>
      <w:proofErr w:type="spellStart"/>
      <w:r>
        <w:t>PnP</w:t>
      </w:r>
      <w:proofErr w:type="spellEnd"/>
      <w:r>
        <w:t>-информацию, кото</w:t>
      </w:r>
      <w:r>
        <w:t xml:space="preserve">рая записывается в узел диспетчером </w:t>
      </w:r>
      <w:proofErr w:type="spellStart"/>
      <w:r>
        <w:t>PnP</w:t>
      </w:r>
      <w:proofErr w:type="spellEnd"/>
      <w:r>
        <w:t xml:space="preserve">. Упрощенный пример дерева устройств показан на Рис. 23. Эта система ACPI-совместима, и поэтому </w:t>
      </w:r>
      <w:proofErr w:type="spellStart"/>
      <w:r>
        <w:t>перечислителем</w:t>
      </w:r>
      <w:proofErr w:type="spellEnd"/>
      <w:r>
        <w:t xml:space="preserve"> основной шины является ACPI-совместимый HAL. К основной шине PCI в данной системе подключены шины USB, ISA</w:t>
      </w:r>
      <w:r>
        <w:t xml:space="preserve"> и SCSI. </w:t>
      </w:r>
    </w:p>
    <w:p w:rsidR="0043064D" w:rsidRDefault="008B3C4B">
      <w:pPr>
        <w:spacing w:after="0" w:line="259" w:lineRule="auto"/>
        <w:ind w:left="1468" w:firstLine="0"/>
        <w:jc w:val="left"/>
      </w:pPr>
      <w:r>
        <w:rPr>
          <w:rFonts w:ascii="Calibri" w:eastAsia="Calibri" w:hAnsi="Calibri" w:cs="Calibri"/>
          <w:noProof/>
          <w:sz w:val="22"/>
        </w:rPr>
        <mc:AlternateContent>
          <mc:Choice Requires="wpg">
            <w:drawing>
              <wp:inline distT="0" distB="0" distL="0" distR="0">
                <wp:extent cx="4131513" cy="3166330"/>
                <wp:effectExtent l="0" t="0" r="0" b="0"/>
                <wp:docPr id="63236" name="Group 63236"/>
                <wp:cNvGraphicFramePr/>
                <a:graphic xmlns:a="http://schemas.openxmlformats.org/drawingml/2006/main">
                  <a:graphicData uri="http://schemas.microsoft.com/office/word/2010/wordprocessingGroup">
                    <wpg:wgp>
                      <wpg:cNvGrpSpPr/>
                      <wpg:grpSpPr>
                        <a:xfrm>
                          <a:off x="0" y="0"/>
                          <a:ext cx="4131513" cy="3166330"/>
                          <a:chOff x="0" y="0"/>
                          <a:chExt cx="4131513" cy="3166330"/>
                        </a:xfrm>
                      </wpg:grpSpPr>
                      <wps:wsp>
                        <wps:cNvPr id="7077" name="Shape 7077"/>
                        <wps:cNvSpPr/>
                        <wps:spPr>
                          <a:xfrm>
                            <a:off x="2710" y="0"/>
                            <a:ext cx="650506" cy="325245"/>
                          </a:xfrm>
                          <a:custGeom>
                            <a:avLst/>
                            <a:gdLst/>
                            <a:ahLst/>
                            <a:cxnLst/>
                            <a:rect l="0" t="0" r="0" b="0"/>
                            <a:pathLst>
                              <a:path w="650506" h="325245">
                                <a:moveTo>
                                  <a:pt x="0" y="325245"/>
                                </a:moveTo>
                                <a:lnTo>
                                  <a:pt x="650506" y="325245"/>
                                </a:lnTo>
                                <a:lnTo>
                                  <a:pt x="650506"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078" name="Rectangle 7078"/>
                        <wps:cNvSpPr/>
                        <wps:spPr>
                          <a:xfrm>
                            <a:off x="125329" y="123332"/>
                            <a:ext cx="539088"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жойстик</w:t>
                              </w:r>
                            </w:p>
                          </w:txbxContent>
                        </wps:txbx>
                        <wps:bodyPr horzOverflow="overflow" vert="horz" lIns="0" tIns="0" rIns="0" bIns="0" rtlCol="0">
                          <a:noAutofit/>
                        </wps:bodyPr>
                      </wps:wsp>
                      <wps:wsp>
                        <wps:cNvPr id="7080" name="Shape 7080"/>
                        <wps:cNvSpPr/>
                        <wps:spPr>
                          <a:xfrm>
                            <a:off x="772484" y="0"/>
                            <a:ext cx="715557" cy="325245"/>
                          </a:xfrm>
                          <a:custGeom>
                            <a:avLst/>
                            <a:gdLst/>
                            <a:ahLst/>
                            <a:cxnLst/>
                            <a:rect l="0" t="0" r="0" b="0"/>
                            <a:pathLst>
                              <a:path w="715557" h="325245">
                                <a:moveTo>
                                  <a:pt x="0" y="325245"/>
                                </a:moveTo>
                                <a:lnTo>
                                  <a:pt x="715557" y="325245"/>
                                </a:lnTo>
                                <a:lnTo>
                                  <a:pt x="715557"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081" name="Rectangle 7081"/>
                        <wps:cNvSpPr/>
                        <wps:spPr>
                          <a:xfrm>
                            <a:off x="957143" y="123332"/>
                            <a:ext cx="426636"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Камера</w:t>
                              </w:r>
                            </w:p>
                          </w:txbxContent>
                        </wps:txbx>
                        <wps:bodyPr horzOverflow="overflow" vert="horz" lIns="0" tIns="0" rIns="0" bIns="0" rtlCol="0">
                          <a:noAutofit/>
                        </wps:bodyPr>
                      </wps:wsp>
                      <wps:wsp>
                        <wps:cNvPr id="7082" name="Rectangle 7082"/>
                        <wps:cNvSpPr/>
                        <wps:spPr>
                          <a:xfrm>
                            <a:off x="1277887" y="107087"/>
                            <a:ext cx="33920"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084" name="Shape 7084"/>
                        <wps:cNvSpPr/>
                        <wps:spPr>
                          <a:xfrm>
                            <a:off x="1542253" y="0"/>
                            <a:ext cx="935075" cy="325245"/>
                          </a:xfrm>
                          <a:custGeom>
                            <a:avLst/>
                            <a:gdLst/>
                            <a:ahLst/>
                            <a:cxnLst/>
                            <a:rect l="0" t="0" r="0" b="0"/>
                            <a:pathLst>
                              <a:path w="935075" h="325245">
                                <a:moveTo>
                                  <a:pt x="0" y="325245"/>
                                </a:moveTo>
                                <a:lnTo>
                                  <a:pt x="935075" y="325245"/>
                                </a:lnTo>
                                <a:lnTo>
                                  <a:pt x="935075"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085" name="Rectangle 7085"/>
                        <wps:cNvSpPr/>
                        <wps:spPr>
                          <a:xfrm>
                            <a:off x="1702587" y="68257"/>
                            <a:ext cx="633871" cy="1147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нешний Р</w:t>
                              </w:r>
                            </w:p>
                          </w:txbxContent>
                        </wps:txbx>
                        <wps:bodyPr horzOverflow="overflow" vert="horz" lIns="0" tIns="0" rIns="0" bIns="0" rtlCol="0">
                          <a:noAutofit/>
                        </wps:bodyPr>
                      </wps:wsp>
                      <wps:wsp>
                        <wps:cNvPr id="7086" name="Rectangle 7086"/>
                        <wps:cNvSpPr/>
                        <wps:spPr>
                          <a:xfrm>
                            <a:off x="2179227" y="52012"/>
                            <a:ext cx="149331" cy="13612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nP</w:t>
                              </w:r>
                              <w:proofErr w:type="spellEnd"/>
                            </w:p>
                          </w:txbxContent>
                        </wps:txbx>
                        <wps:bodyPr horzOverflow="overflow" vert="horz" lIns="0" tIns="0" rIns="0" bIns="0" rtlCol="0">
                          <a:noAutofit/>
                        </wps:bodyPr>
                      </wps:wsp>
                      <wps:wsp>
                        <wps:cNvPr id="7087" name="Rectangle 7087"/>
                        <wps:cNvSpPr/>
                        <wps:spPr>
                          <a:xfrm>
                            <a:off x="2291522" y="52012"/>
                            <a:ext cx="33920"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088" name="Rectangle 7088"/>
                        <wps:cNvSpPr/>
                        <wps:spPr>
                          <a:xfrm>
                            <a:off x="1557552" y="178407"/>
                            <a:ext cx="1174364" cy="114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совместимый модем</w:t>
                              </w:r>
                            </w:p>
                          </w:txbxContent>
                        </wps:txbx>
                        <wps:bodyPr horzOverflow="overflow" vert="horz" lIns="0" tIns="0" rIns="0" bIns="0" rtlCol="0">
                          <a:noAutofit/>
                        </wps:bodyPr>
                      </wps:wsp>
                      <wps:wsp>
                        <wps:cNvPr id="7089" name="Rectangle 7089"/>
                        <wps:cNvSpPr/>
                        <wps:spPr>
                          <a:xfrm>
                            <a:off x="2440458" y="162161"/>
                            <a:ext cx="33920" cy="13612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091" name="Shape 7091"/>
                        <wps:cNvSpPr/>
                        <wps:spPr>
                          <a:xfrm>
                            <a:off x="0" y="585473"/>
                            <a:ext cx="653221" cy="325247"/>
                          </a:xfrm>
                          <a:custGeom>
                            <a:avLst/>
                            <a:gdLst/>
                            <a:ahLst/>
                            <a:cxnLst/>
                            <a:rect l="0" t="0" r="0" b="0"/>
                            <a:pathLst>
                              <a:path w="653221" h="325247">
                                <a:moveTo>
                                  <a:pt x="0" y="325247"/>
                                </a:moveTo>
                                <a:lnTo>
                                  <a:pt x="653221" y="325247"/>
                                </a:lnTo>
                                <a:lnTo>
                                  <a:pt x="653221"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092" name="Rectangle 7092"/>
                        <wps:cNvSpPr/>
                        <wps:spPr>
                          <a:xfrm>
                            <a:off x="15301" y="653731"/>
                            <a:ext cx="795098"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Концентратор</w:t>
                              </w:r>
                            </w:p>
                          </w:txbxContent>
                        </wps:txbx>
                        <wps:bodyPr horzOverflow="overflow" vert="horz" lIns="0" tIns="0" rIns="0" bIns="0" rtlCol="0">
                          <a:noAutofit/>
                        </wps:bodyPr>
                      </wps:wsp>
                      <wps:wsp>
                        <wps:cNvPr id="7093" name="Rectangle 7093"/>
                        <wps:cNvSpPr/>
                        <wps:spPr>
                          <a:xfrm>
                            <a:off x="613138" y="637486"/>
                            <a:ext cx="33920" cy="13612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094" name="Rectangle 7094"/>
                        <wps:cNvSpPr/>
                        <wps:spPr>
                          <a:xfrm>
                            <a:off x="232239" y="747635"/>
                            <a:ext cx="251031"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USB</w:t>
                              </w:r>
                            </w:p>
                          </w:txbxContent>
                        </wps:txbx>
                        <wps:bodyPr horzOverflow="overflow" vert="horz" lIns="0" tIns="0" rIns="0" bIns="0" rtlCol="0">
                          <a:noAutofit/>
                        </wps:bodyPr>
                      </wps:wsp>
                      <wps:wsp>
                        <wps:cNvPr id="7096" name="Shape 7096"/>
                        <wps:cNvSpPr/>
                        <wps:spPr>
                          <a:xfrm>
                            <a:off x="693878" y="585473"/>
                            <a:ext cx="826681" cy="325247"/>
                          </a:xfrm>
                          <a:custGeom>
                            <a:avLst/>
                            <a:gdLst/>
                            <a:ahLst/>
                            <a:cxnLst/>
                            <a:rect l="0" t="0" r="0" b="0"/>
                            <a:pathLst>
                              <a:path w="826681" h="325247">
                                <a:moveTo>
                                  <a:pt x="0" y="325247"/>
                                </a:moveTo>
                                <a:lnTo>
                                  <a:pt x="826681" y="325247"/>
                                </a:lnTo>
                                <a:lnTo>
                                  <a:pt x="826681"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097" name="Rectangle 7097"/>
                        <wps:cNvSpPr/>
                        <wps:spPr>
                          <a:xfrm>
                            <a:off x="710952" y="582412"/>
                            <a:ext cx="230765" cy="13612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PnP</w:t>
                              </w:r>
                              <w:proofErr w:type="spellEnd"/>
                            </w:p>
                          </w:txbxContent>
                        </wps:txbx>
                        <wps:bodyPr horzOverflow="overflow" vert="horz" lIns="0" tIns="0" rIns="0" bIns="0" rtlCol="0">
                          <a:noAutofit/>
                        </wps:bodyPr>
                      </wps:wsp>
                      <wps:wsp>
                        <wps:cNvPr id="7098" name="Rectangle 7098"/>
                        <wps:cNvSpPr/>
                        <wps:spPr>
                          <a:xfrm>
                            <a:off x="884473" y="582412"/>
                            <a:ext cx="40656"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7099" name="Rectangle 7099"/>
                        <wps:cNvSpPr/>
                        <wps:spPr>
                          <a:xfrm>
                            <a:off x="914995" y="598657"/>
                            <a:ext cx="782691"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овместимая </w:t>
                              </w:r>
                            </w:p>
                          </w:txbxContent>
                        </wps:txbx>
                        <wps:bodyPr horzOverflow="overflow" vert="horz" lIns="0" tIns="0" rIns="0" bIns="0" rtlCol="0">
                          <a:noAutofit/>
                        </wps:bodyPr>
                      </wps:wsp>
                      <wps:wsp>
                        <wps:cNvPr id="7100" name="Rectangle 7100"/>
                        <wps:cNvSpPr/>
                        <wps:spPr>
                          <a:xfrm>
                            <a:off x="709177" y="708806"/>
                            <a:ext cx="1061956"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звуковая плата на </w:t>
                              </w:r>
                            </w:p>
                          </w:txbxContent>
                        </wps:txbx>
                        <wps:bodyPr horzOverflow="overflow" vert="horz" lIns="0" tIns="0" rIns="0" bIns="0" rtlCol="0">
                          <a:noAutofit/>
                        </wps:bodyPr>
                      </wps:wsp>
                      <wps:wsp>
                        <wps:cNvPr id="7101" name="Rectangle 7101"/>
                        <wps:cNvSpPr/>
                        <wps:spPr>
                          <a:xfrm>
                            <a:off x="907192" y="818955"/>
                            <a:ext cx="301446"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шине</w:t>
                              </w:r>
                            </w:p>
                          </w:txbxContent>
                        </wps:txbx>
                        <wps:bodyPr horzOverflow="overflow" vert="horz" lIns="0" tIns="0" rIns="0" bIns="0" rtlCol="0">
                          <a:noAutofit/>
                        </wps:bodyPr>
                      </wps:wsp>
                      <wps:wsp>
                        <wps:cNvPr id="7102" name="Rectangle 7102"/>
                        <wps:cNvSpPr/>
                        <wps:spPr>
                          <a:xfrm>
                            <a:off x="1133847" y="802710"/>
                            <a:ext cx="33920"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103" name="Rectangle 7103"/>
                        <wps:cNvSpPr/>
                        <wps:spPr>
                          <a:xfrm>
                            <a:off x="1159320" y="802710"/>
                            <a:ext cx="196787"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SA</w:t>
                              </w:r>
                            </w:p>
                          </w:txbxContent>
                        </wps:txbx>
                        <wps:bodyPr horzOverflow="overflow" vert="horz" lIns="0" tIns="0" rIns="0" bIns="0" rtlCol="0">
                          <a:noAutofit/>
                        </wps:bodyPr>
                      </wps:wsp>
                      <wps:wsp>
                        <wps:cNvPr id="7105" name="Shape 7105"/>
                        <wps:cNvSpPr/>
                        <wps:spPr>
                          <a:xfrm>
                            <a:off x="1563902" y="585473"/>
                            <a:ext cx="891702" cy="325247"/>
                          </a:xfrm>
                          <a:custGeom>
                            <a:avLst/>
                            <a:gdLst/>
                            <a:ahLst/>
                            <a:cxnLst/>
                            <a:rect l="0" t="0" r="0" b="0"/>
                            <a:pathLst>
                              <a:path w="891702" h="325247">
                                <a:moveTo>
                                  <a:pt x="0" y="325247"/>
                                </a:moveTo>
                                <a:lnTo>
                                  <a:pt x="891702" y="325247"/>
                                </a:lnTo>
                                <a:lnTo>
                                  <a:pt x="891702"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06" name="Rectangle 7106"/>
                        <wps:cNvSpPr/>
                        <wps:spPr>
                          <a:xfrm>
                            <a:off x="1579812" y="653731"/>
                            <a:ext cx="1143696"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следовательный </w:t>
                              </w:r>
                            </w:p>
                          </w:txbxContent>
                        </wps:txbx>
                        <wps:bodyPr horzOverflow="overflow" vert="horz" lIns="0" tIns="0" rIns="0" bIns="0" rtlCol="0">
                          <a:noAutofit/>
                        </wps:bodyPr>
                      </wps:wsp>
                      <wps:wsp>
                        <wps:cNvPr id="7107" name="Rectangle 7107"/>
                        <wps:cNvSpPr/>
                        <wps:spPr>
                          <a:xfrm>
                            <a:off x="1912871" y="763881"/>
                            <a:ext cx="257825" cy="114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рт</w:t>
                              </w:r>
                            </w:p>
                          </w:txbxContent>
                        </wps:txbx>
                        <wps:bodyPr horzOverflow="overflow" vert="horz" lIns="0" tIns="0" rIns="0" bIns="0" rtlCol="0">
                          <a:noAutofit/>
                        </wps:bodyPr>
                      </wps:wsp>
                      <wps:wsp>
                        <wps:cNvPr id="7109" name="Shape 7109"/>
                        <wps:cNvSpPr/>
                        <wps:spPr>
                          <a:xfrm>
                            <a:off x="2496299" y="585473"/>
                            <a:ext cx="535312" cy="325247"/>
                          </a:xfrm>
                          <a:custGeom>
                            <a:avLst/>
                            <a:gdLst/>
                            <a:ahLst/>
                            <a:cxnLst/>
                            <a:rect l="0" t="0" r="0" b="0"/>
                            <a:pathLst>
                              <a:path w="535312" h="325247">
                                <a:moveTo>
                                  <a:pt x="0" y="325247"/>
                                </a:moveTo>
                                <a:lnTo>
                                  <a:pt x="535312" y="325247"/>
                                </a:lnTo>
                                <a:lnTo>
                                  <a:pt x="535312"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10" name="Rectangle 7110"/>
                        <wps:cNvSpPr/>
                        <wps:spPr>
                          <a:xfrm>
                            <a:off x="2514351" y="708806"/>
                            <a:ext cx="663955"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Клавиатура</w:t>
                              </w:r>
                            </w:p>
                          </w:txbxContent>
                        </wps:txbx>
                        <wps:bodyPr horzOverflow="overflow" vert="horz" lIns="0" tIns="0" rIns="0" bIns="0" rtlCol="0">
                          <a:noAutofit/>
                        </wps:bodyPr>
                      </wps:wsp>
                      <wps:wsp>
                        <wps:cNvPr id="7112" name="Shape 7112"/>
                        <wps:cNvSpPr/>
                        <wps:spPr>
                          <a:xfrm>
                            <a:off x="3096019" y="585473"/>
                            <a:ext cx="318479" cy="325247"/>
                          </a:xfrm>
                          <a:custGeom>
                            <a:avLst/>
                            <a:gdLst/>
                            <a:ahLst/>
                            <a:cxnLst/>
                            <a:rect l="0" t="0" r="0" b="0"/>
                            <a:pathLst>
                              <a:path w="318479" h="325247">
                                <a:moveTo>
                                  <a:pt x="0" y="325247"/>
                                </a:moveTo>
                                <a:lnTo>
                                  <a:pt x="318479" y="325247"/>
                                </a:lnTo>
                                <a:lnTo>
                                  <a:pt x="318479"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13" name="Rectangle 7113"/>
                        <wps:cNvSpPr/>
                        <wps:spPr>
                          <a:xfrm>
                            <a:off x="3123328" y="708806"/>
                            <a:ext cx="351003"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Мышь</w:t>
                              </w:r>
                            </w:p>
                          </w:txbxContent>
                        </wps:txbx>
                        <wps:bodyPr horzOverflow="overflow" vert="horz" lIns="0" tIns="0" rIns="0" bIns="0" rtlCol="0">
                          <a:noAutofit/>
                        </wps:bodyPr>
                      </wps:wsp>
                      <wps:wsp>
                        <wps:cNvPr id="7115" name="Shape 7115"/>
                        <wps:cNvSpPr/>
                        <wps:spPr>
                          <a:xfrm>
                            <a:off x="3472069" y="585473"/>
                            <a:ext cx="383530" cy="325247"/>
                          </a:xfrm>
                          <a:custGeom>
                            <a:avLst/>
                            <a:gdLst/>
                            <a:ahLst/>
                            <a:cxnLst/>
                            <a:rect l="0" t="0" r="0" b="0"/>
                            <a:pathLst>
                              <a:path w="383530" h="325247">
                                <a:moveTo>
                                  <a:pt x="0" y="325247"/>
                                </a:moveTo>
                                <a:lnTo>
                                  <a:pt x="383530" y="325247"/>
                                </a:lnTo>
                                <a:lnTo>
                                  <a:pt x="383530"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16" name="Rectangle 7116"/>
                        <wps:cNvSpPr/>
                        <wps:spPr>
                          <a:xfrm>
                            <a:off x="3564092" y="708806"/>
                            <a:ext cx="265404"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к</w:t>
                              </w:r>
                            </w:p>
                          </w:txbxContent>
                        </wps:txbx>
                        <wps:bodyPr horzOverflow="overflow" vert="horz" lIns="0" tIns="0" rIns="0" bIns="0" rtlCol="0">
                          <a:noAutofit/>
                        </wps:bodyPr>
                      </wps:wsp>
                      <wps:wsp>
                        <wps:cNvPr id="7118" name="Shape 7118"/>
                        <wps:cNvSpPr/>
                        <wps:spPr>
                          <a:xfrm>
                            <a:off x="0" y="1160008"/>
                            <a:ext cx="653221" cy="325246"/>
                          </a:xfrm>
                          <a:custGeom>
                            <a:avLst/>
                            <a:gdLst/>
                            <a:ahLst/>
                            <a:cxnLst/>
                            <a:rect l="0" t="0" r="0" b="0"/>
                            <a:pathLst>
                              <a:path w="653221" h="325246">
                                <a:moveTo>
                                  <a:pt x="0" y="325246"/>
                                </a:moveTo>
                                <a:lnTo>
                                  <a:pt x="653221" y="325246"/>
                                </a:lnTo>
                                <a:lnTo>
                                  <a:pt x="653221"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19" name="Rectangle 7119"/>
                        <wps:cNvSpPr/>
                        <wps:spPr>
                          <a:xfrm>
                            <a:off x="216955" y="1212021"/>
                            <a:ext cx="251031"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USB</w:t>
                              </w:r>
                            </w:p>
                          </w:txbxContent>
                        </wps:txbx>
                        <wps:bodyPr horzOverflow="overflow" vert="horz" lIns="0" tIns="0" rIns="0" bIns="0" rtlCol="0">
                          <a:noAutofit/>
                        </wps:bodyPr>
                      </wps:wsp>
                      <wps:wsp>
                        <wps:cNvPr id="7120" name="Rectangle 7120"/>
                        <wps:cNvSpPr/>
                        <wps:spPr>
                          <a:xfrm>
                            <a:off x="405699" y="1212021"/>
                            <a:ext cx="40656"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7121" name="Rectangle 7121"/>
                        <wps:cNvSpPr/>
                        <wps:spPr>
                          <a:xfrm>
                            <a:off x="105754" y="1338415"/>
                            <a:ext cx="587469"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контролер</w:t>
                              </w:r>
                            </w:p>
                          </w:txbxContent>
                        </wps:txbx>
                        <wps:bodyPr horzOverflow="overflow" vert="horz" lIns="0" tIns="0" rIns="0" bIns="0" rtlCol="0">
                          <a:noAutofit/>
                        </wps:bodyPr>
                      </wps:wsp>
                      <wps:wsp>
                        <wps:cNvPr id="7123" name="Shape 7123"/>
                        <wps:cNvSpPr/>
                        <wps:spPr>
                          <a:xfrm>
                            <a:off x="1626245" y="1160008"/>
                            <a:ext cx="653221" cy="325246"/>
                          </a:xfrm>
                          <a:custGeom>
                            <a:avLst/>
                            <a:gdLst/>
                            <a:ahLst/>
                            <a:cxnLst/>
                            <a:rect l="0" t="0" r="0" b="0"/>
                            <a:pathLst>
                              <a:path w="653221" h="325246">
                                <a:moveTo>
                                  <a:pt x="0" y="325246"/>
                                </a:moveTo>
                                <a:lnTo>
                                  <a:pt x="653221" y="325246"/>
                                </a:lnTo>
                                <a:lnTo>
                                  <a:pt x="653221"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24" name="Rectangle 7124"/>
                        <wps:cNvSpPr/>
                        <wps:spPr>
                          <a:xfrm>
                            <a:off x="1832399" y="1228266"/>
                            <a:ext cx="286563"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Мост</w:t>
                              </w:r>
                            </w:p>
                          </w:txbxContent>
                        </wps:txbx>
                        <wps:bodyPr horzOverflow="overflow" vert="horz" lIns="0" tIns="0" rIns="0" bIns="0" rtlCol="0">
                          <a:noAutofit/>
                        </wps:bodyPr>
                      </wps:wsp>
                      <wps:wsp>
                        <wps:cNvPr id="7125" name="Rectangle 7125"/>
                        <wps:cNvSpPr/>
                        <wps:spPr>
                          <a:xfrm>
                            <a:off x="2047885" y="1212021"/>
                            <a:ext cx="33920"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126" name="Rectangle 7126"/>
                        <wps:cNvSpPr/>
                        <wps:spPr>
                          <a:xfrm>
                            <a:off x="1787114" y="1322171"/>
                            <a:ext cx="203519"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PCI</w:t>
                              </w:r>
                            </w:p>
                          </w:txbxContent>
                        </wps:txbx>
                        <wps:bodyPr horzOverflow="overflow" vert="horz" lIns="0" tIns="0" rIns="0" bIns="0" rtlCol="0">
                          <a:noAutofit/>
                        </wps:bodyPr>
                      </wps:wsp>
                      <wps:wsp>
                        <wps:cNvPr id="7127" name="Rectangle 7127"/>
                        <wps:cNvSpPr/>
                        <wps:spPr>
                          <a:xfrm>
                            <a:off x="1940104" y="1322171"/>
                            <a:ext cx="40656"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7128" name="Rectangle 7128"/>
                        <wps:cNvSpPr/>
                        <wps:spPr>
                          <a:xfrm>
                            <a:off x="1970702" y="1322171"/>
                            <a:ext cx="196786"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SA</w:t>
                              </w:r>
                            </w:p>
                          </w:txbxContent>
                        </wps:txbx>
                        <wps:bodyPr horzOverflow="overflow" vert="horz" lIns="0" tIns="0" rIns="0" bIns="0" rtlCol="0">
                          <a:noAutofit/>
                        </wps:bodyPr>
                      </wps:wsp>
                      <wps:wsp>
                        <wps:cNvPr id="7130" name="Shape 7130"/>
                        <wps:cNvSpPr/>
                        <wps:spPr>
                          <a:xfrm>
                            <a:off x="3264768" y="1160008"/>
                            <a:ext cx="805033" cy="325246"/>
                          </a:xfrm>
                          <a:custGeom>
                            <a:avLst/>
                            <a:gdLst/>
                            <a:ahLst/>
                            <a:cxnLst/>
                            <a:rect l="0" t="0" r="0" b="0"/>
                            <a:pathLst>
                              <a:path w="805033" h="325246">
                                <a:moveTo>
                                  <a:pt x="0" y="325246"/>
                                </a:moveTo>
                                <a:lnTo>
                                  <a:pt x="805033" y="325246"/>
                                </a:lnTo>
                                <a:lnTo>
                                  <a:pt x="805033"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31" name="Rectangle 7131"/>
                        <wps:cNvSpPr/>
                        <wps:spPr>
                          <a:xfrm>
                            <a:off x="3370101" y="1267096"/>
                            <a:ext cx="284953"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SCSI</w:t>
                              </w:r>
                            </w:p>
                          </w:txbxContent>
                        </wps:txbx>
                        <wps:bodyPr horzOverflow="overflow" vert="horz" lIns="0" tIns="0" rIns="0" bIns="0" rtlCol="0">
                          <a:noAutofit/>
                        </wps:bodyPr>
                      </wps:wsp>
                      <wps:wsp>
                        <wps:cNvPr id="7132" name="Rectangle 7132"/>
                        <wps:cNvSpPr/>
                        <wps:spPr>
                          <a:xfrm>
                            <a:off x="3584287" y="1267096"/>
                            <a:ext cx="40656"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7133" name="Rectangle 7133"/>
                        <wps:cNvSpPr/>
                        <wps:spPr>
                          <a:xfrm>
                            <a:off x="3614885" y="1283340"/>
                            <a:ext cx="464845"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адаптер</w:t>
                              </w:r>
                            </w:p>
                          </w:txbxContent>
                        </wps:txbx>
                        <wps:bodyPr horzOverflow="overflow" vert="horz" lIns="0" tIns="0" rIns="0" bIns="0" rtlCol="0">
                          <a:noAutofit/>
                        </wps:bodyPr>
                      </wps:wsp>
                      <wps:wsp>
                        <wps:cNvPr id="7134" name="Shape 7134"/>
                        <wps:cNvSpPr/>
                        <wps:spPr>
                          <a:xfrm>
                            <a:off x="3663842" y="910720"/>
                            <a:ext cx="3366" cy="249289"/>
                          </a:xfrm>
                          <a:custGeom>
                            <a:avLst/>
                            <a:gdLst/>
                            <a:ahLst/>
                            <a:cxnLst/>
                            <a:rect l="0" t="0" r="0" b="0"/>
                            <a:pathLst>
                              <a:path w="3366" h="249289">
                                <a:moveTo>
                                  <a:pt x="0" y="0"/>
                                </a:moveTo>
                                <a:lnTo>
                                  <a:pt x="3366" y="249289"/>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35" name="Shape 7135"/>
                        <wps:cNvSpPr/>
                        <wps:spPr>
                          <a:xfrm>
                            <a:off x="1107226" y="910720"/>
                            <a:ext cx="2148056" cy="108390"/>
                          </a:xfrm>
                          <a:custGeom>
                            <a:avLst/>
                            <a:gdLst/>
                            <a:ahLst/>
                            <a:cxnLst/>
                            <a:rect l="0" t="0" r="0" b="0"/>
                            <a:pathLst>
                              <a:path w="2148056" h="108390">
                                <a:moveTo>
                                  <a:pt x="0" y="0"/>
                                </a:moveTo>
                                <a:lnTo>
                                  <a:pt x="0" y="108390"/>
                                </a:lnTo>
                                <a:lnTo>
                                  <a:pt x="2148056" y="108390"/>
                                </a:lnTo>
                                <a:lnTo>
                                  <a:pt x="2148056" y="0"/>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36" name="Shape 7136"/>
                        <wps:cNvSpPr/>
                        <wps:spPr>
                          <a:xfrm>
                            <a:off x="2778183" y="910720"/>
                            <a:ext cx="0" cy="108390"/>
                          </a:xfrm>
                          <a:custGeom>
                            <a:avLst/>
                            <a:gdLst/>
                            <a:ahLst/>
                            <a:cxnLst/>
                            <a:rect l="0" t="0" r="0" b="0"/>
                            <a:pathLst>
                              <a:path h="108390">
                                <a:moveTo>
                                  <a:pt x="0" y="108390"/>
                                </a:moveTo>
                                <a:lnTo>
                                  <a:pt x="0" y="0"/>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37" name="Shape 7137"/>
                        <wps:cNvSpPr/>
                        <wps:spPr>
                          <a:xfrm>
                            <a:off x="1997628" y="910720"/>
                            <a:ext cx="0" cy="108390"/>
                          </a:xfrm>
                          <a:custGeom>
                            <a:avLst/>
                            <a:gdLst/>
                            <a:ahLst/>
                            <a:cxnLst/>
                            <a:rect l="0" t="0" r="0" b="0"/>
                            <a:pathLst>
                              <a:path h="108390">
                                <a:moveTo>
                                  <a:pt x="0" y="108390"/>
                                </a:moveTo>
                                <a:lnTo>
                                  <a:pt x="0" y="0"/>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38" name="Shape 7138"/>
                        <wps:cNvSpPr/>
                        <wps:spPr>
                          <a:xfrm>
                            <a:off x="1952879" y="1019109"/>
                            <a:ext cx="1377" cy="140899"/>
                          </a:xfrm>
                          <a:custGeom>
                            <a:avLst/>
                            <a:gdLst/>
                            <a:ahLst/>
                            <a:cxnLst/>
                            <a:rect l="0" t="0" r="0" b="0"/>
                            <a:pathLst>
                              <a:path w="1377" h="140899">
                                <a:moveTo>
                                  <a:pt x="1377" y="0"/>
                                </a:moveTo>
                                <a:lnTo>
                                  <a:pt x="0" y="140899"/>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39" name="Shape 7139"/>
                        <wps:cNvSpPr/>
                        <wps:spPr>
                          <a:xfrm>
                            <a:off x="326611" y="910720"/>
                            <a:ext cx="0" cy="249289"/>
                          </a:xfrm>
                          <a:custGeom>
                            <a:avLst/>
                            <a:gdLst/>
                            <a:ahLst/>
                            <a:cxnLst/>
                            <a:rect l="0" t="0" r="0" b="0"/>
                            <a:pathLst>
                              <a:path h="249289">
                                <a:moveTo>
                                  <a:pt x="0" y="0"/>
                                </a:moveTo>
                                <a:lnTo>
                                  <a:pt x="0" y="249289"/>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40" name="Shape 7140"/>
                        <wps:cNvSpPr/>
                        <wps:spPr>
                          <a:xfrm>
                            <a:off x="326611" y="1485254"/>
                            <a:ext cx="3362321" cy="108466"/>
                          </a:xfrm>
                          <a:custGeom>
                            <a:avLst/>
                            <a:gdLst/>
                            <a:ahLst/>
                            <a:cxnLst/>
                            <a:rect l="0" t="0" r="0" b="0"/>
                            <a:pathLst>
                              <a:path w="3362321" h="108466">
                                <a:moveTo>
                                  <a:pt x="0" y="0"/>
                                </a:moveTo>
                                <a:lnTo>
                                  <a:pt x="0" y="108466"/>
                                </a:lnTo>
                                <a:lnTo>
                                  <a:pt x="3362321" y="108466"/>
                                </a:lnTo>
                                <a:lnTo>
                                  <a:pt x="3360945" y="0"/>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41" name="Shape 7141"/>
                        <wps:cNvSpPr/>
                        <wps:spPr>
                          <a:xfrm>
                            <a:off x="1952879" y="1485254"/>
                            <a:ext cx="1377" cy="216857"/>
                          </a:xfrm>
                          <a:custGeom>
                            <a:avLst/>
                            <a:gdLst/>
                            <a:ahLst/>
                            <a:cxnLst/>
                            <a:rect l="0" t="0" r="0" b="0"/>
                            <a:pathLst>
                              <a:path w="1377" h="216857">
                                <a:moveTo>
                                  <a:pt x="1377" y="216857"/>
                                </a:moveTo>
                                <a:lnTo>
                                  <a:pt x="0" y="0"/>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43" name="Shape 7143"/>
                        <wps:cNvSpPr/>
                        <wps:spPr>
                          <a:xfrm>
                            <a:off x="870092" y="1767129"/>
                            <a:ext cx="653221" cy="325246"/>
                          </a:xfrm>
                          <a:custGeom>
                            <a:avLst/>
                            <a:gdLst/>
                            <a:ahLst/>
                            <a:cxnLst/>
                            <a:rect l="0" t="0" r="0" b="0"/>
                            <a:pathLst>
                              <a:path w="653221" h="325246">
                                <a:moveTo>
                                  <a:pt x="0" y="325246"/>
                                </a:moveTo>
                                <a:lnTo>
                                  <a:pt x="653221" y="325246"/>
                                </a:lnTo>
                                <a:lnTo>
                                  <a:pt x="653221"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44" name="Rectangle 7144"/>
                        <wps:cNvSpPr/>
                        <wps:spPr>
                          <a:xfrm>
                            <a:off x="1074257" y="1764068"/>
                            <a:ext cx="284953" cy="13612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CPI</w:t>
                              </w:r>
                            </w:p>
                          </w:txbxContent>
                        </wps:txbx>
                        <wps:bodyPr horzOverflow="overflow" vert="horz" lIns="0" tIns="0" rIns="0" bIns="0" rtlCol="0">
                          <a:noAutofit/>
                        </wps:bodyPr>
                      </wps:wsp>
                      <wps:wsp>
                        <wps:cNvPr id="7145" name="Rectangle 7145"/>
                        <wps:cNvSpPr/>
                        <wps:spPr>
                          <a:xfrm>
                            <a:off x="1288520" y="1764068"/>
                            <a:ext cx="40656" cy="13612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7146" name="Rectangle 7146"/>
                        <wps:cNvSpPr/>
                        <wps:spPr>
                          <a:xfrm>
                            <a:off x="894188" y="1890462"/>
                            <a:ext cx="804628" cy="114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овместимый </w:t>
                              </w:r>
                            </w:p>
                          </w:txbxContent>
                        </wps:txbx>
                        <wps:bodyPr horzOverflow="overflow" vert="horz" lIns="0" tIns="0" rIns="0" bIns="0" rtlCol="0">
                          <a:noAutofit/>
                        </wps:bodyPr>
                      </wps:wsp>
                      <wps:wsp>
                        <wps:cNvPr id="7147" name="Rectangle 7147"/>
                        <wps:cNvSpPr/>
                        <wps:spPr>
                          <a:xfrm>
                            <a:off x="951024" y="2000611"/>
                            <a:ext cx="653343"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вентилятор</w:t>
                              </w:r>
                            </w:p>
                          </w:txbxContent>
                        </wps:txbx>
                        <wps:bodyPr horzOverflow="overflow" vert="horz" lIns="0" tIns="0" rIns="0" bIns="0" rtlCol="0">
                          <a:noAutofit/>
                        </wps:bodyPr>
                      </wps:wsp>
                      <wps:wsp>
                        <wps:cNvPr id="7149" name="Shape 7149"/>
                        <wps:cNvSpPr/>
                        <wps:spPr>
                          <a:xfrm>
                            <a:off x="1628999" y="1767129"/>
                            <a:ext cx="653221" cy="325246"/>
                          </a:xfrm>
                          <a:custGeom>
                            <a:avLst/>
                            <a:gdLst/>
                            <a:ahLst/>
                            <a:cxnLst/>
                            <a:rect l="0" t="0" r="0" b="0"/>
                            <a:pathLst>
                              <a:path w="653221" h="325246">
                                <a:moveTo>
                                  <a:pt x="0" y="325246"/>
                                </a:moveTo>
                                <a:lnTo>
                                  <a:pt x="653221" y="325246"/>
                                </a:lnTo>
                                <a:lnTo>
                                  <a:pt x="653221"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50" name="Rectangle 7150"/>
                        <wps:cNvSpPr/>
                        <wps:spPr>
                          <a:xfrm>
                            <a:off x="1747719" y="1890462"/>
                            <a:ext cx="315393" cy="114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Шина</w:t>
                              </w:r>
                            </w:p>
                          </w:txbxContent>
                        </wps:txbx>
                        <wps:bodyPr horzOverflow="overflow" vert="horz" lIns="0" tIns="0" rIns="0" bIns="0" rtlCol="0">
                          <a:noAutofit/>
                        </wps:bodyPr>
                      </wps:wsp>
                      <wps:wsp>
                        <wps:cNvPr id="7151" name="Rectangle 7151"/>
                        <wps:cNvSpPr/>
                        <wps:spPr>
                          <a:xfrm>
                            <a:off x="1984930" y="1874217"/>
                            <a:ext cx="33920"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152" name="Rectangle 7152"/>
                        <wps:cNvSpPr/>
                        <wps:spPr>
                          <a:xfrm>
                            <a:off x="2010403" y="1874217"/>
                            <a:ext cx="203519"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PCI</w:t>
                              </w:r>
                            </w:p>
                          </w:txbxContent>
                        </wps:txbx>
                        <wps:bodyPr horzOverflow="overflow" vert="horz" lIns="0" tIns="0" rIns="0" bIns="0" rtlCol="0">
                          <a:noAutofit/>
                        </wps:bodyPr>
                      </wps:wsp>
                      <wps:wsp>
                        <wps:cNvPr id="7154" name="Shape 7154"/>
                        <wps:cNvSpPr/>
                        <wps:spPr>
                          <a:xfrm>
                            <a:off x="2385228" y="1767129"/>
                            <a:ext cx="653221" cy="325246"/>
                          </a:xfrm>
                          <a:custGeom>
                            <a:avLst/>
                            <a:gdLst/>
                            <a:ahLst/>
                            <a:cxnLst/>
                            <a:rect l="0" t="0" r="0" b="0"/>
                            <a:pathLst>
                              <a:path w="653221" h="325246">
                                <a:moveTo>
                                  <a:pt x="0" y="325246"/>
                                </a:moveTo>
                                <a:lnTo>
                                  <a:pt x="653221" y="325246"/>
                                </a:lnTo>
                                <a:lnTo>
                                  <a:pt x="653221"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55" name="Rectangle 7155"/>
                        <wps:cNvSpPr/>
                        <wps:spPr>
                          <a:xfrm>
                            <a:off x="2589393" y="1764068"/>
                            <a:ext cx="284953" cy="13612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CPI</w:t>
                              </w:r>
                            </w:p>
                          </w:txbxContent>
                        </wps:txbx>
                        <wps:bodyPr horzOverflow="overflow" vert="horz" lIns="0" tIns="0" rIns="0" bIns="0" rtlCol="0">
                          <a:noAutofit/>
                        </wps:bodyPr>
                      </wps:wsp>
                      <wps:wsp>
                        <wps:cNvPr id="7156" name="Rectangle 7156"/>
                        <wps:cNvSpPr/>
                        <wps:spPr>
                          <a:xfrm>
                            <a:off x="2803656" y="1764068"/>
                            <a:ext cx="40656" cy="13612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7157" name="Rectangle 7157"/>
                        <wps:cNvSpPr/>
                        <wps:spPr>
                          <a:xfrm>
                            <a:off x="2409324" y="1890462"/>
                            <a:ext cx="804628" cy="114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совместимый </w:t>
                              </w:r>
                            </w:p>
                          </w:txbxContent>
                        </wps:txbx>
                        <wps:bodyPr horzOverflow="overflow" vert="horz" lIns="0" tIns="0" rIns="0" bIns="0" rtlCol="0">
                          <a:noAutofit/>
                        </wps:bodyPr>
                      </wps:wsp>
                      <wps:wsp>
                        <wps:cNvPr id="7158" name="Rectangle 7158"/>
                        <wps:cNvSpPr/>
                        <wps:spPr>
                          <a:xfrm>
                            <a:off x="2444970" y="2000611"/>
                            <a:ext cx="709802" cy="1147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аккумулятор</w:t>
                              </w:r>
                            </w:p>
                          </w:txbxContent>
                        </wps:txbx>
                        <wps:bodyPr horzOverflow="overflow" vert="horz" lIns="0" tIns="0" rIns="0" bIns="0" rtlCol="0">
                          <a:noAutofit/>
                        </wps:bodyPr>
                      </wps:wsp>
                      <wps:wsp>
                        <wps:cNvPr id="7160" name="Shape 7160"/>
                        <wps:cNvSpPr/>
                        <wps:spPr>
                          <a:xfrm>
                            <a:off x="1626245" y="2352595"/>
                            <a:ext cx="653221" cy="325246"/>
                          </a:xfrm>
                          <a:custGeom>
                            <a:avLst/>
                            <a:gdLst/>
                            <a:ahLst/>
                            <a:cxnLst/>
                            <a:rect l="0" t="0" r="0" b="0"/>
                            <a:pathLst>
                              <a:path w="653221" h="325246">
                                <a:moveTo>
                                  <a:pt x="0" y="325246"/>
                                </a:moveTo>
                                <a:lnTo>
                                  <a:pt x="653221" y="325246"/>
                                </a:lnTo>
                                <a:lnTo>
                                  <a:pt x="653221"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61" name="Rectangle 7161"/>
                        <wps:cNvSpPr/>
                        <wps:spPr>
                          <a:xfrm>
                            <a:off x="1845785" y="2459683"/>
                            <a:ext cx="284953" cy="13612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CPI</w:t>
                              </w:r>
                            </w:p>
                          </w:txbxContent>
                        </wps:txbx>
                        <wps:bodyPr horzOverflow="overflow" vert="horz" lIns="0" tIns="0" rIns="0" bIns="0" rtlCol="0">
                          <a:noAutofit/>
                        </wps:bodyPr>
                      </wps:wsp>
                      <wps:wsp>
                        <wps:cNvPr id="7163" name="Shape 7163"/>
                        <wps:cNvSpPr/>
                        <wps:spPr>
                          <a:xfrm>
                            <a:off x="1626245" y="2797095"/>
                            <a:ext cx="653221" cy="325246"/>
                          </a:xfrm>
                          <a:custGeom>
                            <a:avLst/>
                            <a:gdLst/>
                            <a:ahLst/>
                            <a:cxnLst/>
                            <a:rect l="0" t="0" r="0" b="0"/>
                            <a:pathLst>
                              <a:path w="653221" h="325246">
                                <a:moveTo>
                                  <a:pt x="0" y="325246"/>
                                </a:moveTo>
                                <a:lnTo>
                                  <a:pt x="653221" y="325246"/>
                                </a:lnTo>
                                <a:lnTo>
                                  <a:pt x="653221" y="0"/>
                                </a:lnTo>
                                <a:lnTo>
                                  <a:pt x="0" y="0"/>
                                </a:lnTo>
                                <a:close/>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64" name="Rectangle 7164"/>
                        <wps:cNvSpPr/>
                        <wps:spPr>
                          <a:xfrm>
                            <a:off x="1736015" y="2865352"/>
                            <a:ext cx="576835" cy="114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Корневое </w:t>
                              </w:r>
                            </w:p>
                          </w:txbxContent>
                        </wps:txbx>
                        <wps:bodyPr horzOverflow="overflow" vert="horz" lIns="0" tIns="0" rIns="0" bIns="0" rtlCol="0">
                          <a:noAutofit/>
                        </wps:bodyPr>
                      </wps:wsp>
                      <wps:wsp>
                        <wps:cNvPr id="7165" name="Rectangle 7165"/>
                        <wps:cNvSpPr/>
                        <wps:spPr>
                          <a:xfrm>
                            <a:off x="1715361" y="2975508"/>
                            <a:ext cx="631706" cy="114751"/>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устройство</w:t>
                              </w:r>
                            </w:p>
                          </w:txbxContent>
                        </wps:txbx>
                        <wps:bodyPr horzOverflow="overflow" vert="horz" lIns="0" tIns="0" rIns="0" bIns="0" rtlCol="0">
                          <a:noAutofit/>
                        </wps:bodyPr>
                      </wps:wsp>
                      <wps:wsp>
                        <wps:cNvPr id="7166" name="Shape 7166"/>
                        <wps:cNvSpPr/>
                        <wps:spPr>
                          <a:xfrm>
                            <a:off x="1952879" y="2092375"/>
                            <a:ext cx="2677" cy="260228"/>
                          </a:xfrm>
                          <a:custGeom>
                            <a:avLst/>
                            <a:gdLst/>
                            <a:ahLst/>
                            <a:cxnLst/>
                            <a:rect l="0" t="0" r="0" b="0"/>
                            <a:pathLst>
                              <a:path w="2677" h="260228">
                                <a:moveTo>
                                  <a:pt x="2677" y="0"/>
                                </a:moveTo>
                                <a:lnTo>
                                  <a:pt x="0" y="260228"/>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67" name="Shape 7167"/>
                        <wps:cNvSpPr/>
                        <wps:spPr>
                          <a:xfrm>
                            <a:off x="1952879" y="2677841"/>
                            <a:ext cx="0" cy="119259"/>
                          </a:xfrm>
                          <a:custGeom>
                            <a:avLst/>
                            <a:gdLst/>
                            <a:ahLst/>
                            <a:cxnLst/>
                            <a:rect l="0" t="0" r="0" b="0"/>
                            <a:pathLst>
                              <a:path h="119259">
                                <a:moveTo>
                                  <a:pt x="0" y="0"/>
                                </a:moveTo>
                                <a:lnTo>
                                  <a:pt x="0" y="119259"/>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68" name="Shape 7168"/>
                        <wps:cNvSpPr/>
                        <wps:spPr>
                          <a:xfrm>
                            <a:off x="1196649" y="2092375"/>
                            <a:ext cx="1516513" cy="108466"/>
                          </a:xfrm>
                          <a:custGeom>
                            <a:avLst/>
                            <a:gdLst/>
                            <a:ahLst/>
                            <a:cxnLst/>
                            <a:rect l="0" t="0" r="0" b="0"/>
                            <a:pathLst>
                              <a:path w="1516513" h="108466">
                                <a:moveTo>
                                  <a:pt x="0" y="0"/>
                                </a:moveTo>
                                <a:lnTo>
                                  <a:pt x="0" y="108466"/>
                                </a:lnTo>
                                <a:lnTo>
                                  <a:pt x="1516513" y="108466"/>
                                </a:lnTo>
                                <a:lnTo>
                                  <a:pt x="1515136" y="0"/>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69" name="Shape 7169"/>
                        <wps:cNvSpPr/>
                        <wps:spPr>
                          <a:xfrm>
                            <a:off x="1954255" y="1702111"/>
                            <a:ext cx="1301" cy="65019"/>
                          </a:xfrm>
                          <a:custGeom>
                            <a:avLst/>
                            <a:gdLst/>
                            <a:ahLst/>
                            <a:cxnLst/>
                            <a:rect l="0" t="0" r="0" b="0"/>
                            <a:pathLst>
                              <a:path w="1301" h="65019">
                                <a:moveTo>
                                  <a:pt x="0" y="0"/>
                                </a:moveTo>
                                <a:lnTo>
                                  <a:pt x="1301" y="65019"/>
                                </a:lnTo>
                              </a:path>
                            </a:pathLst>
                          </a:custGeom>
                          <a:ln w="5507" cap="rnd">
                            <a:round/>
                          </a:ln>
                        </wps:spPr>
                        <wps:style>
                          <a:lnRef idx="1">
                            <a:srgbClr val="000000"/>
                          </a:lnRef>
                          <a:fillRef idx="0">
                            <a:srgbClr val="000000">
                              <a:alpha val="0"/>
                            </a:srgbClr>
                          </a:fillRef>
                          <a:effectRef idx="0">
                            <a:scrgbClr r="0" g="0" b="0"/>
                          </a:effectRef>
                          <a:fontRef idx="none"/>
                        </wps:style>
                        <wps:bodyPr/>
                      </wps:wsp>
                      <wps:wsp>
                        <wps:cNvPr id="7170" name="Shape 7170"/>
                        <wps:cNvSpPr/>
                        <wps:spPr>
                          <a:xfrm>
                            <a:off x="326611" y="325245"/>
                            <a:ext cx="1354" cy="260228"/>
                          </a:xfrm>
                          <a:custGeom>
                            <a:avLst/>
                            <a:gdLst/>
                            <a:ahLst/>
                            <a:cxnLst/>
                            <a:rect l="0" t="0" r="0" b="0"/>
                            <a:pathLst>
                              <a:path w="1354" h="260228">
                                <a:moveTo>
                                  <a:pt x="1354" y="0"/>
                                </a:moveTo>
                                <a:lnTo>
                                  <a:pt x="0" y="260228"/>
                                </a:lnTo>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71" name="Shape 7171"/>
                        <wps:cNvSpPr/>
                        <wps:spPr>
                          <a:xfrm>
                            <a:off x="2009791" y="325245"/>
                            <a:ext cx="0" cy="260228"/>
                          </a:xfrm>
                          <a:custGeom>
                            <a:avLst/>
                            <a:gdLst/>
                            <a:ahLst/>
                            <a:cxnLst/>
                            <a:rect l="0" t="0" r="0" b="0"/>
                            <a:pathLst>
                              <a:path h="260228">
                                <a:moveTo>
                                  <a:pt x="0" y="0"/>
                                </a:moveTo>
                                <a:lnTo>
                                  <a:pt x="0" y="260228"/>
                                </a:lnTo>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72" name="Shape 7172"/>
                        <wps:cNvSpPr/>
                        <wps:spPr>
                          <a:xfrm>
                            <a:off x="327964" y="477007"/>
                            <a:ext cx="791425" cy="0"/>
                          </a:xfrm>
                          <a:custGeom>
                            <a:avLst/>
                            <a:gdLst/>
                            <a:ahLst/>
                            <a:cxnLst/>
                            <a:rect l="0" t="0" r="0" b="0"/>
                            <a:pathLst>
                              <a:path w="791425">
                                <a:moveTo>
                                  <a:pt x="0" y="0"/>
                                </a:moveTo>
                                <a:lnTo>
                                  <a:pt x="791425" y="0"/>
                                </a:lnTo>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73" name="Shape 7173"/>
                        <wps:cNvSpPr/>
                        <wps:spPr>
                          <a:xfrm>
                            <a:off x="1130251" y="325245"/>
                            <a:ext cx="0" cy="151761"/>
                          </a:xfrm>
                          <a:custGeom>
                            <a:avLst/>
                            <a:gdLst/>
                            <a:ahLst/>
                            <a:cxnLst/>
                            <a:rect l="0" t="0" r="0" b="0"/>
                            <a:pathLst>
                              <a:path h="151761">
                                <a:moveTo>
                                  <a:pt x="0" y="0"/>
                                </a:moveTo>
                                <a:lnTo>
                                  <a:pt x="0" y="151761"/>
                                </a:lnTo>
                              </a:path>
                            </a:pathLst>
                          </a:custGeom>
                          <a:ln w="1836" cap="rnd">
                            <a:round/>
                          </a:ln>
                        </wps:spPr>
                        <wps:style>
                          <a:lnRef idx="1">
                            <a:srgbClr val="000000"/>
                          </a:lnRef>
                          <a:fillRef idx="0">
                            <a:srgbClr val="000000">
                              <a:alpha val="0"/>
                            </a:srgbClr>
                          </a:fillRef>
                          <a:effectRef idx="0">
                            <a:scrgbClr r="0" g="0" b="0"/>
                          </a:effectRef>
                          <a:fontRef idx="none"/>
                        </wps:style>
                        <wps:bodyPr/>
                      </wps:wsp>
                      <wps:wsp>
                        <wps:cNvPr id="7174" name="Rectangle 7174"/>
                        <wps:cNvSpPr/>
                        <wps:spPr>
                          <a:xfrm>
                            <a:off x="4086451" y="3041565"/>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inline>
            </w:drawing>
          </mc:Choice>
          <mc:Fallback>
            <w:pict>
              <v:group id="Group 63236" o:spid="_x0000_s2999" style="width:325.3pt;height:249.3pt;mso-position-horizontal-relative:char;mso-position-vertical-relative:line" coordsize="41315,316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">
                <v:shape id="Shape 7077" o:spid="_x0000_s3000" style="position:absolute;left:27;width:6505;height:3252;visibility:visible;mso-wrap-style:square;v-text-anchor:top" coordsize="650506,3252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" path="m,325245r650506,l650506,,,,,325245xe" filled="f" strokeweight=".051mm">
                  <v:stroke endcap="round"/>
                  <v:path arrowok="t" textboxrect="0,0,650506,325245"/>
                </v:shape>
                <v:rect id="Rectangle 7078" o:spid="_x0000_s3001" style="position:absolute;left:1253;top:1233;width:5391;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Джойстик</w:t>
                        </w:r>
                      </w:p>
                    </w:txbxContent>
                  </v:textbox>
                </v:rect>
                <v:shape id="Shape 7080" o:spid="_x0000_s3002" style="position:absolute;left:7724;width:7156;height:3252;visibility:visible;mso-wrap-style:square;v-text-anchor:top" coordsize="715557,3252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" path="m,325245r715557,l715557,,,,,325245xe" filled="f" strokeweight=".051mm">
                  <v:stroke endcap="round"/>
                  <v:path arrowok="t" textboxrect="0,0,715557,325245"/>
                </v:shape>
                <v:rect id="Rectangle 7081" o:spid="_x0000_s3003" style="position:absolute;left:9571;top:1233;width:426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Камера</w:t>
                        </w:r>
                      </w:p>
                    </w:txbxContent>
                  </v:textbox>
                </v:rect>
                <v:rect id="Rectangle 7082" o:spid="_x0000_s3004" style="position:absolute;left:12778;top:1070;width:340;height:136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shape id="Shape 7084" o:spid="_x0000_s3005" style="position:absolute;left:15422;width:9351;height:3252;visibility:visible;mso-wrap-style:square;v-text-anchor:top" coordsize="935075,3252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" path="m,325245r935075,l935075,,,,,325245xe" filled="f" strokeweight=".051mm">
                  <v:stroke endcap="round"/>
                  <v:path arrowok="t" textboxrect="0,0,935075,325245"/>
                </v:shape>
                <v:rect id="Rectangle 7085" o:spid="_x0000_s3006" style="position:absolute;left:17025;top:682;width:6339;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нешний Р</w:t>
                        </w:r>
                      </w:p>
                    </w:txbxContent>
                  </v:textbox>
                </v:rect>
                <v:rect id="Rectangle 7086" o:spid="_x0000_s3007" style="position:absolute;left:21792;top:520;width:1493;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nP</w:t>
                        </w:r>
                        <w:proofErr w:type="spellEnd"/>
                      </w:p>
                    </w:txbxContent>
                  </v:textbox>
                </v:rect>
                <v:rect id="Rectangle 7087" o:spid="_x0000_s3008" style="position:absolute;left:22915;top:520;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088" o:spid="_x0000_s3009" style="position:absolute;left:15575;top:1784;width:1174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совместимый модем</w:t>
                        </w:r>
                      </w:p>
                    </w:txbxContent>
                  </v:textbox>
                </v:rect>
                <v:rect id="Rectangle 7089" o:spid="_x0000_s3010" style="position:absolute;left:24404;top:1621;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shape id="Shape 7091" o:spid="_x0000_s3011" style="position:absolute;top:5854;width:6532;height:3253;visibility:visible;mso-wrap-style:square;v-text-anchor:top" coordsize="653221,3252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" path="m,325247r653221,l653221,,,,,325247xe" filled="f" strokeweight=".051mm">
                  <v:stroke endcap="round"/>
                  <v:path arrowok="t" textboxrect="0,0,653221,325247"/>
                </v:shape>
                <v:rect id="Rectangle 7092" o:spid="_x0000_s3012" style="position:absolute;left:153;top:6537;width:795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Концентратор</w:t>
                        </w:r>
                      </w:p>
                    </w:txbxContent>
                  </v:textbox>
                </v:rect>
                <v:rect id="Rectangle 7093" o:spid="_x0000_s3013" style="position:absolute;left:6131;top:6374;width:339;height:136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094" o:spid="_x0000_s3014" style="position:absolute;left:2322;top:7476;width:251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USB</w:t>
                        </w:r>
                      </w:p>
                    </w:txbxContent>
                  </v:textbox>
                </v:rect>
                <v:shape id="Shape 7096" o:spid="_x0000_s3015" style="position:absolute;left:6938;top:5854;width:8267;height:3253;visibility:visible;mso-wrap-style:square;v-text-anchor:top" coordsize="826681,3252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" path="m,325247r826681,l826681,,,,,325247xe" filled="f" strokeweight=".051mm">
                  <v:stroke endcap="round"/>
                  <v:path arrowok="t" textboxrect="0,0,826681,325247"/>
                </v:shape>
                <v:rect id="Rectangle 7097" o:spid="_x0000_s3016" style="position:absolute;left:7109;top:5824;width:230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PnP</w:t>
                        </w:r>
                        <w:proofErr w:type="spellEnd"/>
                      </w:p>
                    </w:txbxContent>
                  </v:textbox>
                </v:rect>
                <v:rect id="Rectangle 7098" o:spid="_x0000_s3017" style="position:absolute;left:8844;top:5824;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7099" o:spid="_x0000_s3018" style="position:absolute;left:9149;top:5986;width:7827;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овместимая </w:t>
                        </w:r>
                      </w:p>
                    </w:txbxContent>
                  </v:textbox>
                </v:rect>
                <v:rect id="Rectangle 7100" o:spid="_x0000_s3019" style="position:absolute;left:7091;top:7088;width:1062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звуковая плата на </w:t>
                        </w:r>
                      </w:p>
                    </w:txbxContent>
                  </v:textbox>
                </v:rect>
                <v:rect id="Rectangle 7101" o:spid="_x0000_s3020" style="position:absolute;left:9071;top:8189;width:3015;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шине</w:t>
                        </w:r>
                      </w:p>
                    </w:txbxContent>
                  </v:textbox>
                </v:rect>
                <v:rect id="Rectangle 7102" o:spid="_x0000_s3021" style="position:absolute;left:11338;top:8027;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103" o:spid="_x0000_s3022" style="position:absolute;left:11593;top:8027;width:196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ISA</w:t>
                        </w:r>
                      </w:p>
                    </w:txbxContent>
                  </v:textbox>
                </v:rect>
                <v:shape id="Shape 7105" o:spid="_x0000_s3023" style="position:absolute;left:15639;top:5854;width:8917;height:3253;visibility:visible;mso-wrap-style:square;v-text-anchor:top" coordsize="891702,3252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" path="m,325247r891702,l891702,,,,,325247xe" filled="f" strokeweight=".051mm">
                  <v:stroke endcap="round"/>
                  <v:path arrowok="t" textboxrect="0,0,891702,325247"/>
                </v:shape>
                <v:rect id="Rectangle 7106" o:spid="_x0000_s3024" style="position:absolute;left:15798;top:6537;width:1143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следовательный </w:t>
                        </w:r>
                      </w:p>
                    </w:txbxContent>
                  </v:textbox>
                </v:rect>
                <v:rect id="Rectangle 7107" o:spid="_x0000_s3025" style="position:absolute;left:19128;top:7638;width:2578;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порт</w:t>
                        </w:r>
                      </w:p>
                    </w:txbxContent>
                  </v:textbox>
                </v:rect>
                <v:shape id="Shape 7109" o:spid="_x0000_s3026" style="position:absolute;left:24962;top:5854;width:5354;height:3253;visibility:visible;mso-wrap-style:square;v-text-anchor:top" coordsize="535312,3252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" path="m,325247r535312,l535312,,,,,325247xe" filled="f" strokeweight=".051mm">
                  <v:stroke endcap="round"/>
                  <v:path arrowok="t" textboxrect="0,0,535312,325247"/>
                </v:shape>
                <v:rect id="Rectangle 7110" o:spid="_x0000_s3027" style="position:absolute;left:25143;top:7088;width:664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Клавиатура</w:t>
                        </w:r>
                      </w:p>
                    </w:txbxContent>
                  </v:textbox>
                </v:rect>
                <v:shape id="Shape 7112" o:spid="_x0000_s3028" style="position:absolute;left:30960;top:5854;width:3184;height:3253;visibility:visible;mso-wrap-style:square;v-text-anchor:top" coordsize="318479,3252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" path="m,325247r318479,l318479,,,,,325247xe" filled="f" strokeweight=".051mm">
                  <v:stroke endcap="round"/>
                  <v:path arrowok="t" textboxrect="0,0,318479,325247"/>
                </v:shape>
                <v:rect id="Rectangle 7113" o:spid="_x0000_s3029" style="position:absolute;left:31233;top:7088;width:351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Мышь</w:t>
                        </w:r>
                      </w:p>
                    </w:txbxContent>
                  </v:textbox>
                </v:rect>
                <v:shape id="Shape 7115" o:spid="_x0000_s3030" style="position:absolute;left:34720;top:5854;width:3835;height:3253;visibility:visible;mso-wrap-style:square;v-text-anchor:top" coordsize="383530,3252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" path="m,325247r383530,l383530,,,,,325247xe" filled="f" strokeweight=".051mm">
                  <v:stroke endcap="round"/>
                  <v:path arrowok="t" textboxrect="0,0,383530,325247"/>
                </v:shape>
                <v:rect id="Rectangle 7116" o:spid="_x0000_s3031" style="position:absolute;left:35640;top:7088;width:265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иск</w:t>
                        </w:r>
                      </w:p>
                    </w:txbxContent>
                  </v:textbox>
                </v:rect>
                <v:shape id="Shape 7118" o:spid="_x0000_s3032" style="position:absolute;top:11600;width:6532;height:3252;visibility:visible;mso-wrap-style:square;v-text-anchor:top" coordsize="653221,3252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" path="m,325246r653221,l653221,,,,,325246xe" filled="f" strokeweight=".051mm">
                  <v:stroke endcap="round"/>
                  <v:path arrowok="t" textboxrect="0,0,653221,325246"/>
                </v:shape>
                <v:rect id="Rectangle 7119" o:spid="_x0000_s3033" style="position:absolute;left:2169;top:12120;width:251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USB</w:t>
                        </w:r>
                      </w:p>
                    </w:txbxContent>
                  </v:textbox>
                </v:rect>
                <v:rect id="Rectangle 7120" o:spid="_x0000_s3034" style="position:absolute;left:4056;top:12120;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7121" o:spid="_x0000_s3035" style="position:absolute;left:1057;top:13384;width:5875;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контролер</w:t>
                        </w:r>
                      </w:p>
                    </w:txbxContent>
                  </v:textbox>
                </v:rect>
                <v:shape id="Shape 7123" o:spid="_x0000_s3036" style="position:absolute;left:16262;top:11600;width:6532;height:3252;visibility:visible;mso-wrap-style:square;v-text-anchor:top" coordsize="653221,3252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" path="m,325246r653221,l653221,,,,,325246xe" filled="f" strokeweight=".051mm">
                  <v:stroke endcap="round"/>
                  <v:path arrowok="t" textboxrect="0,0,653221,325246"/>
                </v:shape>
                <v:rect id="Rectangle 7124" o:spid="_x0000_s3037" style="position:absolute;left:18323;top:12282;width:2866;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Мост</w:t>
                        </w:r>
                      </w:p>
                    </w:txbxContent>
                  </v:textbox>
                </v:rect>
                <v:rect id="Rectangle 7125" o:spid="_x0000_s3038" style="position:absolute;left:20478;top:12120;width:34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126" o:spid="_x0000_s3039" style="position:absolute;left:17871;top:13221;width:2035;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PCI</w:t>
                        </w:r>
                      </w:p>
                    </w:txbxContent>
                  </v:textbox>
                </v:rect>
                <v:rect id="Rectangle 7127" o:spid="_x0000_s3040" style="position:absolute;left:19401;top:13221;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7128" o:spid="_x0000_s3041" style="position:absolute;left:19707;top:13221;width:196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4"/>
                          </w:rPr>
                          <w:t>ISA</w:t>
                        </w:r>
                      </w:p>
                    </w:txbxContent>
                  </v:textbox>
                </v:rect>
                <v:shape id="Shape 7130" o:spid="_x0000_s3042" style="position:absolute;left:32647;top:11600;width:8051;height:3252;visibility:visible;mso-wrap-style:square;v-text-anchor:top" coordsize="805033,3252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" path="m,325246r805033,l805033,,,,,325246xe" filled="f" strokeweight=".051mm">
                  <v:stroke endcap="round"/>
                  <v:path arrowok="t" textboxrect="0,0,805033,325246"/>
                </v:shape>
                <v:rect id="Rectangle 7131" o:spid="_x0000_s3043" style="position:absolute;left:33701;top:12670;width:2849;height:136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SCSI</w:t>
                        </w:r>
                      </w:p>
                    </w:txbxContent>
                  </v:textbox>
                </v:rect>
                <v:rect id="Rectangle 7132" o:spid="_x0000_s3044" style="position:absolute;left:35842;top:12670;width:407;height:136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7133" o:spid="_x0000_s3045" style="position:absolute;left:36148;top:12833;width:464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адаптер</w:t>
                        </w:r>
                      </w:p>
                    </w:txbxContent>
                  </v:textbox>
                </v:rect>
                <v:shape id="Shape 7134" o:spid="_x0000_s3046" style="position:absolute;left:36638;top:9107;width:34;height:2493;visibility:visible;mso-wrap-style:square;v-text-anchor:top" coordsize="3366,2492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" path="m,l3366,249289e" filled="f" strokeweight=".15297mm">
                  <v:stroke endcap="round"/>
                  <v:path arrowok="t" textboxrect="0,0,3366,249289"/>
                </v:shape>
                <v:shape id="Shape 7135" o:spid="_x0000_s3047" style="position:absolute;left:11072;top:9107;width:21480;height:1084;visibility:visible;mso-wrap-style:square;v-text-anchor:top" coordsize="2148056,1083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" path="m,l,108390r2148056,l2148056,e" filled="f" strokeweight=".15297mm">
                  <v:stroke endcap="round"/>
                  <v:path arrowok="t" textboxrect="0,0,2148056,108390"/>
                </v:shape>
                <v:shape id="Shape 7136" o:spid="_x0000_s3048" style="position:absolute;left:27781;top:9107;width:0;height:1084;visibility:visible;mso-wrap-style:square;v-text-anchor:top" coordsize="0,1083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" path="m,108390l,e" filled="f" strokeweight=".15297mm">
                  <v:stroke endcap="round"/>
                  <v:path arrowok="t" textboxrect="0,0,0,108390"/>
                </v:shape>
                <v:shape id="Shape 7137" o:spid="_x0000_s3049" style="position:absolute;left:19976;top:9107;width:0;height:1084;visibility:visible;mso-wrap-style:square;v-text-anchor:top" coordsize="0,1083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" path="m,108390l,e" filled="f" strokeweight=".15297mm">
                  <v:stroke endcap="round"/>
                  <v:path arrowok="t" textboxrect="0,0,0,108390"/>
                </v:shape>
                <v:shape id="Shape 7138" o:spid="_x0000_s3050" style="position:absolute;left:19528;top:10191;width:14;height:1409;visibility:visible;mso-wrap-style:square;v-text-anchor:top" coordsize="1377,1408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" path="m1377,l,140899e" filled="f" strokeweight=".15297mm">
                  <v:stroke endcap="round"/>
                  <v:path arrowok="t" textboxrect="0,0,1377,140899"/>
                </v:shape>
                <v:shape id="Shape 7139" o:spid="_x0000_s3051" style="position:absolute;left:3266;top:9107;width:0;height:2493;visibility:visible;mso-wrap-style:square;v-text-anchor:top" coordsize="0,2492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" path="m,l,249289e" filled="f" strokeweight=".15297mm">
                  <v:stroke endcap="round"/>
                  <v:path arrowok="t" textboxrect="0,0,0,249289"/>
                </v:shape>
                <v:shape id="Shape 7140" o:spid="_x0000_s3052" style="position:absolute;left:3266;top:14852;width:33623;height:1085;visibility:visible;mso-wrap-style:square;v-text-anchor:top" coordsize="3362321,1084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" path="m,l,108466r3362321,l3360945,e" filled="f" strokeweight=".15297mm">
                  <v:stroke endcap="round"/>
                  <v:path arrowok="t" textboxrect="0,0,3362321,108466"/>
                </v:shape>
                <v:shape id="Shape 7141" o:spid="_x0000_s3053" style="position:absolute;left:19528;top:14852;width:14;height:2169;visibility:visible;mso-wrap-style:square;v-text-anchor:top" coordsize="1377,2168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" path="m1377,216857l,e" filled="f" strokeweight=".15297mm">
                  <v:stroke endcap="round"/>
                  <v:path arrowok="t" textboxrect="0,0,1377,216857"/>
                </v:shape>
                <v:shape id="Shape 7143" o:spid="_x0000_s3054" style="position:absolute;left:8700;top:17671;width:6533;height:3252;visibility:visible;mso-wrap-style:square;v-text-anchor:top" coordsize="653221,3252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" path="m,325246r653221,l653221,,,,,325246xe" filled="f" strokeweight=".051mm">
                  <v:stroke endcap="round"/>
                  <v:path arrowok="t" textboxrect="0,0,653221,325246"/>
                </v:shape>
                <v:rect id="Rectangle 7144" o:spid="_x0000_s3055" style="position:absolute;left:10742;top:17640;width:285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ACPI</w:t>
                        </w:r>
                      </w:p>
                    </w:txbxContent>
                  </v:textbox>
                </v:rect>
                <v:rect id="Rectangle 7145" o:spid="_x0000_s3056" style="position:absolute;left:12885;top:17640;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7146" o:spid="_x0000_s3057" style="position:absolute;left:8941;top:18904;width:8047;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овместимый </w:t>
                        </w:r>
                      </w:p>
                    </w:txbxContent>
                  </v:textbox>
                </v:rect>
                <v:rect id="Rectangle 7147" o:spid="_x0000_s3058" style="position:absolute;left:9510;top:20006;width:6533;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вентилятор</w:t>
                        </w:r>
                      </w:p>
                    </w:txbxContent>
                  </v:textbox>
                </v:rect>
                <v:shape id="Shape 7149" o:spid="_x0000_s3059" style="position:absolute;left:16289;top:17671;width:6533;height:3252;visibility:visible;mso-wrap-style:square;v-text-anchor:top" coordsize="653221,3252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" path="m,325246r653221,l653221,,,,,325246xe" filled="f" strokeweight=".051mm">
                  <v:stroke endcap="round"/>
                  <v:path arrowok="t" textboxrect="0,0,653221,325246"/>
                </v:shape>
                <v:rect id="Rectangle 7150" o:spid="_x0000_s3060" style="position:absolute;left:17477;top:18904;width:3154;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Шина</w:t>
                        </w:r>
                      </w:p>
                    </w:txbxContent>
                  </v:textbox>
                </v:rect>
                <v:rect id="Rectangle 7151" o:spid="_x0000_s3061" style="position:absolute;left:19849;top:18742;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152" o:spid="_x0000_s3062" style="position:absolute;left:20104;top:18742;width:2035;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PCI</w:t>
                        </w:r>
                      </w:p>
                    </w:txbxContent>
                  </v:textbox>
                </v:rect>
                <v:shape id="Shape 7154" o:spid="_x0000_s3063" style="position:absolute;left:23852;top:17671;width:6532;height:3252;visibility:visible;mso-wrap-style:square;v-text-anchor:top" coordsize="653221,3252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" path="m,325246r653221,l653221,,,,,325246xe" filled="f" strokeweight=".051mm">
                  <v:stroke endcap="round"/>
                  <v:path arrowok="t" textboxrect="0,0,653221,325246"/>
                </v:shape>
                <v:rect id="Rectangle 7155" o:spid="_x0000_s3064" style="position:absolute;left:25893;top:17640;width:2850;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ACPI</w:t>
                        </w:r>
                      </w:p>
                    </w:txbxContent>
                  </v:textbox>
                </v:rect>
                <v:rect id="Rectangle 7156" o:spid="_x0000_s3065" style="position:absolute;left:28036;top:17640;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7157" o:spid="_x0000_s3066" style="position:absolute;left:24093;top:18904;width:8046;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совместимый </w:t>
                        </w:r>
                      </w:p>
                    </w:txbxContent>
                  </v:textbox>
                </v:rect>
                <v:rect id="Rectangle 7158" o:spid="_x0000_s3067" style="position:absolute;left:24449;top:20006;width:709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аккумулятор</w:t>
                        </w:r>
                      </w:p>
                    </w:txbxContent>
                  </v:textbox>
                </v:rect>
                <v:shape id="Shape 7160" o:spid="_x0000_s3068" style="position:absolute;left:16262;top:23525;width:6532;height:3253;visibility:visible;mso-wrap-style:square;v-text-anchor:top" coordsize="653221,3252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" path="m,325246r653221,l653221,,,,,325246xe" filled="f" strokeweight=".051mm">
                  <v:stroke endcap="round"/>
                  <v:path arrowok="t" textboxrect="0,0,653221,325246"/>
                </v:shape>
                <v:rect id="Rectangle 7161" o:spid="_x0000_s3069" style="position:absolute;left:18457;top:24596;width:2850;height:136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ACPI</w:t>
                        </w:r>
                      </w:p>
                    </w:txbxContent>
                  </v:textbox>
                </v:rect>
                <v:shape id="Shape 7163" o:spid="_x0000_s3070" style="position:absolute;left:16262;top:27970;width:6532;height:3253;visibility:visible;mso-wrap-style:square;v-text-anchor:top" coordsize="653221,3252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" path="m,325246r653221,l653221,,,,,325246xe" filled="f" strokeweight=".051mm">
                  <v:stroke endcap="round"/>
                  <v:path arrowok="t" textboxrect="0,0,653221,325246"/>
                </v:shape>
                <v:rect id="Rectangle 7164" o:spid="_x0000_s3071" style="position:absolute;left:17360;top:28653;width:5768;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Корневое </w:t>
                        </w:r>
                      </w:p>
                    </w:txbxContent>
                  </v:textbox>
                </v:rect>
                <v:rect id="Rectangle 7165" o:spid="_x0000_s3072" style="position:absolute;left:17153;top:29755;width:6317;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устройство</w:t>
                        </w:r>
                      </w:p>
                    </w:txbxContent>
                  </v:textbox>
                </v:rect>
                <v:shape id="Shape 7166" o:spid="_x0000_s3073" style="position:absolute;left:19528;top:20923;width:27;height:2603;visibility:visible;mso-wrap-style:square;v-text-anchor:top" coordsize="2677,2602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" path="m2677,l,260228e" filled="f" strokeweight=".15297mm">
                  <v:stroke endcap="round"/>
                  <v:path arrowok="t" textboxrect="0,0,2677,260228"/>
                </v:shape>
                <v:shape id="Shape 7167" o:spid="_x0000_s3074" style="position:absolute;left:19528;top:26778;width:0;height:1193;visibility:visible;mso-wrap-style:square;v-text-anchor:top" coordsize="0,1192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" path="m,l,119259e" filled="f" strokeweight=".15297mm">
                  <v:stroke endcap="round"/>
                  <v:path arrowok="t" textboxrect="0,0,0,119259"/>
                </v:shape>
                <v:shape id="Shape 7168" o:spid="_x0000_s3075" style="position:absolute;left:11966;top:20923;width:15165;height:1085;visibility:visible;mso-wrap-style:square;v-text-anchor:top" coordsize="1516513,1084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" path="m,l,108466r1516513,l1515136,e" filled="f" strokeweight=".15297mm">
                  <v:stroke endcap="round"/>
                  <v:path arrowok="t" textboxrect="0,0,1516513,108466"/>
                </v:shape>
                <v:shape id="Shape 7169" o:spid="_x0000_s3076" style="position:absolute;left:19542;top:17021;width:13;height:650;visibility:visible;mso-wrap-style:square;v-text-anchor:top" coordsize="1301,650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" path="m,l1301,65019e" filled="f" strokeweight=".15297mm">
                  <v:stroke endcap="round"/>
                  <v:path arrowok="t" textboxrect="0,0,1301,65019"/>
                </v:shape>
                <v:shape id="Shape 7170" o:spid="_x0000_s3077" style="position:absolute;left:3266;top:3252;width:13;height:2602;visibility:visible;mso-wrap-style:square;v-text-anchor:top" coordsize="1354,2602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" path="m1354,l,260228e" filled="f" strokeweight=".051mm">
                  <v:stroke endcap="round"/>
                  <v:path arrowok="t" textboxrect="0,0,1354,260228"/>
                </v:shape>
                <v:shape id="Shape 7171" o:spid="_x0000_s3078" style="position:absolute;left:20097;top:3252;width:0;height:2602;visibility:visible;mso-wrap-style:square;v-text-anchor:top" coordsize="0,2602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" path="m,l,260228e" filled="f" strokeweight=".051mm">
                  <v:stroke endcap="round"/>
                  <v:path arrowok="t" textboxrect="0,0,0,260228"/>
                </v:shape>
                <v:shape id="Shape 7172" o:spid="_x0000_s3079" style="position:absolute;left:3279;top:4770;width:7914;height:0;visibility:visible;mso-wrap-style:square;v-text-anchor:top" coordsize="79142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" path="m,l791425,e" filled="f" strokeweight=".051mm">
                  <v:stroke endcap="round"/>
                  <v:path arrowok="t" textboxrect="0,0,791425,0"/>
                </v:shape>
                <v:shape id="Shape 7173" o:spid="_x0000_s3080" style="position:absolute;left:11302;top:3252;width:0;height:1518;visibility:visible;mso-wrap-style:square;v-text-anchor:top" coordsize="0,1517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" path="m,l,151761e" filled="f" strokeweight=".051mm">
                  <v:stroke endcap="round"/>
                  <v:path arrowok="t" textboxrect="0,0,0,151761"/>
                </v:shape>
                <v:rect id="Rectangle 7174" o:spid="_x0000_s3081" style="position:absolute;left:40864;top:30415;width:599;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" filled="f" stroked="f">
                  <v:textbox inset="0,0,0,0">
                    <w:txbxContent>
                      <w:p w:rsidR="0043064D" w:rsidRDefault="008B3C4B">
                        <w:pPr>
                          <w:spacing w:after="160" w:line="259" w:lineRule="auto"/>
                          <w:ind w:left="0" w:firstLine="0"/>
                          <w:jc w:val="left"/>
                        </w:pPr>
                        <w:r>
                          <w:t xml:space="preserve"> </w:t>
                        </w:r>
                      </w:p>
                    </w:txbxContent>
                  </v:textbox>
                </v:rect>
                <w10:anchorlock/>
              </v:group>
            </w:pict>
          </mc:Fallback>
        </mc:AlternateContent>
      </w:r>
    </w:p>
    <w:p w:rsidR="0043064D" w:rsidRDefault="008B3C4B">
      <w:pPr>
        <w:spacing w:after="333" w:line="265" w:lineRule="auto"/>
        <w:ind w:right="8"/>
        <w:jc w:val="center"/>
      </w:pPr>
      <w:r>
        <w:t xml:space="preserve">Рис. 23. Пример дерева устройств </w:t>
      </w:r>
    </w:p>
    <w:p w:rsidR="0043064D" w:rsidRDefault="008B3C4B">
      <w:pPr>
        <w:ind w:left="-5" w:right="1"/>
      </w:pPr>
      <w:r>
        <w:lastRenderedPageBreak/>
        <w:t xml:space="preserve">С учетом перечисления устройств загрузка и инициализация драйверов происходит в следующем порядке. </w:t>
      </w:r>
    </w:p>
    <w:p w:rsidR="0043064D" w:rsidRDefault="008B3C4B">
      <w:pPr>
        <w:numPr>
          <w:ilvl w:val="0"/>
          <w:numId w:val="14"/>
        </w:numPr>
        <w:ind w:right="1"/>
      </w:pPr>
      <w:r>
        <w:t>Диспетчер ввода-</w:t>
      </w:r>
      <w:r>
        <w:t xml:space="preserve">вывода вызывает входную процедуру каждого драйвера, запускаемого при загрузке системы. Если у такого драйвера имеются дочерние устройства, диспетчер ввода-вывода перечисляет эти устройства, сообщая о них диспетчеру </w:t>
      </w:r>
      <w:proofErr w:type="spellStart"/>
      <w:r>
        <w:t>PnP</w:t>
      </w:r>
      <w:proofErr w:type="spellEnd"/>
      <w:r>
        <w:t xml:space="preserve">. Дочерние устройства конфигурируются </w:t>
      </w:r>
      <w:r>
        <w:t xml:space="preserve">и запускаются, если их драйверы являются запускаемыми при загрузке системы. Если у устройства есть драйвер, не запускаемый при загрузке системы, диспетчер </w:t>
      </w:r>
      <w:proofErr w:type="spellStart"/>
      <w:r>
        <w:t>PnP</w:t>
      </w:r>
      <w:proofErr w:type="spellEnd"/>
      <w:r>
        <w:t xml:space="preserve"> создает для этого устройства узел, но не запускает устройство и не загружает его драйвер. </w:t>
      </w:r>
    </w:p>
    <w:p w:rsidR="0043064D" w:rsidRDefault="008B3C4B">
      <w:pPr>
        <w:numPr>
          <w:ilvl w:val="0"/>
          <w:numId w:val="14"/>
        </w:numPr>
        <w:ind w:right="1"/>
      </w:pPr>
      <w:r>
        <w:t xml:space="preserve">После </w:t>
      </w:r>
      <w:r>
        <w:t xml:space="preserve">инициализации драйверов, запускаемых при загрузке системы, диспетчер </w:t>
      </w:r>
      <w:proofErr w:type="spellStart"/>
      <w:r>
        <w:t>PnP</w:t>
      </w:r>
      <w:proofErr w:type="spellEnd"/>
      <w:r>
        <w:t xml:space="preserve"> проходит по дереву устройств, загружая драйверы для узлов устройств, не загруженных на первом этапе, и запускает их устройства. Запуская каждое устройство диспетчер </w:t>
      </w:r>
      <w:proofErr w:type="spellStart"/>
      <w:r>
        <w:t>PnP</w:t>
      </w:r>
      <w:proofErr w:type="spellEnd"/>
      <w:r>
        <w:t xml:space="preserve"> перечисляет ег</w:t>
      </w:r>
      <w:r>
        <w:t xml:space="preserve">о дочерние устройства (если таковые есть). Для этого он запускает соответствующие драйверы и при необходимости перечисляет их дочерние устройства. На данном этапе диспетчер </w:t>
      </w:r>
      <w:proofErr w:type="spellStart"/>
      <w:r>
        <w:t>PnP</w:t>
      </w:r>
      <w:proofErr w:type="spellEnd"/>
      <w:r>
        <w:t xml:space="preserve"> загружает драйверы для обнаруженных устройств независимо от значений параметров</w:t>
      </w:r>
      <w:r>
        <w:t xml:space="preserve"> </w:t>
      </w:r>
      <w:proofErr w:type="spellStart"/>
      <w:r>
        <w:rPr>
          <w:rFonts w:ascii="Courier New" w:eastAsia="Courier New" w:hAnsi="Courier New" w:cs="Courier New"/>
        </w:rPr>
        <w:t>Start</w:t>
      </w:r>
      <w:proofErr w:type="spellEnd"/>
      <w:r>
        <w:t xml:space="preserve"> этих драйверов (кроме тех драйверов, параметр </w:t>
      </w:r>
      <w:proofErr w:type="spellStart"/>
      <w:r>
        <w:rPr>
          <w:rFonts w:ascii="Courier New" w:eastAsia="Courier New" w:hAnsi="Courier New" w:cs="Courier New"/>
        </w:rPr>
        <w:t>Start</w:t>
      </w:r>
      <w:proofErr w:type="spellEnd"/>
      <w:r>
        <w:t xml:space="preserve"> которых содержит значение «отключен»). В конце этого этапа драйверы всех </w:t>
      </w:r>
      <w:proofErr w:type="spellStart"/>
      <w:r>
        <w:t>PnP</w:t>
      </w:r>
      <w:proofErr w:type="spellEnd"/>
      <w:r>
        <w:t xml:space="preserve">-устройств загружены и запущены, кроме драйверов не перечисляемых устройств и их дочерних устройств. </w:t>
      </w:r>
    </w:p>
    <w:p w:rsidR="0043064D" w:rsidRDefault="008B3C4B">
      <w:pPr>
        <w:numPr>
          <w:ilvl w:val="0"/>
          <w:numId w:val="14"/>
        </w:numPr>
        <w:ind w:right="1"/>
      </w:pPr>
      <w:r>
        <w:t xml:space="preserve">Диспетчер </w:t>
      </w:r>
      <w:proofErr w:type="spellStart"/>
      <w:r>
        <w:t>PnP</w:t>
      </w:r>
      <w:proofErr w:type="spellEnd"/>
      <w:r>
        <w:t xml:space="preserve"> загру</w:t>
      </w:r>
      <w:r>
        <w:t xml:space="preserve">жает любые еще не загруженные драйверы, запускаемые системой. Эти драйверы определяют свои устройства, не перечисляемые обычным образом, и сообщают о них. После этого диспетчер </w:t>
      </w:r>
      <w:proofErr w:type="spellStart"/>
      <w:r>
        <w:t>PnP</w:t>
      </w:r>
      <w:proofErr w:type="spellEnd"/>
      <w:r>
        <w:t xml:space="preserve"> загружает драйверы для этих устройств. </w:t>
      </w:r>
    </w:p>
    <w:p w:rsidR="0043064D" w:rsidRDefault="008B3C4B">
      <w:pPr>
        <w:numPr>
          <w:ilvl w:val="0"/>
          <w:numId w:val="14"/>
        </w:numPr>
        <w:ind w:right="1"/>
      </w:pPr>
      <w:r>
        <w:t>Наконец, диспетчер управления серви</w:t>
      </w:r>
      <w:r>
        <w:t xml:space="preserve">сами (SCM) загружает автоматически запускаемые драйверы. </w:t>
      </w:r>
    </w:p>
    <w:p w:rsidR="0043064D" w:rsidRDefault="008B3C4B">
      <w:pPr>
        <w:ind w:left="-5" w:right="1"/>
      </w:pPr>
      <w:r>
        <w:t xml:space="preserve">Дерево устройств используется диспетчерами </w:t>
      </w:r>
      <w:proofErr w:type="spellStart"/>
      <w:r>
        <w:t>PnP</w:t>
      </w:r>
      <w:proofErr w:type="spellEnd"/>
      <w:r>
        <w:t xml:space="preserve"> и электропитания в то время, когда они выдают устройствам IRP-пакеты, связанные с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и управлением электропитанием. Как правило, поток TRP р</w:t>
      </w:r>
      <w:r>
        <w:t xml:space="preserve">аспространяется от верхней части узла устройств вниз, и иногда какой-либо драйвер в одном из узлов устройств создает новые IRP для передачи другим узлам. О потоках IRP-пакетов, связанных с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и управлением электропитанием, мы поговорим позже. </w:t>
      </w:r>
    </w:p>
    <w:p w:rsidR="0043064D" w:rsidRDefault="008B3C4B">
      <w:pPr>
        <w:ind w:left="-5" w:right="1"/>
      </w:pPr>
      <w:r>
        <w:t>В</w:t>
      </w:r>
      <w:r>
        <w:t xml:space="preserve">се устройства, обнаруженные после установки системы; регистрируются в подразделах раздела реестра </w:t>
      </w:r>
      <w:r>
        <w:rPr>
          <w:rFonts w:ascii="Courier New" w:eastAsia="Courier New" w:hAnsi="Courier New" w:cs="Courier New"/>
        </w:rPr>
        <w:t>HKLM\SYSTEM\</w:t>
      </w:r>
      <w:proofErr w:type="spellStart"/>
      <w:r>
        <w:rPr>
          <w:rFonts w:ascii="Courier New" w:eastAsia="Courier New" w:hAnsi="Courier New" w:cs="Courier New"/>
        </w:rPr>
        <w:t>CurrentControlSet</w:t>
      </w:r>
      <w:proofErr w:type="spellEnd"/>
      <w:r>
        <w:rPr>
          <w:rFonts w:ascii="Courier New" w:eastAsia="Courier New" w:hAnsi="Courier New" w:cs="Courier New"/>
        </w:rPr>
        <w:t>\</w:t>
      </w:r>
      <w:proofErr w:type="spellStart"/>
      <w:r>
        <w:rPr>
          <w:rFonts w:ascii="Courier New" w:eastAsia="Courier New" w:hAnsi="Courier New" w:cs="Courier New"/>
        </w:rPr>
        <w:t>Enum</w:t>
      </w:r>
      <w:proofErr w:type="spellEnd"/>
      <w:r>
        <w:t>. Этим подразделам присваиваются имена в виде &lt;</w:t>
      </w:r>
      <w:proofErr w:type="spellStart"/>
      <w:r>
        <w:t>Перечислитель</w:t>
      </w:r>
      <w:proofErr w:type="spellEnd"/>
      <w:r>
        <w:t>&gt;\&lt;№_</w:t>
      </w:r>
      <w:proofErr w:type="gramStart"/>
      <w:r>
        <w:t>устройства&gt;\</w:t>
      </w:r>
      <w:proofErr w:type="gramEnd"/>
      <w:r>
        <w:t xml:space="preserve">&lt;№_экземпляра&gt;, где </w:t>
      </w:r>
      <w:proofErr w:type="spellStart"/>
      <w:r>
        <w:t>перечислитель</w:t>
      </w:r>
      <w:proofErr w:type="spellEnd"/>
      <w:r>
        <w:t xml:space="preserve"> — драйвер шин</w:t>
      </w:r>
      <w:r>
        <w:t xml:space="preserve">ы, №_устройства — уникальный идентификатор устройств данного типа, а №_экземпляра — уникальный идентификатор данного экземпляра этого устройства-Узлы устройств. </w:t>
      </w:r>
    </w:p>
    <w:p w:rsidR="0043064D" w:rsidRDefault="008B3C4B">
      <w:pPr>
        <w:spacing w:after="9"/>
        <w:ind w:left="-5" w:right="1"/>
      </w:pPr>
      <w:r>
        <w:t xml:space="preserve">Узел устройств, который включает минимум два объекта «устройство», показан на Рис. 24. </w:t>
      </w:r>
    </w:p>
    <w:p w:rsidR="0043064D" w:rsidRDefault="008B3C4B">
      <w:pPr>
        <w:spacing w:after="0" w:line="259" w:lineRule="auto"/>
        <w:ind w:left="1540" w:firstLine="0"/>
        <w:jc w:val="left"/>
      </w:pPr>
      <w:r>
        <w:rPr>
          <w:rFonts w:ascii="Calibri" w:eastAsia="Calibri" w:hAnsi="Calibri" w:cs="Calibri"/>
          <w:noProof/>
          <w:sz w:val="22"/>
        </w:rPr>
        <mc:AlternateContent>
          <mc:Choice Requires="wpg">
            <w:drawing>
              <wp:inline distT="0" distB="0" distL="0" distR="0">
                <wp:extent cx="4180478" cy="2861870"/>
                <wp:effectExtent l="0" t="0" r="0" b="0"/>
                <wp:docPr id="63610" name="Group 63610"/>
                <wp:cNvGraphicFramePr/>
                <a:graphic xmlns:a="http://schemas.openxmlformats.org/drawingml/2006/main">
                  <a:graphicData uri="http://schemas.microsoft.com/office/word/2010/wordprocessingGroup">
                    <wpg:wgp>
                      <wpg:cNvGrpSpPr/>
                      <wpg:grpSpPr>
                        <a:xfrm>
                          <a:off x="0" y="0"/>
                          <a:ext cx="4180478" cy="2861870"/>
                          <a:chOff x="0" y="0"/>
                          <a:chExt cx="4180478" cy="2861870"/>
                        </a:xfrm>
                      </wpg:grpSpPr>
                      <wps:wsp>
                        <wps:cNvPr id="7363" name="Shape 7363"/>
                        <wps:cNvSpPr/>
                        <wps:spPr>
                          <a:xfrm>
                            <a:off x="145142" y="0"/>
                            <a:ext cx="2588488" cy="2810674"/>
                          </a:xfrm>
                          <a:custGeom>
                            <a:avLst/>
                            <a:gdLst/>
                            <a:ahLst/>
                            <a:cxnLst/>
                            <a:rect l="0" t="0" r="0" b="0"/>
                            <a:pathLst>
                              <a:path w="2588488" h="2810674">
                                <a:moveTo>
                                  <a:pt x="2588488" y="1405403"/>
                                </a:moveTo>
                                <a:cubicBezTo>
                                  <a:pt x="2588488" y="629266"/>
                                  <a:pt x="2009109" y="0"/>
                                  <a:pt x="1294262" y="0"/>
                                </a:cubicBezTo>
                                <a:cubicBezTo>
                                  <a:pt x="579467" y="0"/>
                                  <a:pt x="0" y="629266"/>
                                  <a:pt x="0" y="1405314"/>
                                </a:cubicBezTo>
                                <a:cubicBezTo>
                                  <a:pt x="0" y="2181495"/>
                                  <a:pt x="579458" y="2810674"/>
                                  <a:pt x="1294262" y="2810674"/>
                                </a:cubicBezTo>
                                <a:cubicBezTo>
                                  <a:pt x="2009109" y="2810674"/>
                                  <a:pt x="2588488" y="2181495"/>
                                  <a:pt x="2588488" y="1405403"/>
                                </a:cubicBezTo>
                                <a:close/>
                              </a:path>
                            </a:pathLst>
                          </a:custGeom>
                          <a:ln w="6374" cap="rnd">
                            <a:round/>
                          </a:ln>
                        </wps:spPr>
                        <wps:style>
                          <a:lnRef idx="1">
                            <a:srgbClr val="000000"/>
                          </a:lnRef>
                          <a:fillRef idx="0">
                            <a:srgbClr val="000000">
                              <a:alpha val="0"/>
                            </a:srgbClr>
                          </a:fillRef>
                          <a:effectRef idx="0">
                            <a:scrgbClr r="0" g="0" b="0"/>
                          </a:effectRef>
                          <a:fontRef idx="none"/>
                        </wps:style>
                        <wps:bodyPr/>
                      </wps:wsp>
                      <wps:wsp>
                        <wps:cNvPr id="7364" name="Shape 7364"/>
                        <wps:cNvSpPr/>
                        <wps:spPr>
                          <a:xfrm>
                            <a:off x="773406" y="200784"/>
                            <a:ext cx="1331994" cy="376427"/>
                          </a:xfrm>
                          <a:custGeom>
                            <a:avLst/>
                            <a:gdLst/>
                            <a:ahLst/>
                            <a:cxnLst/>
                            <a:rect l="0" t="0" r="0" b="0"/>
                            <a:pathLst>
                              <a:path w="1331994" h="376427">
                                <a:moveTo>
                                  <a:pt x="665997" y="0"/>
                                </a:moveTo>
                                <a:cubicBezTo>
                                  <a:pt x="1033838" y="0"/>
                                  <a:pt x="1331994" y="84280"/>
                                  <a:pt x="1331994" y="188213"/>
                                </a:cubicBezTo>
                                <a:cubicBezTo>
                                  <a:pt x="1331994" y="292147"/>
                                  <a:pt x="1033838" y="376427"/>
                                  <a:pt x="665997" y="376427"/>
                                </a:cubicBezTo>
                                <a:cubicBezTo>
                                  <a:pt x="298156" y="376427"/>
                                  <a:pt x="0" y="292147"/>
                                  <a:pt x="0" y="188213"/>
                                </a:cubicBezTo>
                                <a:cubicBezTo>
                                  <a:pt x="0" y="84280"/>
                                  <a:pt x="298156" y="0"/>
                                  <a:pt x="66599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7365" name="Shape 7365"/>
                        <wps:cNvSpPr/>
                        <wps:spPr>
                          <a:xfrm>
                            <a:off x="773406" y="200784"/>
                            <a:ext cx="1331994" cy="376427"/>
                          </a:xfrm>
                          <a:custGeom>
                            <a:avLst/>
                            <a:gdLst/>
                            <a:ahLst/>
                            <a:cxnLst/>
                            <a:rect l="0" t="0" r="0" b="0"/>
                            <a:pathLst>
                              <a:path w="1331994" h="376427">
                                <a:moveTo>
                                  <a:pt x="1331994" y="188213"/>
                                </a:moveTo>
                                <a:cubicBezTo>
                                  <a:pt x="1331994" y="84280"/>
                                  <a:pt x="1033838" y="0"/>
                                  <a:pt x="665997" y="0"/>
                                </a:cubicBezTo>
                                <a:cubicBezTo>
                                  <a:pt x="298156" y="0"/>
                                  <a:pt x="0" y="84280"/>
                                  <a:pt x="0" y="188213"/>
                                </a:cubicBezTo>
                                <a:cubicBezTo>
                                  <a:pt x="0" y="292147"/>
                                  <a:pt x="298156" y="376427"/>
                                  <a:pt x="665997" y="376427"/>
                                </a:cubicBezTo>
                                <a:cubicBezTo>
                                  <a:pt x="1033838" y="376427"/>
                                  <a:pt x="1331994" y="292147"/>
                                  <a:pt x="1331994" y="188213"/>
                                </a:cubicBezTo>
                                <a:close/>
                              </a:path>
                            </a:pathLst>
                          </a:custGeom>
                          <a:ln w="6374" cap="rnd">
                            <a:round/>
                          </a:ln>
                        </wps:spPr>
                        <wps:style>
                          <a:lnRef idx="1">
                            <a:srgbClr val="000000"/>
                          </a:lnRef>
                          <a:fillRef idx="0">
                            <a:srgbClr val="000000">
                              <a:alpha val="0"/>
                            </a:srgbClr>
                          </a:fillRef>
                          <a:effectRef idx="0">
                            <a:scrgbClr r="0" g="0" b="0"/>
                          </a:effectRef>
                          <a:fontRef idx="none"/>
                        </wps:style>
                        <wps:bodyPr/>
                      </wps:wsp>
                      <wps:wsp>
                        <wps:cNvPr id="7366" name="Rectangle 7366"/>
                        <wps:cNvSpPr/>
                        <wps:spPr>
                          <a:xfrm>
                            <a:off x="852223" y="343524"/>
                            <a:ext cx="1137555" cy="13281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Объ</w:t>
                              </w:r>
                              <w:r>
                                <w:rPr>
                                  <w:rFonts w:ascii="Arial" w:eastAsia="Arial" w:hAnsi="Arial" w:cs="Arial"/>
                                  <w:sz w:val="17"/>
                                </w:rPr>
                                <w:t xml:space="preserve">ект фильтра </w:t>
                              </w:r>
                            </w:p>
                          </w:txbxContent>
                        </wps:txbx>
                        <wps:bodyPr horzOverflow="overflow" vert="horz" lIns="0" tIns="0" rIns="0" bIns="0" rtlCol="0">
                          <a:noAutofit/>
                        </wps:bodyPr>
                      </wps:wsp>
                      <wps:wsp>
                        <wps:cNvPr id="7367" name="Rectangle 7367"/>
                        <wps:cNvSpPr/>
                        <wps:spPr>
                          <a:xfrm>
                            <a:off x="1707505" y="324724"/>
                            <a:ext cx="47121" cy="157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7368" name="Rectangle 7368"/>
                        <wps:cNvSpPr/>
                        <wps:spPr>
                          <a:xfrm>
                            <a:off x="1742968" y="324724"/>
                            <a:ext cx="330120" cy="157545"/>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7"/>
                                </w:rPr>
                                <w:t>FiDO</w:t>
                              </w:r>
                              <w:proofErr w:type="spellEnd"/>
                            </w:p>
                          </w:txbxContent>
                        </wps:txbx>
                        <wps:bodyPr horzOverflow="overflow" vert="horz" lIns="0" tIns="0" rIns="0" bIns="0" rtlCol="0">
                          <a:noAutofit/>
                        </wps:bodyPr>
                      </wps:wsp>
                      <wps:wsp>
                        <wps:cNvPr id="7369" name="Rectangle 7369"/>
                        <wps:cNvSpPr/>
                        <wps:spPr>
                          <a:xfrm>
                            <a:off x="1991121" y="324724"/>
                            <a:ext cx="47121" cy="157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7370" name="Shape 7370"/>
                        <wps:cNvSpPr/>
                        <wps:spPr>
                          <a:xfrm>
                            <a:off x="795393" y="627407"/>
                            <a:ext cx="1310007" cy="527015"/>
                          </a:xfrm>
                          <a:custGeom>
                            <a:avLst/>
                            <a:gdLst/>
                            <a:ahLst/>
                            <a:cxnLst/>
                            <a:rect l="0" t="0" r="0" b="0"/>
                            <a:pathLst>
                              <a:path w="1310007" h="527015">
                                <a:moveTo>
                                  <a:pt x="655004" y="0"/>
                                </a:moveTo>
                                <a:cubicBezTo>
                                  <a:pt x="1016728" y="0"/>
                                  <a:pt x="1310007" y="118010"/>
                                  <a:pt x="1310007" y="263464"/>
                                </a:cubicBezTo>
                                <a:cubicBezTo>
                                  <a:pt x="1310007" y="409005"/>
                                  <a:pt x="1016728" y="527015"/>
                                  <a:pt x="655004" y="527015"/>
                                </a:cubicBezTo>
                                <a:cubicBezTo>
                                  <a:pt x="293280" y="527015"/>
                                  <a:pt x="0" y="409005"/>
                                  <a:pt x="0" y="263464"/>
                                </a:cubicBezTo>
                                <a:cubicBezTo>
                                  <a:pt x="0" y="118010"/>
                                  <a:pt x="293280" y="0"/>
                                  <a:pt x="655004"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7371" name="Shape 7371"/>
                        <wps:cNvSpPr/>
                        <wps:spPr>
                          <a:xfrm>
                            <a:off x="795393" y="627407"/>
                            <a:ext cx="1310007" cy="527015"/>
                          </a:xfrm>
                          <a:custGeom>
                            <a:avLst/>
                            <a:gdLst/>
                            <a:ahLst/>
                            <a:cxnLst/>
                            <a:rect l="0" t="0" r="0" b="0"/>
                            <a:pathLst>
                              <a:path w="1310007" h="527015">
                                <a:moveTo>
                                  <a:pt x="1310007" y="263464"/>
                                </a:moveTo>
                                <a:cubicBezTo>
                                  <a:pt x="1310007" y="118010"/>
                                  <a:pt x="1016728" y="0"/>
                                  <a:pt x="655004" y="0"/>
                                </a:cubicBezTo>
                                <a:cubicBezTo>
                                  <a:pt x="293280" y="0"/>
                                  <a:pt x="0" y="118010"/>
                                  <a:pt x="0" y="263464"/>
                                </a:cubicBezTo>
                                <a:cubicBezTo>
                                  <a:pt x="0" y="409005"/>
                                  <a:pt x="293280" y="527015"/>
                                  <a:pt x="655004" y="527015"/>
                                </a:cubicBezTo>
                                <a:cubicBezTo>
                                  <a:pt x="1016728" y="527015"/>
                                  <a:pt x="1310007" y="409005"/>
                                  <a:pt x="1310007" y="263464"/>
                                </a:cubicBezTo>
                                <a:close/>
                              </a:path>
                            </a:pathLst>
                          </a:custGeom>
                          <a:ln w="6374" cap="rnd">
                            <a:round/>
                          </a:ln>
                        </wps:spPr>
                        <wps:style>
                          <a:lnRef idx="1">
                            <a:srgbClr val="000000"/>
                          </a:lnRef>
                          <a:fillRef idx="0">
                            <a:srgbClr val="000000">
                              <a:alpha val="0"/>
                            </a:srgbClr>
                          </a:fillRef>
                          <a:effectRef idx="0">
                            <a:scrgbClr r="0" g="0" b="0"/>
                          </a:effectRef>
                          <a:fontRef idx="none"/>
                        </wps:style>
                        <wps:bodyPr/>
                      </wps:wsp>
                      <wps:wsp>
                        <wps:cNvPr id="7372" name="Rectangle 7372"/>
                        <wps:cNvSpPr/>
                        <wps:spPr>
                          <a:xfrm>
                            <a:off x="1268116" y="717915"/>
                            <a:ext cx="524292"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Объект </w:t>
                              </w:r>
                            </w:p>
                          </w:txbxContent>
                        </wps:txbx>
                        <wps:bodyPr horzOverflow="overflow" vert="horz" lIns="0" tIns="0" rIns="0" bIns="0" rtlCol="0">
                          <a:noAutofit/>
                        </wps:bodyPr>
                      </wps:wsp>
                      <wps:wsp>
                        <wps:cNvPr id="7373" name="Rectangle 7373"/>
                        <wps:cNvSpPr/>
                        <wps:spPr>
                          <a:xfrm>
                            <a:off x="1001788" y="845397"/>
                            <a:ext cx="78674"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7374" name="Rectangle 7374"/>
                        <wps:cNvSpPr/>
                        <wps:spPr>
                          <a:xfrm>
                            <a:off x="1060923" y="845397"/>
                            <a:ext cx="1153994"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функциональное </w:t>
                              </w:r>
                            </w:p>
                          </w:txbxContent>
                        </wps:txbx>
                        <wps:bodyPr horzOverflow="overflow" vert="horz" lIns="0" tIns="0" rIns="0" bIns="0" rtlCol="0">
                          <a:noAutofit/>
                        </wps:bodyPr>
                      </wps:wsp>
                      <wps:wsp>
                        <wps:cNvPr id="7375" name="Rectangle 7375"/>
                        <wps:cNvSpPr/>
                        <wps:spPr>
                          <a:xfrm>
                            <a:off x="983082" y="972879"/>
                            <a:ext cx="732149"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устройство</w:t>
                              </w:r>
                            </w:p>
                          </w:txbxContent>
                        </wps:txbx>
                        <wps:bodyPr horzOverflow="overflow" vert="horz" lIns="0" tIns="0" rIns="0" bIns="0" rtlCol="0">
                          <a:noAutofit/>
                        </wps:bodyPr>
                      </wps:wsp>
                      <wps:wsp>
                        <wps:cNvPr id="7376" name="Rectangle 7376"/>
                        <wps:cNvSpPr/>
                        <wps:spPr>
                          <a:xfrm>
                            <a:off x="1533558" y="972879"/>
                            <a:ext cx="118032"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7377" name="Rectangle 7377"/>
                        <wps:cNvSpPr/>
                        <wps:spPr>
                          <a:xfrm>
                            <a:off x="1622304" y="954078"/>
                            <a:ext cx="47121" cy="157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7378" name="Rectangle 7378"/>
                        <wps:cNvSpPr/>
                        <wps:spPr>
                          <a:xfrm>
                            <a:off x="1657767" y="954078"/>
                            <a:ext cx="298683" cy="157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FDO</w:t>
                              </w:r>
                            </w:p>
                          </w:txbxContent>
                        </wps:txbx>
                        <wps:bodyPr horzOverflow="overflow" vert="horz" lIns="0" tIns="0" rIns="0" bIns="0" rtlCol="0">
                          <a:noAutofit/>
                        </wps:bodyPr>
                      </wps:wsp>
                      <wps:wsp>
                        <wps:cNvPr id="7379" name="Rectangle 7379"/>
                        <wps:cNvSpPr/>
                        <wps:spPr>
                          <a:xfrm>
                            <a:off x="1882337" y="954078"/>
                            <a:ext cx="47121" cy="157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7380" name="Shape 7380"/>
                        <wps:cNvSpPr/>
                        <wps:spPr>
                          <a:xfrm>
                            <a:off x="773406" y="1254814"/>
                            <a:ext cx="1331994" cy="376427"/>
                          </a:xfrm>
                          <a:custGeom>
                            <a:avLst/>
                            <a:gdLst/>
                            <a:ahLst/>
                            <a:cxnLst/>
                            <a:rect l="0" t="0" r="0" b="0"/>
                            <a:pathLst>
                              <a:path w="1331994" h="376427">
                                <a:moveTo>
                                  <a:pt x="665997" y="0"/>
                                </a:moveTo>
                                <a:cubicBezTo>
                                  <a:pt x="1033838" y="0"/>
                                  <a:pt x="1331994" y="84280"/>
                                  <a:pt x="1331994" y="188213"/>
                                </a:cubicBezTo>
                                <a:cubicBezTo>
                                  <a:pt x="1331994" y="292147"/>
                                  <a:pt x="1033838" y="376427"/>
                                  <a:pt x="665997" y="376427"/>
                                </a:cubicBezTo>
                                <a:cubicBezTo>
                                  <a:pt x="298156" y="376427"/>
                                  <a:pt x="0" y="292147"/>
                                  <a:pt x="0" y="188213"/>
                                </a:cubicBezTo>
                                <a:cubicBezTo>
                                  <a:pt x="0" y="84280"/>
                                  <a:pt x="298156" y="0"/>
                                  <a:pt x="66599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7381" name="Shape 7381"/>
                        <wps:cNvSpPr/>
                        <wps:spPr>
                          <a:xfrm>
                            <a:off x="773406" y="1254814"/>
                            <a:ext cx="1331994" cy="376427"/>
                          </a:xfrm>
                          <a:custGeom>
                            <a:avLst/>
                            <a:gdLst/>
                            <a:ahLst/>
                            <a:cxnLst/>
                            <a:rect l="0" t="0" r="0" b="0"/>
                            <a:pathLst>
                              <a:path w="1331994" h="376427">
                                <a:moveTo>
                                  <a:pt x="1331994" y="188213"/>
                                </a:moveTo>
                                <a:cubicBezTo>
                                  <a:pt x="1331994" y="84280"/>
                                  <a:pt x="1033838" y="0"/>
                                  <a:pt x="665997" y="0"/>
                                </a:cubicBezTo>
                                <a:cubicBezTo>
                                  <a:pt x="298156" y="0"/>
                                  <a:pt x="0" y="84280"/>
                                  <a:pt x="0" y="188213"/>
                                </a:cubicBezTo>
                                <a:cubicBezTo>
                                  <a:pt x="0" y="292147"/>
                                  <a:pt x="298156" y="376427"/>
                                  <a:pt x="665997" y="376427"/>
                                </a:cubicBezTo>
                                <a:cubicBezTo>
                                  <a:pt x="1033838" y="376427"/>
                                  <a:pt x="1331994" y="292147"/>
                                  <a:pt x="1331994" y="188213"/>
                                </a:cubicBezTo>
                                <a:close/>
                              </a:path>
                            </a:pathLst>
                          </a:custGeom>
                          <a:ln w="6374" cap="rnd">
                            <a:round/>
                          </a:ln>
                        </wps:spPr>
                        <wps:style>
                          <a:lnRef idx="1">
                            <a:srgbClr val="000000"/>
                          </a:lnRef>
                          <a:fillRef idx="0">
                            <a:srgbClr val="000000">
                              <a:alpha val="0"/>
                            </a:srgbClr>
                          </a:fillRef>
                          <a:effectRef idx="0">
                            <a:scrgbClr r="0" g="0" b="0"/>
                          </a:effectRef>
                          <a:fontRef idx="none"/>
                        </wps:style>
                        <wps:bodyPr/>
                      </wps:wsp>
                      <wps:wsp>
                        <wps:cNvPr id="7382" name="Rectangle 7382"/>
                        <wps:cNvSpPr/>
                        <wps:spPr>
                          <a:xfrm>
                            <a:off x="852223" y="1397554"/>
                            <a:ext cx="1137555"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Объект фильтра </w:t>
                              </w:r>
                            </w:p>
                          </w:txbxContent>
                        </wps:txbx>
                        <wps:bodyPr horzOverflow="overflow" vert="horz" lIns="0" tIns="0" rIns="0" bIns="0" rtlCol="0">
                          <a:noAutofit/>
                        </wps:bodyPr>
                      </wps:wsp>
                      <wps:wsp>
                        <wps:cNvPr id="7383" name="Rectangle 7383"/>
                        <wps:cNvSpPr/>
                        <wps:spPr>
                          <a:xfrm>
                            <a:off x="1707505" y="1378753"/>
                            <a:ext cx="47121" cy="157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7384" name="Rectangle 7384"/>
                        <wps:cNvSpPr/>
                        <wps:spPr>
                          <a:xfrm>
                            <a:off x="1742968" y="1378753"/>
                            <a:ext cx="330120" cy="157545"/>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7"/>
                                </w:rPr>
                                <w:t>FiDO</w:t>
                              </w:r>
                              <w:proofErr w:type="spellEnd"/>
                            </w:p>
                          </w:txbxContent>
                        </wps:txbx>
                        <wps:bodyPr horzOverflow="overflow" vert="horz" lIns="0" tIns="0" rIns="0" bIns="0" rtlCol="0">
                          <a:noAutofit/>
                        </wps:bodyPr>
                      </wps:wsp>
                      <wps:wsp>
                        <wps:cNvPr id="7385" name="Rectangle 7385"/>
                        <wps:cNvSpPr/>
                        <wps:spPr>
                          <a:xfrm>
                            <a:off x="1991121" y="1378753"/>
                            <a:ext cx="47121" cy="157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7386" name="Shape 7386"/>
                        <wps:cNvSpPr/>
                        <wps:spPr>
                          <a:xfrm>
                            <a:off x="773406" y="1693919"/>
                            <a:ext cx="1331994" cy="376454"/>
                          </a:xfrm>
                          <a:custGeom>
                            <a:avLst/>
                            <a:gdLst/>
                            <a:ahLst/>
                            <a:cxnLst/>
                            <a:rect l="0" t="0" r="0" b="0"/>
                            <a:pathLst>
                              <a:path w="1331994" h="376454">
                                <a:moveTo>
                                  <a:pt x="665997" y="0"/>
                                </a:moveTo>
                                <a:cubicBezTo>
                                  <a:pt x="1033838" y="0"/>
                                  <a:pt x="1331994" y="84280"/>
                                  <a:pt x="1331994" y="188213"/>
                                </a:cubicBezTo>
                                <a:cubicBezTo>
                                  <a:pt x="1331994" y="292191"/>
                                  <a:pt x="1033838" y="376454"/>
                                  <a:pt x="665997" y="376454"/>
                                </a:cubicBezTo>
                                <a:cubicBezTo>
                                  <a:pt x="298156" y="376454"/>
                                  <a:pt x="0" y="292191"/>
                                  <a:pt x="0" y="188213"/>
                                </a:cubicBezTo>
                                <a:cubicBezTo>
                                  <a:pt x="0" y="84280"/>
                                  <a:pt x="298156" y="0"/>
                                  <a:pt x="66599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7387" name="Shape 7387"/>
                        <wps:cNvSpPr/>
                        <wps:spPr>
                          <a:xfrm>
                            <a:off x="773406" y="1693919"/>
                            <a:ext cx="1331994" cy="376454"/>
                          </a:xfrm>
                          <a:custGeom>
                            <a:avLst/>
                            <a:gdLst/>
                            <a:ahLst/>
                            <a:cxnLst/>
                            <a:rect l="0" t="0" r="0" b="0"/>
                            <a:pathLst>
                              <a:path w="1331994" h="376454">
                                <a:moveTo>
                                  <a:pt x="1331994" y="188213"/>
                                </a:moveTo>
                                <a:cubicBezTo>
                                  <a:pt x="1331994" y="84280"/>
                                  <a:pt x="1033838" y="0"/>
                                  <a:pt x="665997" y="0"/>
                                </a:cubicBezTo>
                                <a:cubicBezTo>
                                  <a:pt x="298156" y="0"/>
                                  <a:pt x="0" y="84280"/>
                                  <a:pt x="0" y="188213"/>
                                </a:cubicBezTo>
                                <a:cubicBezTo>
                                  <a:pt x="0" y="292191"/>
                                  <a:pt x="298156" y="376454"/>
                                  <a:pt x="665997" y="376454"/>
                                </a:cubicBezTo>
                                <a:cubicBezTo>
                                  <a:pt x="1033838" y="376454"/>
                                  <a:pt x="1331994" y="292191"/>
                                  <a:pt x="1331994" y="188213"/>
                                </a:cubicBezTo>
                                <a:close/>
                              </a:path>
                            </a:pathLst>
                          </a:custGeom>
                          <a:ln w="6374" cap="rnd">
                            <a:round/>
                          </a:ln>
                        </wps:spPr>
                        <wps:style>
                          <a:lnRef idx="1">
                            <a:srgbClr val="000000"/>
                          </a:lnRef>
                          <a:fillRef idx="0">
                            <a:srgbClr val="000000">
                              <a:alpha val="0"/>
                            </a:srgbClr>
                          </a:fillRef>
                          <a:effectRef idx="0">
                            <a:scrgbClr r="0" g="0" b="0"/>
                          </a:effectRef>
                          <a:fontRef idx="none"/>
                        </wps:style>
                        <wps:bodyPr/>
                      </wps:wsp>
                      <wps:wsp>
                        <wps:cNvPr id="7388" name="Rectangle 7388"/>
                        <wps:cNvSpPr/>
                        <wps:spPr>
                          <a:xfrm>
                            <a:off x="852223" y="1836659"/>
                            <a:ext cx="1137555" cy="13281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Объект фильтра </w:t>
                              </w:r>
                            </w:p>
                          </w:txbxContent>
                        </wps:txbx>
                        <wps:bodyPr horzOverflow="overflow" vert="horz" lIns="0" tIns="0" rIns="0" bIns="0" rtlCol="0">
                          <a:noAutofit/>
                        </wps:bodyPr>
                      </wps:wsp>
                      <wps:wsp>
                        <wps:cNvPr id="7389" name="Rectangle 7389"/>
                        <wps:cNvSpPr/>
                        <wps:spPr>
                          <a:xfrm>
                            <a:off x="1707505" y="1817859"/>
                            <a:ext cx="47121" cy="157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7390" name="Rectangle 7390"/>
                        <wps:cNvSpPr/>
                        <wps:spPr>
                          <a:xfrm>
                            <a:off x="1742968" y="1817859"/>
                            <a:ext cx="330120" cy="157544"/>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7"/>
                                </w:rPr>
                                <w:t>FiDO</w:t>
                              </w:r>
                              <w:proofErr w:type="spellEnd"/>
                            </w:p>
                          </w:txbxContent>
                        </wps:txbx>
                        <wps:bodyPr horzOverflow="overflow" vert="horz" lIns="0" tIns="0" rIns="0" bIns="0" rtlCol="0">
                          <a:noAutofit/>
                        </wps:bodyPr>
                      </wps:wsp>
                      <wps:wsp>
                        <wps:cNvPr id="7391" name="Rectangle 7391"/>
                        <wps:cNvSpPr/>
                        <wps:spPr>
                          <a:xfrm>
                            <a:off x="1991121" y="1817859"/>
                            <a:ext cx="47121" cy="157544"/>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7392" name="Shape 7392"/>
                        <wps:cNvSpPr/>
                        <wps:spPr>
                          <a:xfrm>
                            <a:off x="795393" y="2170756"/>
                            <a:ext cx="1310007" cy="526989"/>
                          </a:xfrm>
                          <a:custGeom>
                            <a:avLst/>
                            <a:gdLst/>
                            <a:ahLst/>
                            <a:cxnLst/>
                            <a:rect l="0" t="0" r="0" b="0"/>
                            <a:pathLst>
                              <a:path w="1310007" h="526989">
                                <a:moveTo>
                                  <a:pt x="655004" y="0"/>
                                </a:moveTo>
                                <a:cubicBezTo>
                                  <a:pt x="1016728" y="0"/>
                                  <a:pt x="1310007" y="117966"/>
                                  <a:pt x="1310007" y="263490"/>
                                </a:cubicBezTo>
                                <a:lnTo>
                                  <a:pt x="1310007" y="263499"/>
                                </a:lnTo>
                                <a:cubicBezTo>
                                  <a:pt x="1310007" y="409023"/>
                                  <a:pt x="1016728" y="526989"/>
                                  <a:pt x="655004" y="526989"/>
                                </a:cubicBezTo>
                                <a:cubicBezTo>
                                  <a:pt x="293280" y="526989"/>
                                  <a:pt x="0" y="409023"/>
                                  <a:pt x="0" y="263490"/>
                                </a:cubicBezTo>
                                <a:cubicBezTo>
                                  <a:pt x="0" y="117966"/>
                                  <a:pt x="293280" y="0"/>
                                  <a:pt x="655004"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7393" name="Shape 7393"/>
                        <wps:cNvSpPr/>
                        <wps:spPr>
                          <a:xfrm>
                            <a:off x="795393" y="2170756"/>
                            <a:ext cx="1310007" cy="526989"/>
                          </a:xfrm>
                          <a:custGeom>
                            <a:avLst/>
                            <a:gdLst/>
                            <a:ahLst/>
                            <a:cxnLst/>
                            <a:rect l="0" t="0" r="0" b="0"/>
                            <a:pathLst>
                              <a:path w="1310007" h="526989">
                                <a:moveTo>
                                  <a:pt x="1310007" y="263490"/>
                                </a:moveTo>
                                <a:cubicBezTo>
                                  <a:pt x="1310007" y="117966"/>
                                  <a:pt x="1016728" y="0"/>
                                  <a:pt x="655004" y="0"/>
                                </a:cubicBezTo>
                                <a:cubicBezTo>
                                  <a:pt x="293280" y="0"/>
                                  <a:pt x="0" y="117966"/>
                                  <a:pt x="0" y="263490"/>
                                </a:cubicBezTo>
                                <a:cubicBezTo>
                                  <a:pt x="0" y="409023"/>
                                  <a:pt x="293280" y="526989"/>
                                  <a:pt x="655004" y="526989"/>
                                </a:cubicBezTo>
                                <a:cubicBezTo>
                                  <a:pt x="1016728" y="526989"/>
                                  <a:pt x="1310007" y="409023"/>
                                  <a:pt x="1310007" y="263499"/>
                                </a:cubicBezTo>
                                <a:close/>
                              </a:path>
                            </a:pathLst>
                          </a:custGeom>
                          <a:ln w="6374" cap="rnd">
                            <a:round/>
                          </a:ln>
                        </wps:spPr>
                        <wps:style>
                          <a:lnRef idx="1">
                            <a:srgbClr val="000000"/>
                          </a:lnRef>
                          <a:fillRef idx="0">
                            <a:srgbClr val="000000">
                              <a:alpha val="0"/>
                            </a:srgbClr>
                          </a:fillRef>
                          <a:effectRef idx="0">
                            <a:scrgbClr r="0" g="0" b="0"/>
                          </a:effectRef>
                          <a:fontRef idx="none"/>
                        </wps:style>
                        <wps:bodyPr/>
                      </wps:wsp>
                      <wps:wsp>
                        <wps:cNvPr id="7394" name="Rectangle 7394"/>
                        <wps:cNvSpPr/>
                        <wps:spPr>
                          <a:xfrm>
                            <a:off x="929798" y="2325040"/>
                            <a:ext cx="524292"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Объект </w:t>
                              </w:r>
                            </w:p>
                          </w:txbxContent>
                        </wps:txbx>
                        <wps:bodyPr horzOverflow="overflow" vert="horz" lIns="0" tIns="0" rIns="0" bIns="0" rtlCol="0">
                          <a:noAutofit/>
                        </wps:bodyPr>
                      </wps:wsp>
                      <wps:wsp>
                        <wps:cNvPr id="7395" name="Rectangle 7395"/>
                        <wps:cNvSpPr/>
                        <wps:spPr>
                          <a:xfrm>
                            <a:off x="1323971" y="2325040"/>
                            <a:ext cx="78675"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7396" name="Rectangle 7396"/>
                        <wps:cNvSpPr/>
                        <wps:spPr>
                          <a:xfrm>
                            <a:off x="1383194" y="2325040"/>
                            <a:ext cx="821183"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физическое </w:t>
                              </w:r>
                            </w:p>
                          </w:txbxContent>
                        </wps:txbx>
                        <wps:bodyPr horzOverflow="overflow" vert="horz" lIns="0" tIns="0" rIns="0" bIns="0" rtlCol="0">
                          <a:noAutofit/>
                        </wps:bodyPr>
                      </wps:wsp>
                      <wps:wsp>
                        <wps:cNvPr id="7397" name="Rectangle 7397"/>
                        <wps:cNvSpPr/>
                        <wps:spPr>
                          <a:xfrm>
                            <a:off x="983082" y="2452523"/>
                            <a:ext cx="732149"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устройство</w:t>
                              </w:r>
                            </w:p>
                          </w:txbxContent>
                        </wps:txbx>
                        <wps:bodyPr horzOverflow="overflow" vert="horz" lIns="0" tIns="0" rIns="0" bIns="0" rtlCol="0">
                          <a:noAutofit/>
                        </wps:bodyPr>
                      </wps:wsp>
                      <wps:wsp>
                        <wps:cNvPr id="7398" name="Rectangle 7398"/>
                        <wps:cNvSpPr/>
                        <wps:spPr>
                          <a:xfrm>
                            <a:off x="1533558" y="2452523"/>
                            <a:ext cx="118032"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7399" name="Rectangle 7399"/>
                        <wps:cNvSpPr/>
                        <wps:spPr>
                          <a:xfrm>
                            <a:off x="1622304" y="2433721"/>
                            <a:ext cx="47121" cy="157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7400" name="Rectangle 7400"/>
                        <wps:cNvSpPr/>
                        <wps:spPr>
                          <a:xfrm>
                            <a:off x="1657767" y="2433721"/>
                            <a:ext cx="298683" cy="157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FDO</w:t>
                              </w:r>
                            </w:p>
                          </w:txbxContent>
                        </wps:txbx>
                        <wps:bodyPr horzOverflow="overflow" vert="horz" lIns="0" tIns="0" rIns="0" bIns="0" rtlCol="0">
                          <a:noAutofit/>
                        </wps:bodyPr>
                      </wps:wsp>
                      <wps:wsp>
                        <wps:cNvPr id="7401" name="Rectangle 7401"/>
                        <wps:cNvSpPr/>
                        <wps:spPr>
                          <a:xfrm>
                            <a:off x="1882337" y="2433721"/>
                            <a:ext cx="47121" cy="157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69499" name="Shape 69499"/>
                        <wps:cNvSpPr/>
                        <wps:spPr>
                          <a:xfrm>
                            <a:off x="2859346" y="250972"/>
                            <a:ext cx="1256547" cy="276044"/>
                          </a:xfrm>
                          <a:custGeom>
                            <a:avLst/>
                            <a:gdLst/>
                            <a:ahLst/>
                            <a:cxnLst/>
                            <a:rect l="0" t="0" r="0" b="0"/>
                            <a:pathLst>
                              <a:path w="1256547" h="276044">
                                <a:moveTo>
                                  <a:pt x="0" y="0"/>
                                </a:moveTo>
                                <a:lnTo>
                                  <a:pt x="1256547" y="0"/>
                                </a:lnTo>
                                <a:lnTo>
                                  <a:pt x="1256547" y="276044"/>
                                </a:lnTo>
                                <a:lnTo>
                                  <a:pt x="0" y="276044"/>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7403" name="Shape 7403"/>
                        <wps:cNvSpPr/>
                        <wps:spPr>
                          <a:xfrm>
                            <a:off x="2859346" y="250972"/>
                            <a:ext cx="1256547" cy="276044"/>
                          </a:xfrm>
                          <a:custGeom>
                            <a:avLst/>
                            <a:gdLst/>
                            <a:ahLst/>
                            <a:cxnLst/>
                            <a:rect l="0" t="0" r="0" b="0"/>
                            <a:pathLst>
                              <a:path w="1256547" h="276044">
                                <a:moveTo>
                                  <a:pt x="0" y="276044"/>
                                </a:moveTo>
                                <a:lnTo>
                                  <a:pt x="1256547" y="276044"/>
                                </a:lnTo>
                                <a:lnTo>
                                  <a:pt x="1256547" y="0"/>
                                </a:lnTo>
                                <a:lnTo>
                                  <a:pt x="0" y="0"/>
                                </a:lnTo>
                                <a:close/>
                              </a:path>
                            </a:pathLst>
                          </a:custGeom>
                          <a:ln w="2125" cap="rnd">
                            <a:round/>
                          </a:ln>
                        </wps:spPr>
                        <wps:style>
                          <a:lnRef idx="1">
                            <a:srgbClr val="000000"/>
                          </a:lnRef>
                          <a:fillRef idx="0">
                            <a:srgbClr val="000000">
                              <a:alpha val="0"/>
                            </a:srgbClr>
                          </a:fillRef>
                          <a:effectRef idx="0">
                            <a:scrgbClr r="0" g="0" b="0"/>
                          </a:effectRef>
                          <a:fontRef idx="none"/>
                        </wps:style>
                        <wps:bodyPr/>
                      </wps:wsp>
                      <wps:wsp>
                        <wps:cNvPr id="7404" name="Rectangle 7404"/>
                        <wps:cNvSpPr/>
                        <wps:spPr>
                          <a:xfrm>
                            <a:off x="3020881" y="279783"/>
                            <a:ext cx="1241531" cy="13281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Высокоуровневый </w:t>
                              </w:r>
                            </w:p>
                          </w:txbxContent>
                        </wps:txbx>
                        <wps:bodyPr horzOverflow="overflow" vert="horz" lIns="0" tIns="0" rIns="0" bIns="0" rtlCol="0">
                          <a:noAutofit/>
                        </wps:bodyPr>
                      </wps:wsp>
                      <wps:wsp>
                        <wps:cNvPr id="7405" name="Rectangle 7405"/>
                        <wps:cNvSpPr/>
                        <wps:spPr>
                          <a:xfrm>
                            <a:off x="3049695" y="407265"/>
                            <a:ext cx="1164802" cy="13281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райвер фильтра</w:t>
                              </w:r>
                            </w:p>
                          </w:txbxContent>
                        </wps:txbx>
                        <wps:bodyPr horzOverflow="overflow" vert="horz" lIns="0" tIns="0" rIns="0" bIns="0" rtlCol="0">
                          <a:noAutofit/>
                        </wps:bodyPr>
                      </wps:wsp>
                      <wps:wsp>
                        <wps:cNvPr id="69500" name="Shape 69500"/>
                        <wps:cNvSpPr/>
                        <wps:spPr>
                          <a:xfrm>
                            <a:off x="2859346" y="740362"/>
                            <a:ext cx="1256547" cy="276043"/>
                          </a:xfrm>
                          <a:custGeom>
                            <a:avLst/>
                            <a:gdLst/>
                            <a:ahLst/>
                            <a:cxnLst/>
                            <a:rect l="0" t="0" r="0" b="0"/>
                            <a:pathLst>
                              <a:path w="1256547" h="276043">
                                <a:moveTo>
                                  <a:pt x="0" y="0"/>
                                </a:moveTo>
                                <a:lnTo>
                                  <a:pt x="1256547" y="0"/>
                                </a:lnTo>
                                <a:lnTo>
                                  <a:pt x="1256547" y="276043"/>
                                </a:lnTo>
                                <a:lnTo>
                                  <a:pt x="0" y="276043"/>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7407" name="Shape 7407"/>
                        <wps:cNvSpPr/>
                        <wps:spPr>
                          <a:xfrm>
                            <a:off x="2859346" y="740362"/>
                            <a:ext cx="1256547" cy="276043"/>
                          </a:xfrm>
                          <a:custGeom>
                            <a:avLst/>
                            <a:gdLst/>
                            <a:ahLst/>
                            <a:cxnLst/>
                            <a:rect l="0" t="0" r="0" b="0"/>
                            <a:pathLst>
                              <a:path w="1256547" h="276043">
                                <a:moveTo>
                                  <a:pt x="0" y="276043"/>
                                </a:moveTo>
                                <a:lnTo>
                                  <a:pt x="1256547" y="276043"/>
                                </a:lnTo>
                                <a:lnTo>
                                  <a:pt x="1256547" y="0"/>
                                </a:lnTo>
                                <a:lnTo>
                                  <a:pt x="0" y="0"/>
                                </a:lnTo>
                                <a:close/>
                              </a:path>
                            </a:pathLst>
                          </a:custGeom>
                          <a:ln w="2125" cap="rnd">
                            <a:round/>
                          </a:ln>
                        </wps:spPr>
                        <wps:style>
                          <a:lnRef idx="1">
                            <a:srgbClr val="000000"/>
                          </a:lnRef>
                          <a:fillRef idx="0">
                            <a:srgbClr val="000000">
                              <a:alpha val="0"/>
                            </a:srgbClr>
                          </a:fillRef>
                          <a:effectRef idx="0">
                            <a:scrgbClr r="0" g="0" b="0"/>
                          </a:effectRef>
                          <a:fontRef idx="none"/>
                        </wps:style>
                        <wps:bodyPr/>
                      </wps:wsp>
                      <wps:wsp>
                        <wps:cNvPr id="7408" name="Rectangle 7408"/>
                        <wps:cNvSpPr/>
                        <wps:spPr>
                          <a:xfrm>
                            <a:off x="3048365" y="769173"/>
                            <a:ext cx="1168499"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Функциональный </w:t>
                              </w:r>
                            </w:p>
                          </w:txbxContent>
                        </wps:txbx>
                        <wps:bodyPr horzOverflow="overflow" vert="horz" lIns="0" tIns="0" rIns="0" bIns="0" rtlCol="0">
                          <a:noAutofit/>
                        </wps:bodyPr>
                      </wps:wsp>
                      <wps:wsp>
                        <wps:cNvPr id="7409" name="Rectangle 7409"/>
                        <wps:cNvSpPr/>
                        <wps:spPr>
                          <a:xfrm>
                            <a:off x="3280293" y="896655"/>
                            <a:ext cx="551539"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райвер</w:t>
                              </w:r>
                            </w:p>
                          </w:txbxContent>
                        </wps:txbx>
                        <wps:bodyPr horzOverflow="overflow" vert="horz" lIns="0" tIns="0" rIns="0" bIns="0" rtlCol="0">
                          <a:noAutofit/>
                        </wps:bodyPr>
                      </wps:wsp>
                      <wps:wsp>
                        <wps:cNvPr id="69501" name="Shape 69501"/>
                        <wps:cNvSpPr/>
                        <wps:spPr>
                          <a:xfrm>
                            <a:off x="2859346" y="1254805"/>
                            <a:ext cx="1256547" cy="276044"/>
                          </a:xfrm>
                          <a:custGeom>
                            <a:avLst/>
                            <a:gdLst/>
                            <a:ahLst/>
                            <a:cxnLst/>
                            <a:rect l="0" t="0" r="0" b="0"/>
                            <a:pathLst>
                              <a:path w="1256547" h="276044">
                                <a:moveTo>
                                  <a:pt x="0" y="0"/>
                                </a:moveTo>
                                <a:lnTo>
                                  <a:pt x="1256547" y="0"/>
                                </a:lnTo>
                                <a:lnTo>
                                  <a:pt x="1256547" y="276044"/>
                                </a:lnTo>
                                <a:lnTo>
                                  <a:pt x="0" y="276044"/>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7411" name="Shape 7411"/>
                        <wps:cNvSpPr/>
                        <wps:spPr>
                          <a:xfrm>
                            <a:off x="2859346" y="1254805"/>
                            <a:ext cx="1256547" cy="276044"/>
                          </a:xfrm>
                          <a:custGeom>
                            <a:avLst/>
                            <a:gdLst/>
                            <a:ahLst/>
                            <a:cxnLst/>
                            <a:rect l="0" t="0" r="0" b="0"/>
                            <a:pathLst>
                              <a:path w="1256547" h="276044">
                                <a:moveTo>
                                  <a:pt x="0" y="276044"/>
                                </a:moveTo>
                                <a:lnTo>
                                  <a:pt x="1256547" y="276044"/>
                                </a:lnTo>
                                <a:lnTo>
                                  <a:pt x="1256547" y="0"/>
                                </a:lnTo>
                                <a:lnTo>
                                  <a:pt x="0" y="0"/>
                                </a:lnTo>
                                <a:close/>
                              </a:path>
                            </a:pathLst>
                          </a:custGeom>
                          <a:ln w="2125" cap="rnd">
                            <a:round/>
                          </a:ln>
                        </wps:spPr>
                        <wps:style>
                          <a:lnRef idx="1">
                            <a:srgbClr val="000000"/>
                          </a:lnRef>
                          <a:fillRef idx="0">
                            <a:srgbClr val="000000">
                              <a:alpha val="0"/>
                            </a:srgbClr>
                          </a:fillRef>
                          <a:effectRef idx="0">
                            <a:scrgbClr r="0" g="0" b="0"/>
                          </a:effectRef>
                          <a:fontRef idx="none"/>
                        </wps:style>
                        <wps:bodyPr/>
                      </wps:wsp>
                      <wps:wsp>
                        <wps:cNvPr id="7412" name="Rectangle 7412"/>
                        <wps:cNvSpPr/>
                        <wps:spPr>
                          <a:xfrm>
                            <a:off x="3058294" y="1283617"/>
                            <a:ext cx="1142105"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Низкоуровневый </w:t>
                              </w:r>
                            </w:p>
                          </w:txbxContent>
                        </wps:txbx>
                        <wps:bodyPr horzOverflow="overflow" vert="horz" lIns="0" tIns="0" rIns="0" bIns="0" rtlCol="0">
                          <a:noAutofit/>
                        </wps:bodyPr>
                      </wps:wsp>
                      <wps:wsp>
                        <wps:cNvPr id="7413" name="Rectangle 7413"/>
                        <wps:cNvSpPr/>
                        <wps:spPr>
                          <a:xfrm>
                            <a:off x="3049695" y="1411099"/>
                            <a:ext cx="1164802"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райвер фильтра</w:t>
                              </w:r>
                            </w:p>
                          </w:txbxContent>
                        </wps:txbx>
                        <wps:bodyPr horzOverflow="overflow" vert="horz" lIns="0" tIns="0" rIns="0" bIns="0" rtlCol="0">
                          <a:noAutofit/>
                        </wps:bodyPr>
                      </wps:wsp>
                      <wps:wsp>
                        <wps:cNvPr id="69502" name="Shape 69502"/>
                        <wps:cNvSpPr/>
                        <wps:spPr>
                          <a:xfrm>
                            <a:off x="2859346" y="1756687"/>
                            <a:ext cx="1256547" cy="276044"/>
                          </a:xfrm>
                          <a:custGeom>
                            <a:avLst/>
                            <a:gdLst/>
                            <a:ahLst/>
                            <a:cxnLst/>
                            <a:rect l="0" t="0" r="0" b="0"/>
                            <a:pathLst>
                              <a:path w="1256547" h="276044">
                                <a:moveTo>
                                  <a:pt x="0" y="0"/>
                                </a:moveTo>
                                <a:lnTo>
                                  <a:pt x="1256547" y="0"/>
                                </a:lnTo>
                                <a:lnTo>
                                  <a:pt x="1256547" y="276044"/>
                                </a:lnTo>
                                <a:lnTo>
                                  <a:pt x="0" y="276044"/>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7415" name="Shape 7415"/>
                        <wps:cNvSpPr/>
                        <wps:spPr>
                          <a:xfrm>
                            <a:off x="2859346" y="1756687"/>
                            <a:ext cx="1256547" cy="276044"/>
                          </a:xfrm>
                          <a:custGeom>
                            <a:avLst/>
                            <a:gdLst/>
                            <a:ahLst/>
                            <a:cxnLst/>
                            <a:rect l="0" t="0" r="0" b="0"/>
                            <a:pathLst>
                              <a:path w="1256547" h="276044">
                                <a:moveTo>
                                  <a:pt x="0" y="276044"/>
                                </a:moveTo>
                                <a:lnTo>
                                  <a:pt x="1256547" y="276044"/>
                                </a:lnTo>
                                <a:lnTo>
                                  <a:pt x="1256547" y="0"/>
                                </a:lnTo>
                                <a:lnTo>
                                  <a:pt x="0" y="0"/>
                                </a:lnTo>
                                <a:close/>
                              </a:path>
                            </a:pathLst>
                          </a:custGeom>
                          <a:ln w="2125" cap="rnd">
                            <a:round/>
                          </a:ln>
                        </wps:spPr>
                        <wps:style>
                          <a:lnRef idx="1">
                            <a:srgbClr val="000000"/>
                          </a:lnRef>
                          <a:fillRef idx="0">
                            <a:srgbClr val="000000">
                              <a:alpha val="0"/>
                            </a:srgbClr>
                          </a:fillRef>
                          <a:effectRef idx="0">
                            <a:scrgbClr r="0" g="0" b="0"/>
                          </a:effectRef>
                          <a:fontRef idx="none"/>
                        </wps:style>
                        <wps:bodyPr/>
                      </wps:wsp>
                      <wps:wsp>
                        <wps:cNvPr id="7416" name="Rectangle 7416"/>
                        <wps:cNvSpPr/>
                        <wps:spPr>
                          <a:xfrm>
                            <a:off x="2889933" y="1849231"/>
                            <a:ext cx="1589845"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райвер фильтра шины</w:t>
                              </w:r>
                            </w:p>
                          </w:txbxContent>
                        </wps:txbx>
                        <wps:bodyPr horzOverflow="overflow" vert="horz" lIns="0" tIns="0" rIns="0" bIns="0" rtlCol="0">
                          <a:noAutofit/>
                        </wps:bodyPr>
                      </wps:wsp>
                      <wps:wsp>
                        <wps:cNvPr id="69503" name="Shape 69503"/>
                        <wps:cNvSpPr/>
                        <wps:spPr>
                          <a:xfrm>
                            <a:off x="2859346" y="2258586"/>
                            <a:ext cx="1256547" cy="276043"/>
                          </a:xfrm>
                          <a:custGeom>
                            <a:avLst/>
                            <a:gdLst/>
                            <a:ahLst/>
                            <a:cxnLst/>
                            <a:rect l="0" t="0" r="0" b="0"/>
                            <a:pathLst>
                              <a:path w="1256547" h="276043">
                                <a:moveTo>
                                  <a:pt x="0" y="0"/>
                                </a:moveTo>
                                <a:lnTo>
                                  <a:pt x="1256547" y="0"/>
                                </a:lnTo>
                                <a:lnTo>
                                  <a:pt x="1256547" y="276043"/>
                                </a:lnTo>
                                <a:lnTo>
                                  <a:pt x="0" y="276043"/>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7418" name="Shape 7418"/>
                        <wps:cNvSpPr/>
                        <wps:spPr>
                          <a:xfrm>
                            <a:off x="2859346" y="2258586"/>
                            <a:ext cx="1256547" cy="276043"/>
                          </a:xfrm>
                          <a:custGeom>
                            <a:avLst/>
                            <a:gdLst/>
                            <a:ahLst/>
                            <a:cxnLst/>
                            <a:rect l="0" t="0" r="0" b="0"/>
                            <a:pathLst>
                              <a:path w="1256547" h="276043">
                                <a:moveTo>
                                  <a:pt x="0" y="276043"/>
                                </a:moveTo>
                                <a:lnTo>
                                  <a:pt x="1256547" y="276043"/>
                                </a:lnTo>
                                <a:lnTo>
                                  <a:pt x="1256547" y="0"/>
                                </a:lnTo>
                                <a:lnTo>
                                  <a:pt x="0" y="0"/>
                                </a:lnTo>
                                <a:close/>
                              </a:path>
                            </a:pathLst>
                          </a:custGeom>
                          <a:ln w="2125" cap="rnd">
                            <a:round/>
                          </a:ln>
                        </wps:spPr>
                        <wps:style>
                          <a:lnRef idx="1">
                            <a:srgbClr val="000000"/>
                          </a:lnRef>
                          <a:fillRef idx="0">
                            <a:srgbClr val="000000">
                              <a:alpha val="0"/>
                            </a:srgbClr>
                          </a:fillRef>
                          <a:effectRef idx="0">
                            <a:scrgbClr r="0" g="0" b="0"/>
                          </a:effectRef>
                          <a:fontRef idx="none"/>
                        </wps:style>
                        <wps:bodyPr/>
                      </wps:wsp>
                      <wps:wsp>
                        <wps:cNvPr id="7419" name="Rectangle 7419"/>
                        <wps:cNvSpPr/>
                        <wps:spPr>
                          <a:xfrm>
                            <a:off x="3120532" y="2351139"/>
                            <a:ext cx="976583" cy="13280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райвер шины</w:t>
                              </w:r>
                            </w:p>
                          </w:txbxContent>
                        </wps:txbx>
                        <wps:bodyPr horzOverflow="overflow" vert="horz" lIns="0" tIns="0" rIns="0" bIns="0" rtlCol="0">
                          <a:noAutofit/>
                        </wps:bodyPr>
                      </wps:wsp>
                      <wps:wsp>
                        <wps:cNvPr id="7420" name="Shape 7420"/>
                        <wps:cNvSpPr/>
                        <wps:spPr>
                          <a:xfrm>
                            <a:off x="2105400" y="388997"/>
                            <a:ext cx="753946" cy="0"/>
                          </a:xfrm>
                          <a:custGeom>
                            <a:avLst/>
                            <a:gdLst/>
                            <a:ahLst/>
                            <a:cxnLst/>
                            <a:rect l="0" t="0" r="0" b="0"/>
                            <a:pathLst>
                              <a:path w="753946">
                                <a:moveTo>
                                  <a:pt x="753946" y="0"/>
                                </a:moveTo>
                                <a:lnTo>
                                  <a:pt x="0" y="0"/>
                                </a:lnTo>
                              </a:path>
                            </a:pathLst>
                          </a:custGeom>
                          <a:ln w="10624" cap="rnd">
                            <a:round/>
                          </a:ln>
                        </wps:spPr>
                        <wps:style>
                          <a:lnRef idx="1">
                            <a:srgbClr val="000000"/>
                          </a:lnRef>
                          <a:fillRef idx="0">
                            <a:srgbClr val="000000">
                              <a:alpha val="0"/>
                            </a:srgbClr>
                          </a:fillRef>
                          <a:effectRef idx="0">
                            <a:scrgbClr r="0" g="0" b="0"/>
                          </a:effectRef>
                          <a:fontRef idx="none"/>
                        </wps:style>
                        <wps:bodyPr/>
                      </wps:wsp>
                      <wps:wsp>
                        <wps:cNvPr id="7421" name="Shape 7421"/>
                        <wps:cNvSpPr/>
                        <wps:spPr>
                          <a:xfrm>
                            <a:off x="2104602" y="878388"/>
                            <a:ext cx="754744" cy="0"/>
                          </a:xfrm>
                          <a:custGeom>
                            <a:avLst/>
                            <a:gdLst/>
                            <a:ahLst/>
                            <a:cxnLst/>
                            <a:rect l="0" t="0" r="0" b="0"/>
                            <a:pathLst>
                              <a:path w="754744">
                                <a:moveTo>
                                  <a:pt x="754744" y="0"/>
                                </a:moveTo>
                                <a:lnTo>
                                  <a:pt x="0" y="0"/>
                                </a:lnTo>
                              </a:path>
                            </a:pathLst>
                          </a:custGeom>
                          <a:ln w="10624" cap="rnd">
                            <a:round/>
                          </a:ln>
                        </wps:spPr>
                        <wps:style>
                          <a:lnRef idx="1">
                            <a:srgbClr val="000000"/>
                          </a:lnRef>
                          <a:fillRef idx="0">
                            <a:srgbClr val="000000">
                              <a:alpha val="0"/>
                            </a:srgbClr>
                          </a:fillRef>
                          <a:effectRef idx="0">
                            <a:scrgbClr r="0" g="0" b="0"/>
                          </a:effectRef>
                          <a:fontRef idx="none"/>
                        </wps:style>
                        <wps:bodyPr/>
                      </wps:wsp>
                      <wps:wsp>
                        <wps:cNvPr id="7422" name="Shape 7422"/>
                        <wps:cNvSpPr/>
                        <wps:spPr>
                          <a:xfrm>
                            <a:off x="2081286" y="1392831"/>
                            <a:ext cx="778061" cy="0"/>
                          </a:xfrm>
                          <a:custGeom>
                            <a:avLst/>
                            <a:gdLst/>
                            <a:ahLst/>
                            <a:cxnLst/>
                            <a:rect l="0" t="0" r="0" b="0"/>
                            <a:pathLst>
                              <a:path w="778061">
                                <a:moveTo>
                                  <a:pt x="778061" y="0"/>
                                </a:moveTo>
                                <a:lnTo>
                                  <a:pt x="0" y="0"/>
                                </a:lnTo>
                              </a:path>
                            </a:pathLst>
                          </a:custGeom>
                          <a:ln w="10624" cap="rnd">
                            <a:round/>
                          </a:ln>
                        </wps:spPr>
                        <wps:style>
                          <a:lnRef idx="1">
                            <a:srgbClr val="000000"/>
                          </a:lnRef>
                          <a:fillRef idx="0">
                            <a:srgbClr val="000000">
                              <a:alpha val="0"/>
                            </a:srgbClr>
                          </a:fillRef>
                          <a:effectRef idx="0">
                            <a:scrgbClr r="0" g="0" b="0"/>
                          </a:effectRef>
                          <a:fontRef idx="none"/>
                        </wps:style>
                        <wps:bodyPr/>
                      </wps:wsp>
                      <wps:wsp>
                        <wps:cNvPr id="7423" name="Shape 7423"/>
                        <wps:cNvSpPr/>
                        <wps:spPr>
                          <a:xfrm>
                            <a:off x="2103894" y="1894704"/>
                            <a:ext cx="755453" cy="0"/>
                          </a:xfrm>
                          <a:custGeom>
                            <a:avLst/>
                            <a:gdLst/>
                            <a:ahLst/>
                            <a:cxnLst/>
                            <a:rect l="0" t="0" r="0" b="0"/>
                            <a:pathLst>
                              <a:path w="755453">
                                <a:moveTo>
                                  <a:pt x="755453" y="0"/>
                                </a:moveTo>
                                <a:lnTo>
                                  <a:pt x="0" y="0"/>
                                </a:lnTo>
                              </a:path>
                            </a:pathLst>
                          </a:custGeom>
                          <a:ln w="10624" cap="rnd">
                            <a:round/>
                          </a:ln>
                        </wps:spPr>
                        <wps:style>
                          <a:lnRef idx="1">
                            <a:srgbClr val="000000"/>
                          </a:lnRef>
                          <a:fillRef idx="0">
                            <a:srgbClr val="000000">
                              <a:alpha val="0"/>
                            </a:srgbClr>
                          </a:fillRef>
                          <a:effectRef idx="0">
                            <a:scrgbClr r="0" g="0" b="0"/>
                          </a:effectRef>
                          <a:fontRef idx="none"/>
                        </wps:style>
                        <wps:bodyPr/>
                      </wps:wsp>
                      <wps:wsp>
                        <wps:cNvPr id="7424" name="Shape 7424"/>
                        <wps:cNvSpPr/>
                        <wps:spPr>
                          <a:xfrm>
                            <a:off x="2098663" y="2396612"/>
                            <a:ext cx="760684" cy="0"/>
                          </a:xfrm>
                          <a:custGeom>
                            <a:avLst/>
                            <a:gdLst/>
                            <a:ahLst/>
                            <a:cxnLst/>
                            <a:rect l="0" t="0" r="0" b="0"/>
                            <a:pathLst>
                              <a:path w="760684">
                                <a:moveTo>
                                  <a:pt x="760684" y="0"/>
                                </a:moveTo>
                                <a:lnTo>
                                  <a:pt x="0" y="0"/>
                                </a:lnTo>
                              </a:path>
                            </a:pathLst>
                          </a:custGeom>
                          <a:ln w="10624" cap="rnd">
                            <a:round/>
                          </a:ln>
                        </wps:spPr>
                        <wps:style>
                          <a:lnRef idx="1">
                            <a:srgbClr val="000000"/>
                          </a:lnRef>
                          <a:fillRef idx="0">
                            <a:srgbClr val="000000">
                              <a:alpha val="0"/>
                            </a:srgbClr>
                          </a:fillRef>
                          <a:effectRef idx="0">
                            <a:scrgbClr r="0" g="0" b="0"/>
                          </a:effectRef>
                          <a:fontRef idx="none"/>
                        </wps:style>
                        <wps:bodyPr/>
                      </wps:wsp>
                      <wps:wsp>
                        <wps:cNvPr id="7425" name="Shape 7425"/>
                        <wps:cNvSpPr/>
                        <wps:spPr>
                          <a:xfrm>
                            <a:off x="346191" y="627407"/>
                            <a:ext cx="251318" cy="250981"/>
                          </a:xfrm>
                          <a:custGeom>
                            <a:avLst/>
                            <a:gdLst/>
                            <a:ahLst/>
                            <a:cxnLst/>
                            <a:rect l="0" t="0" r="0" b="0"/>
                            <a:pathLst>
                              <a:path w="251318" h="250981">
                                <a:moveTo>
                                  <a:pt x="125664" y="0"/>
                                </a:moveTo>
                                <a:cubicBezTo>
                                  <a:pt x="195056" y="0"/>
                                  <a:pt x="251318" y="56216"/>
                                  <a:pt x="251318" y="125446"/>
                                </a:cubicBezTo>
                                <a:cubicBezTo>
                                  <a:pt x="251318" y="194764"/>
                                  <a:pt x="195056" y="250981"/>
                                  <a:pt x="125655" y="250981"/>
                                </a:cubicBezTo>
                                <a:cubicBezTo>
                                  <a:pt x="56262" y="250981"/>
                                  <a:pt x="0" y="194764"/>
                                  <a:pt x="0" y="125446"/>
                                </a:cubicBezTo>
                                <a:cubicBezTo>
                                  <a:pt x="0" y="56216"/>
                                  <a:pt x="56262" y="0"/>
                                  <a:pt x="125664"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7426" name="Shape 7426"/>
                        <wps:cNvSpPr/>
                        <wps:spPr>
                          <a:xfrm>
                            <a:off x="346191" y="627407"/>
                            <a:ext cx="251318" cy="250981"/>
                          </a:xfrm>
                          <a:custGeom>
                            <a:avLst/>
                            <a:gdLst/>
                            <a:ahLst/>
                            <a:cxnLst/>
                            <a:rect l="0" t="0" r="0" b="0"/>
                            <a:pathLst>
                              <a:path w="251318" h="250981">
                                <a:moveTo>
                                  <a:pt x="251318" y="125446"/>
                                </a:moveTo>
                                <a:cubicBezTo>
                                  <a:pt x="251318" y="56216"/>
                                  <a:pt x="195056" y="0"/>
                                  <a:pt x="125664" y="0"/>
                                </a:cubicBezTo>
                                <a:cubicBezTo>
                                  <a:pt x="56262" y="0"/>
                                  <a:pt x="0" y="56216"/>
                                  <a:pt x="0" y="125446"/>
                                </a:cubicBezTo>
                                <a:cubicBezTo>
                                  <a:pt x="0" y="194764"/>
                                  <a:pt x="56262" y="250981"/>
                                  <a:pt x="125655" y="250981"/>
                                </a:cubicBezTo>
                                <a:cubicBezTo>
                                  <a:pt x="195056" y="250981"/>
                                  <a:pt x="251318" y="194764"/>
                                  <a:pt x="251318" y="125446"/>
                                </a:cubicBezTo>
                                <a:close/>
                              </a:path>
                            </a:pathLst>
                          </a:custGeom>
                          <a:ln w="6374" cap="rnd">
                            <a:round/>
                          </a:ln>
                        </wps:spPr>
                        <wps:style>
                          <a:lnRef idx="1">
                            <a:srgbClr val="000000"/>
                          </a:lnRef>
                          <a:fillRef idx="0">
                            <a:srgbClr val="000000">
                              <a:alpha val="0"/>
                            </a:srgbClr>
                          </a:fillRef>
                          <a:effectRef idx="0">
                            <a:scrgbClr r="0" g="0" b="0"/>
                          </a:effectRef>
                          <a:fontRef idx="none"/>
                        </wps:style>
                        <wps:bodyPr/>
                      </wps:wsp>
                      <wps:wsp>
                        <wps:cNvPr id="7427" name="Rectangle 7427"/>
                        <wps:cNvSpPr/>
                        <wps:spPr>
                          <a:xfrm>
                            <a:off x="383179" y="688579"/>
                            <a:ext cx="235878" cy="157545"/>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IRP</w:t>
                              </w:r>
                            </w:p>
                          </w:txbxContent>
                        </wps:txbx>
                        <wps:bodyPr horzOverflow="overflow" vert="horz" lIns="0" tIns="0" rIns="0" bIns="0" rtlCol="0">
                          <a:noAutofit/>
                        </wps:bodyPr>
                      </wps:wsp>
                      <wps:wsp>
                        <wps:cNvPr id="7428" name="Shape 7428"/>
                        <wps:cNvSpPr/>
                        <wps:spPr>
                          <a:xfrm>
                            <a:off x="466828" y="878299"/>
                            <a:ext cx="0" cy="913268"/>
                          </a:xfrm>
                          <a:custGeom>
                            <a:avLst/>
                            <a:gdLst/>
                            <a:ahLst/>
                            <a:cxnLst/>
                            <a:rect l="0" t="0" r="0" b="0"/>
                            <a:pathLst>
                              <a:path h="913268">
                                <a:moveTo>
                                  <a:pt x="0" y="0"/>
                                </a:moveTo>
                                <a:lnTo>
                                  <a:pt x="0" y="913268"/>
                                </a:lnTo>
                              </a:path>
                            </a:pathLst>
                          </a:custGeom>
                          <a:ln w="10624" cap="rnd">
                            <a:round/>
                          </a:ln>
                        </wps:spPr>
                        <wps:style>
                          <a:lnRef idx="1">
                            <a:srgbClr val="000000"/>
                          </a:lnRef>
                          <a:fillRef idx="0">
                            <a:srgbClr val="000000">
                              <a:alpha val="0"/>
                            </a:srgbClr>
                          </a:fillRef>
                          <a:effectRef idx="0">
                            <a:scrgbClr r="0" g="0" b="0"/>
                          </a:effectRef>
                          <a:fontRef idx="none"/>
                        </wps:style>
                        <wps:bodyPr/>
                      </wps:wsp>
                      <wps:wsp>
                        <wps:cNvPr id="7429" name="Shape 7429"/>
                        <wps:cNvSpPr/>
                        <wps:spPr>
                          <a:xfrm>
                            <a:off x="433847" y="1783334"/>
                            <a:ext cx="65961" cy="98799"/>
                          </a:xfrm>
                          <a:custGeom>
                            <a:avLst/>
                            <a:gdLst/>
                            <a:ahLst/>
                            <a:cxnLst/>
                            <a:rect l="0" t="0" r="0" b="0"/>
                            <a:pathLst>
                              <a:path w="65961" h="98799">
                                <a:moveTo>
                                  <a:pt x="0" y="0"/>
                                </a:moveTo>
                                <a:lnTo>
                                  <a:pt x="65961" y="0"/>
                                </a:lnTo>
                                <a:lnTo>
                                  <a:pt x="32981" y="9879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430" name="Rectangle 7430"/>
                        <wps:cNvSpPr/>
                        <wps:spPr>
                          <a:xfrm>
                            <a:off x="126860" y="230295"/>
                            <a:ext cx="355365" cy="13281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Узел </w:t>
                              </w:r>
                            </w:p>
                          </w:txbxContent>
                        </wps:txbx>
                        <wps:bodyPr horzOverflow="overflow" vert="horz" lIns="0" tIns="0" rIns="0" bIns="0" rtlCol="0">
                          <a:noAutofit/>
                        </wps:bodyPr>
                      </wps:wsp>
                      <wps:wsp>
                        <wps:cNvPr id="7431" name="Rectangle 7431"/>
                        <wps:cNvSpPr/>
                        <wps:spPr>
                          <a:xfrm>
                            <a:off x="0" y="357777"/>
                            <a:ext cx="653439" cy="13281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устройств</w:t>
                              </w:r>
                            </w:p>
                          </w:txbxContent>
                        </wps:txbx>
                        <wps:bodyPr horzOverflow="overflow" vert="horz" lIns="0" tIns="0" rIns="0" bIns="0" rtlCol="0">
                          <a:noAutofit/>
                        </wps:bodyPr>
                      </wps:wsp>
                      <wps:wsp>
                        <wps:cNvPr id="7432" name="Rectangle 7432"/>
                        <wps:cNvSpPr/>
                        <wps:spPr>
                          <a:xfrm>
                            <a:off x="4135416" y="2737105"/>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inline>
            </w:drawing>
          </mc:Choice>
          <mc:Fallback>
            <w:pict>
              <v:group id="Group 63610" o:spid="_x0000_s3082" style="width:329.15pt;height:225.35pt;mso-position-horizontal-relative:char;mso-position-vertical-relative:line" coordsize="41804,2861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">
                <v:shape id="Shape 7363" o:spid="_x0000_s3083" style="position:absolute;left:1451;width:25885;height:28106;visibility:visible;mso-wrap-style:square;v-text-anchor:top" coordsize="2588488,28106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" path="m2588488,1405403c2588488,629266,2009109,,1294262,,579467,,,629266,,1405314v,776181,579458,1405360,1294262,1405360c2009109,2810674,2588488,2181495,2588488,1405403xe" filled="f" strokeweight=".17706mm">
                  <v:stroke endcap="round"/>
                  <v:path arrowok="t" textboxrect="0,0,2588488,2810674"/>
                </v:shape>
                <v:shape id="Shape 7364" o:spid="_x0000_s3084" style="position:absolute;left:7734;top:2007;width:13320;height:3765;visibility:visible;mso-wrap-style:square;v-text-anchor:top" coordsize="1331994,3764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" path="m665997,v367841,,665997,84280,665997,188213c1331994,292147,1033838,376427,665997,376427,298156,376427,,292147,,188213,,84280,298156,,665997,xe" fillcolor="#f2f2f2" stroked="f" strokeweight="0">
                  <v:stroke endcap="round"/>
                  <v:path arrowok="t" textboxrect="0,0,1331994,376427"/>
                </v:shape>
                <v:shape id="Shape 7365" o:spid="_x0000_s3085" style="position:absolute;left:7734;top:2007;width:13320;height:3765;visibility:visible;mso-wrap-style:square;v-text-anchor:top" coordsize="1331994,3764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" path="m1331994,188213c1331994,84280,1033838,,665997,,298156,,,84280,,188213,,292147,298156,376427,665997,376427v367841,,665997,-84280,665997,-188214xe" filled="f" strokeweight=".17706mm">
                  <v:stroke endcap="round"/>
                  <v:path arrowok="t" textboxrect="0,0,1331994,376427"/>
                </v:shape>
                <v:rect id="Rectangle 7366" o:spid="_x0000_s3086" style="position:absolute;left:8522;top:3435;width:11375;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Объ</w:t>
                        </w:r>
                        <w:r>
                          <w:rPr>
                            <w:rFonts w:ascii="Arial" w:eastAsia="Arial" w:hAnsi="Arial" w:cs="Arial"/>
                            <w:sz w:val="17"/>
                          </w:rPr>
                          <w:t xml:space="preserve">ект фильтра </w:t>
                        </w:r>
                      </w:p>
                    </w:txbxContent>
                  </v:textbox>
                </v:rect>
                <v:rect id="Rectangle 7367" o:spid="_x0000_s3087" style="position:absolute;left:17075;top:3247;width:471;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7368" o:spid="_x0000_s3088" style="position:absolute;left:17429;top:3247;width:3301;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7"/>
                          </w:rPr>
                          <w:t>FiDO</w:t>
                        </w:r>
                        <w:proofErr w:type="spellEnd"/>
                      </w:p>
                    </w:txbxContent>
                  </v:textbox>
                </v:rect>
                <v:rect id="Rectangle 7369" o:spid="_x0000_s3089" style="position:absolute;left:19911;top:3247;width:471;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shape id="Shape 7370" o:spid="_x0000_s3090" style="position:absolute;left:7953;top:6274;width:13101;height:5270;visibility:visible;mso-wrap-style:square;v-text-anchor:top" coordsize="1310007,5270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" path="m655004,v361724,,655003,118010,655003,263464c1310007,409005,1016728,527015,655004,527015,293280,527015,,409005,,263464,,118010,293280,,655004,xe" fillcolor="#f2f2f2" stroked="f" strokeweight="0">
                  <v:stroke endcap="round"/>
                  <v:path arrowok="t" textboxrect="0,0,1310007,527015"/>
                </v:shape>
                <v:shape id="Shape 7371" o:spid="_x0000_s3091" style="position:absolute;left:7953;top:6274;width:13101;height:5270;visibility:visible;mso-wrap-style:square;v-text-anchor:top" coordsize="1310007,5270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" path="m1310007,263464c1310007,118010,1016728,,655004,,293280,,,118010,,263464,,409005,293280,527015,655004,527015v361724,,655003,-118010,655003,-263551xe" filled="f" strokeweight=".17706mm">
                  <v:stroke endcap="round"/>
                  <v:path arrowok="t" textboxrect="0,0,1310007,527015"/>
                </v:shape>
                <v:rect id="Rectangle 7372" o:spid="_x0000_s3092" style="position:absolute;left:12681;top:7179;width:5243;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Объект </w:t>
                        </w:r>
                      </w:p>
                    </w:txbxContent>
                  </v:textbox>
                </v:rect>
                <v:rect id="Rectangle 7373" o:spid="_x0000_s3093" style="position:absolute;left:10017;top:8453;width:787;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7374" o:spid="_x0000_s3094" style="position:absolute;left:10609;top:8453;width:11540;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функциональное </w:t>
                        </w:r>
                      </w:p>
                    </w:txbxContent>
                  </v:textbox>
                </v:rect>
                <v:rect id="Rectangle 7375" o:spid="_x0000_s3095" style="position:absolute;left:9830;top:9728;width:7322;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устройство</w:t>
                        </w:r>
                      </w:p>
                    </w:txbxContent>
                  </v:textbox>
                </v:rect>
                <v:rect id="Rectangle 7376" o:spid="_x0000_s3096" style="position:absolute;left:15335;top:9728;width:1180;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7377" o:spid="_x0000_s3097" style="position:absolute;left:16223;top:9540;width:471;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7378" o:spid="_x0000_s3098" style="position:absolute;left:16577;top:9540;width:2987;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FDO</w:t>
                        </w:r>
                      </w:p>
                    </w:txbxContent>
                  </v:textbox>
                </v:rect>
                <v:rect id="Rectangle 7379" o:spid="_x0000_s3099" style="position:absolute;left:18823;top:9540;width:471;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shape id="Shape 7380" o:spid="_x0000_s3100" style="position:absolute;left:7734;top:12548;width:13320;height:3764;visibility:visible;mso-wrap-style:square;v-text-anchor:top" coordsize="1331994,3764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" path="m665997,v367841,,665997,84280,665997,188213c1331994,292147,1033838,376427,665997,376427,298156,376427,,292147,,188213,,84280,298156,,665997,xe" fillcolor="#f2f2f2" stroked="f" strokeweight="0">
                  <v:stroke endcap="round"/>
                  <v:path arrowok="t" textboxrect="0,0,1331994,376427"/>
                </v:shape>
                <v:shape id="Shape 7381" o:spid="_x0000_s3101" style="position:absolute;left:7734;top:12548;width:13320;height:3764;visibility:visible;mso-wrap-style:square;v-text-anchor:top" coordsize="1331994,3764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" path="m1331994,188213c1331994,84280,1033838,,665997,,298156,,,84280,,188213,,292147,298156,376427,665997,376427v367841,,665997,-84280,665997,-188214xe" filled="f" strokeweight=".17706mm">
                  <v:stroke endcap="round"/>
                  <v:path arrowok="t" textboxrect="0,0,1331994,376427"/>
                </v:shape>
                <v:rect id="Rectangle 7382" o:spid="_x0000_s3102" style="position:absolute;left:8522;top:13975;width:11375;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Объект фильтра </w:t>
                        </w:r>
                      </w:p>
                    </w:txbxContent>
                  </v:textbox>
                </v:rect>
                <v:rect id="Rectangle 7383" o:spid="_x0000_s3103" style="position:absolute;left:17075;top:13787;width:471;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7384" o:spid="_x0000_s3104" style="position:absolute;left:17429;top:13787;width:3301;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7"/>
                          </w:rPr>
                          <w:t>FiDO</w:t>
                        </w:r>
                        <w:proofErr w:type="spellEnd"/>
                      </w:p>
                    </w:txbxContent>
                  </v:textbox>
                </v:rect>
                <v:rect id="Rectangle 7385" o:spid="_x0000_s3105" style="position:absolute;left:19911;top:13787;width:471;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shape id="Shape 7386" o:spid="_x0000_s3106" style="position:absolute;left:7734;top:16939;width:13320;height:3764;visibility:visible;mso-wrap-style:square;v-text-anchor:top" coordsize="1331994,37645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" path="m665997,v367841,,665997,84280,665997,188213c1331994,292191,1033838,376454,665997,376454,298156,376454,,292191,,188213,,84280,298156,,665997,xe" fillcolor="#f2f2f2" stroked="f" strokeweight="0">
                  <v:stroke endcap="round"/>
                  <v:path arrowok="t" textboxrect="0,0,1331994,376454"/>
                </v:shape>
                <v:shape id="Shape 7387" o:spid="_x0000_s3107" style="position:absolute;left:7734;top:16939;width:13320;height:3764;visibility:visible;mso-wrap-style:square;v-text-anchor:top" coordsize="1331994,37645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" path="m1331994,188213c1331994,84280,1033838,,665997,,298156,,,84280,,188213,,292191,298156,376454,665997,376454v367841,,665997,-84263,665997,-188241xe" filled="f" strokeweight=".17706mm">
                  <v:stroke endcap="round"/>
                  <v:path arrowok="t" textboxrect="0,0,1331994,376454"/>
                </v:shape>
                <v:rect id="Rectangle 7388" o:spid="_x0000_s3108" style="position:absolute;left:8522;top:18366;width:11375;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Объект фильтра </w:t>
                        </w:r>
                      </w:p>
                    </w:txbxContent>
                  </v:textbox>
                </v:rect>
                <v:rect id="Rectangle 7389" o:spid="_x0000_s3109" style="position:absolute;left:17075;top:18178;width:471;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7390" o:spid="_x0000_s3110" style="position:absolute;left:17429;top:18178;width:3301;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7"/>
                          </w:rPr>
                          <w:t>FiDO</w:t>
                        </w:r>
                        <w:proofErr w:type="spellEnd"/>
                      </w:p>
                    </w:txbxContent>
                  </v:textbox>
                </v:rect>
                <v:rect id="Rectangle 7391" o:spid="_x0000_s3111" style="position:absolute;left:19911;top:18178;width:471;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shape id="Shape 7392" o:spid="_x0000_s3112" style="position:absolute;left:7953;top:21707;width:13101;height:5270;visibility:visible;mso-wrap-style:square;v-text-anchor:top" coordsize="1310007,526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" path="m655004,v361724,,655003,117966,655003,263490l1310007,263499v,145524,-293279,263490,-655003,263490c293280,526989,,409023,,263490,,117966,293280,,655004,xe" fillcolor="#f2f2f2" stroked="f" strokeweight="0">
                  <v:stroke endcap="round"/>
                  <v:path arrowok="t" textboxrect="0,0,1310007,526989"/>
                </v:shape>
                <v:shape id="Shape 7393" o:spid="_x0000_s3113" style="position:absolute;left:7953;top:21707;width:13101;height:5270;visibility:visible;mso-wrap-style:square;v-text-anchor:top" coordsize="1310007,526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" path="m1310007,263490c1310007,117966,1016728,,655004,,293280,,,117966,,263490,,409023,293280,526989,655004,526989v361724,,655003,-117966,655003,-263490l1310007,263490xe" filled="f" strokeweight=".17706mm">
                  <v:stroke endcap="round"/>
                  <v:path arrowok="t" textboxrect="0,0,1310007,526989"/>
                </v:shape>
                <v:rect id="Rectangle 7394" o:spid="_x0000_s3114" style="position:absolute;left:9297;top:23250;width:5243;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Объект </w:t>
                        </w:r>
                      </w:p>
                    </w:txbxContent>
                  </v:textbox>
                </v:rect>
                <v:rect id="Rectangle 7395" o:spid="_x0000_s3115" style="position:absolute;left:13239;top:23250;width:787;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7396" o:spid="_x0000_s3116" style="position:absolute;left:13831;top:23250;width:8212;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физическое </w:t>
                        </w:r>
                      </w:p>
                    </w:txbxContent>
                  </v:textbox>
                </v:rect>
                <v:rect id="Rectangle 7397" o:spid="_x0000_s3117" style="position:absolute;left:9830;top:24525;width:7322;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устройство</w:t>
                        </w:r>
                      </w:p>
                    </w:txbxContent>
                  </v:textbox>
                </v:rect>
                <v:rect id="Rectangle 7398" o:spid="_x0000_s3118" style="position:absolute;left:15335;top:24525;width:1180;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7399" o:spid="_x0000_s3119" style="position:absolute;left:16223;top:24337;width:471;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7400" o:spid="_x0000_s3120" style="position:absolute;left:16577;top:24337;width:2987;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FDO</w:t>
                        </w:r>
                      </w:p>
                    </w:txbxContent>
                  </v:textbox>
                </v:rect>
                <v:rect id="Rectangle 7401" o:spid="_x0000_s3121" style="position:absolute;left:18823;top:24337;width:471;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shape id="Shape 69499" o:spid="_x0000_s3122" style="position:absolute;left:28593;top:2509;width:12565;height:2761;visibility:visible;mso-wrap-style:square;v-text-anchor:top" coordsize="1256547,2760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" path="m,l1256547,r,276044l,276044,,e" fillcolor="#f2f2f2" stroked="f" strokeweight="0">
                  <v:stroke endcap="round"/>
                  <v:path arrowok="t" textboxrect="0,0,1256547,276044"/>
                </v:shape>
                <v:shape id="Shape 7403" o:spid="_x0000_s3123" style="position:absolute;left:28593;top:2509;width:12565;height:2761;visibility:visible;mso-wrap-style:square;v-text-anchor:top" coordsize="1256547,2760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" path="m,276044r1256547,l1256547,,,,,276044xe" filled="f" strokeweight=".05903mm">
                  <v:stroke endcap="round"/>
                  <v:path arrowok="t" textboxrect="0,0,1256547,276044"/>
                </v:shape>
                <v:rect id="Rectangle 7404" o:spid="_x0000_s3124" style="position:absolute;left:30208;top:2797;width:12416;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Высокоуровневый </w:t>
                        </w:r>
                      </w:p>
                    </w:txbxContent>
                  </v:textbox>
                </v:rect>
                <v:rect id="Rectangle 7405" o:spid="_x0000_s3125" style="position:absolute;left:30496;top:4072;width:11648;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драйвер фильтра</w:t>
                        </w:r>
                      </w:p>
                    </w:txbxContent>
                  </v:textbox>
                </v:rect>
                <v:shape id="Shape 69500" o:spid="_x0000_s3126" style="position:absolute;left:28593;top:7403;width:12565;height:2761;visibility:visible;mso-wrap-style:square;v-text-anchor:top" coordsize="1256547,2760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" path="m,l1256547,r,276043l,276043,,e" fillcolor="#f2f2f2" stroked="f" strokeweight="0">
                  <v:stroke endcap="round"/>
                  <v:path arrowok="t" textboxrect="0,0,1256547,276043"/>
                </v:shape>
                <v:shape id="Shape 7407" o:spid="_x0000_s3127" style="position:absolute;left:28593;top:7403;width:12565;height:2761;visibility:visible;mso-wrap-style:square;v-text-anchor:top" coordsize="1256547,2760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" path="m,276043r1256547,l1256547,,,,,276043xe" filled="f" strokeweight=".05903mm">
                  <v:stroke endcap="round"/>
                  <v:path arrowok="t" textboxrect="0,0,1256547,276043"/>
                </v:shape>
                <v:rect id="Rectangle 7408" o:spid="_x0000_s3128" style="position:absolute;left:30483;top:7691;width:11685;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Функциональный </w:t>
                        </w:r>
                      </w:p>
                    </w:txbxContent>
                  </v:textbox>
                </v:rect>
                <v:rect id="Rectangle 7409" o:spid="_x0000_s3129" style="position:absolute;left:32802;top:8966;width:5516;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драйвер</w:t>
                        </w:r>
                      </w:p>
                    </w:txbxContent>
                  </v:textbox>
                </v:rect>
                <v:shape id="Shape 69501" o:spid="_x0000_s3130" style="position:absolute;left:28593;top:12548;width:12565;height:2760;visibility:visible;mso-wrap-style:square;v-text-anchor:top" coordsize="1256547,2760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" path="m,l1256547,r,276044l,276044,,e" fillcolor="#f2f2f2" stroked="f" strokeweight="0">
                  <v:stroke endcap="round"/>
                  <v:path arrowok="t" textboxrect="0,0,1256547,276044"/>
                </v:shape>
                <v:shape id="Shape 7411" o:spid="_x0000_s3131" style="position:absolute;left:28593;top:12548;width:12565;height:2760;visibility:visible;mso-wrap-style:square;v-text-anchor:top" coordsize="1256547,2760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" path="m,276044r1256547,l1256547,,,,,276044xe" filled="f" strokeweight=".05903mm">
                  <v:stroke endcap="round"/>
                  <v:path arrowok="t" textboxrect="0,0,1256547,276044"/>
                </v:shape>
                <v:rect id="Rectangle 7412" o:spid="_x0000_s3132" style="position:absolute;left:30582;top:12836;width:11421;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Низкоуровневый </w:t>
                        </w:r>
                      </w:p>
                    </w:txbxContent>
                  </v:textbox>
                </v:rect>
                <v:rect id="Rectangle 7413" o:spid="_x0000_s3133" style="position:absolute;left:30496;top:14110;width:11648;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драйвер фильтра</w:t>
                        </w:r>
                      </w:p>
                    </w:txbxContent>
                  </v:textbox>
                </v:rect>
                <v:shape id="Shape 69502" o:spid="_x0000_s3134" style="position:absolute;left:28593;top:17566;width:12565;height:2761;visibility:visible;mso-wrap-style:square;v-text-anchor:top" coordsize="1256547,2760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" path="m,l1256547,r,276044l,276044,,e" fillcolor="#f2f2f2" stroked="f" strokeweight="0">
                  <v:stroke endcap="round"/>
                  <v:path arrowok="t" textboxrect="0,0,1256547,276044"/>
                </v:shape>
                <v:shape id="Shape 7415" o:spid="_x0000_s3135" style="position:absolute;left:28593;top:17566;width:12565;height:2761;visibility:visible;mso-wrap-style:square;v-text-anchor:top" coordsize="1256547,2760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" path="m,276044r1256547,l1256547,,,,,276044xe" filled="f" strokeweight=".05903mm">
                  <v:stroke endcap="round"/>
                  <v:path arrowok="t" textboxrect="0,0,1256547,276044"/>
                </v:shape>
                <v:rect id="Rectangle 7416" o:spid="_x0000_s3136" style="position:absolute;left:28899;top:18492;width:15898;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Драйвер фильтра шины</w:t>
                        </w:r>
                      </w:p>
                    </w:txbxContent>
                  </v:textbox>
                </v:rect>
                <v:shape id="Shape 69503" o:spid="_x0000_s3137" style="position:absolute;left:28593;top:22585;width:12565;height:2761;visibility:visible;mso-wrap-style:square;v-text-anchor:top" coordsize="1256547,2760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" path="m,l1256547,r,276043l,276043,,e" fillcolor="#f2f2f2" stroked="f" strokeweight="0">
                  <v:stroke endcap="round"/>
                  <v:path arrowok="t" textboxrect="0,0,1256547,276043"/>
                </v:shape>
                <v:shape id="Shape 7418" o:spid="_x0000_s3138" style="position:absolute;left:28593;top:22585;width:12565;height:2761;visibility:visible;mso-wrap-style:square;v-text-anchor:top" coordsize="1256547,2760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" path="m,276043r1256547,l1256547,,,,,276043xe" filled="f" strokeweight=".05903mm">
                  <v:stroke endcap="round"/>
                  <v:path arrowok="t" textboxrect="0,0,1256547,276043"/>
                </v:shape>
                <v:rect id="Rectangle 7419" o:spid="_x0000_s3139" style="position:absolute;left:31205;top:23511;width:9766;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Драйвер шины</w:t>
                        </w:r>
                      </w:p>
                    </w:txbxContent>
                  </v:textbox>
                </v:rect>
                <v:shape id="Shape 7420" o:spid="_x0000_s3140" style="position:absolute;left:21054;top:3889;width:7539;height:0;visibility:visible;mso-wrap-style:square;v-text-anchor:top" coordsize="75394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" path="m753946,l,e" filled="f" strokeweight=".29511mm">
                  <v:stroke endcap="round"/>
                  <v:path arrowok="t" textboxrect="0,0,753946,0"/>
                </v:shape>
                <v:shape id="Shape 7421" o:spid="_x0000_s3141" style="position:absolute;left:21046;top:8783;width:7547;height:0;visibility:visible;mso-wrap-style:square;v-text-anchor:top" coordsize="75474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" path="m754744,l,e" filled="f" strokeweight=".29511mm">
                  <v:stroke endcap="round"/>
                  <v:path arrowok="t" textboxrect="0,0,754744,0"/>
                </v:shape>
                <v:shape id="Shape 7422" o:spid="_x0000_s3142" style="position:absolute;left:20812;top:13928;width:7781;height:0;visibility:visible;mso-wrap-style:square;v-text-anchor:top" coordsize="77806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" path="m778061,l,e" filled="f" strokeweight=".29511mm">
                  <v:stroke endcap="round"/>
                  <v:path arrowok="t" textboxrect="0,0,778061,0"/>
                </v:shape>
                <v:shape id="Shape 7423" o:spid="_x0000_s3143" style="position:absolute;left:21038;top:18947;width:7555;height:0;visibility:visible;mso-wrap-style:square;v-text-anchor:top" coordsize="75545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" path="m755453,l,e" filled="f" strokeweight=".29511mm">
                  <v:stroke endcap="round"/>
                  <v:path arrowok="t" textboxrect="0,0,755453,0"/>
                </v:shape>
                <v:shape id="Shape 7424" o:spid="_x0000_s3144" style="position:absolute;left:20986;top:23966;width:7607;height:0;visibility:visible;mso-wrap-style:square;v-text-anchor:top" coordsize="76068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" path="m760684,l,e" filled="f" strokeweight=".29511mm">
                  <v:stroke endcap="round"/>
                  <v:path arrowok="t" textboxrect="0,0,760684,0"/>
                </v:shape>
                <v:shape id="Shape 7425" o:spid="_x0000_s3145" style="position:absolute;left:3461;top:6274;width:2514;height:2509;visibility:visible;mso-wrap-style:square;v-text-anchor:top" coordsize="251318,2509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" path="m125664,v69392,,125654,56216,125654,125446c251318,194764,195056,250981,125655,250981,56262,250981,,194764,,125446,,56216,56262,,125664,xe" fillcolor="#f2f2f2" stroked="f" strokeweight="0">
                  <v:stroke endcap="round"/>
                  <v:path arrowok="t" textboxrect="0,0,251318,250981"/>
                </v:shape>
                <v:shape id="Shape 7426" o:spid="_x0000_s3146" style="position:absolute;left:3461;top:6274;width:2514;height:2509;visibility:visible;mso-wrap-style:square;v-text-anchor:top" coordsize="251318,2509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" path="m251318,125446c251318,56216,195056,,125664,,56262,,,56216,,125446v,69318,56262,125535,125655,125535c195056,250981,251318,194764,251318,125446xe" filled="f" strokeweight=".17706mm">
                  <v:stroke endcap="round"/>
                  <v:path arrowok="t" textboxrect="0,0,251318,250981"/>
                </v:shape>
                <v:rect id="Rectangle 7427" o:spid="_x0000_s3147" style="position:absolute;left:3831;top:6885;width:2359;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IRP</w:t>
                        </w:r>
                      </w:p>
                    </w:txbxContent>
                  </v:textbox>
                </v:rect>
                <v:shape id="Shape 7428" o:spid="_x0000_s3148" style="position:absolute;left:4668;top:8782;width:0;height:9133;visibility:visible;mso-wrap-style:square;v-text-anchor:top" coordsize="0,9132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" path="m,l,913268e" filled="f" strokeweight=".29511mm">
                  <v:stroke endcap="round"/>
                  <v:path arrowok="t" textboxrect="0,0,0,913268"/>
                </v:shape>
                <v:shape id="Shape 7429" o:spid="_x0000_s3149" style="position:absolute;left:4338;top:17833;width:660;height:988;visibility:visible;mso-wrap-style:square;v-text-anchor:top" coordsize="65961,987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" path="m,l65961,,32981,98799,,xe" fillcolor="black" stroked="f" strokeweight="0">
                  <v:stroke endcap="round"/>
                  <v:path arrowok="t" textboxrect="0,0,65961,98799"/>
                </v:shape>
                <v:rect id="Rectangle 7430" o:spid="_x0000_s3150" style="position:absolute;left:1268;top:2302;width:3554;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Узел </w:t>
                        </w:r>
                      </w:p>
                    </w:txbxContent>
                  </v:textbox>
                </v:rect>
                <v:rect id="Rectangle 7431" o:spid="_x0000_s3151" style="position:absolute;top:3577;width:6534;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устройств</w:t>
                        </w:r>
                      </w:p>
                    </w:txbxContent>
                  </v:textbox>
                </v:rect>
                <v:rect id="Rectangle 7432" o:spid="_x0000_s3152" style="position:absolute;left:41354;top:27371;width:599;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" filled="f" stroked="f">
                  <v:textbox inset="0,0,0,0">
                    <w:txbxContent>
                      <w:p w:rsidR="0043064D" w:rsidRDefault="008B3C4B">
                        <w:pPr>
                          <w:spacing w:after="160" w:line="259" w:lineRule="auto"/>
                          <w:ind w:left="0" w:firstLine="0"/>
                          <w:jc w:val="left"/>
                        </w:pPr>
                        <w:r>
                          <w:t xml:space="preserve"> </w:t>
                        </w:r>
                      </w:p>
                    </w:txbxContent>
                  </v:textbox>
                </v:rect>
                <w10:anchorlock/>
              </v:group>
            </w:pict>
          </mc:Fallback>
        </mc:AlternateContent>
      </w:r>
    </w:p>
    <w:p w:rsidR="0043064D" w:rsidRDefault="008B3C4B">
      <w:pPr>
        <w:spacing w:after="359" w:line="265" w:lineRule="auto"/>
        <w:ind w:right="8"/>
        <w:jc w:val="center"/>
      </w:pPr>
      <w:r>
        <w:t xml:space="preserve">Рис. 24. Внутренняя структура узла устройств </w:t>
      </w:r>
    </w:p>
    <w:p w:rsidR="0043064D" w:rsidRDefault="008B3C4B">
      <w:pPr>
        <w:numPr>
          <w:ilvl w:val="0"/>
          <w:numId w:val="15"/>
        </w:numPr>
        <w:spacing w:after="21"/>
        <w:ind w:right="1" w:hanging="361"/>
      </w:pPr>
      <w:r>
        <w:rPr>
          <w:b/>
        </w:rPr>
        <w:lastRenderedPageBreak/>
        <w:t>Объект «физическое устройство»</w:t>
      </w:r>
      <w:r>
        <w:t xml:space="preserve"> (</w:t>
      </w:r>
      <w:proofErr w:type="spellStart"/>
      <w:r>
        <w:t>physical</w:t>
      </w:r>
      <w:proofErr w:type="spellEnd"/>
      <w:r>
        <w:t xml:space="preserve"> </w:t>
      </w:r>
      <w:proofErr w:type="spellStart"/>
      <w:r>
        <w:t>device</w:t>
      </w:r>
      <w:proofErr w:type="spellEnd"/>
      <w:r>
        <w:t xml:space="preserve"> </w:t>
      </w:r>
      <w:proofErr w:type="spellStart"/>
      <w:r>
        <w:t>object</w:t>
      </w:r>
      <w:proofErr w:type="spellEnd"/>
      <w:r>
        <w:t xml:space="preserve">, PDO). </w:t>
      </w:r>
      <w:r>
        <w:t xml:space="preserve">Создается драйвером шины по заданию диспетчера </w:t>
      </w:r>
      <w:proofErr w:type="spellStart"/>
      <w:r>
        <w:t>PnP</w:t>
      </w:r>
      <w:proofErr w:type="spellEnd"/>
      <w:r>
        <w:t xml:space="preserve">, когда драйвер шины, перечисляя устройства на своей шине, сообщает о наличии какого-либо устройства. PDO представляет физический интерфейс устройства. </w:t>
      </w:r>
    </w:p>
    <w:p w:rsidR="0043064D" w:rsidRDefault="008B3C4B">
      <w:pPr>
        <w:numPr>
          <w:ilvl w:val="0"/>
          <w:numId w:val="15"/>
        </w:numPr>
        <w:spacing w:after="22"/>
        <w:ind w:right="1" w:hanging="361"/>
      </w:pPr>
      <w:r>
        <w:rPr>
          <w:b/>
        </w:rPr>
        <w:t>Необязательные группы объектов-фильтров</w:t>
      </w:r>
      <w:r>
        <w:t xml:space="preserve"> (</w:t>
      </w:r>
      <w:proofErr w:type="spellStart"/>
      <w:r>
        <w:t>filter</w:t>
      </w:r>
      <w:proofErr w:type="spellEnd"/>
      <w:r>
        <w:t xml:space="preserve"> </w:t>
      </w:r>
      <w:proofErr w:type="spellStart"/>
      <w:r>
        <w:t>devic</w:t>
      </w:r>
      <w:r>
        <w:t>e</w:t>
      </w:r>
      <w:proofErr w:type="spellEnd"/>
      <w:r>
        <w:t xml:space="preserve"> </w:t>
      </w:r>
      <w:proofErr w:type="spellStart"/>
      <w:r>
        <w:t>objects</w:t>
      </w:r>
      <w:proofErr w:type="spellEnd"/>
      <w:r>
        <w:t xml:space="preserve">, </w:t>
      </w:r>
      <w:proofErr w:type="spellStart"/>
      <w:r>
        <w:t>FiDO</w:t>
      </w:r>
      <w:proofErr w:type="spellEnd"/>
      <w:r>
        <w:t>). Одна группа таких объектов размещается между PDO и FDO (создается драйверами фильтров шин), вторая — между FDO и первой группой FDO (создается низкоуровневыми драйверами фильтров), третья над FDO (создается высокоуровневыми драйверами фил</w:t>
      </w:r>
      <w:r>
        <w:t xml:space="preserve">ьтров). </w:t>
      </w:r>
    </w:p>
    <w:p w:rsidR="0043064D" w:rsidRDefault="008B3C4B">
      <w:pPr>
        <w:numPr>
          <w:ilvl w:val="0"/>
          <w:numId w:val="15"/>
        </w:numPr>
        <w:ind w:right="1" w:hanging="361"/>
      </w:pPr>
      <w:r>
        <w:rPr>
          <w:b/>
        </w:rPr>
        <w:t>Объект «функциональное устройство»</w:t>
      </w:r>
      <w:r>
        <w:t xml:space="preserve"> (</w:t>
      </w:r>
      <w:proofErr w:type="spellStart"/>
      <w:r>
        <w:t>functional</w:t>
      </w:r>
      <w:proofErr w:type="spellEnd"/>
      <w:r>
        <w:t xml:space="preserve"> </w:t>
      </w:r>
      <w:proofErr w:type="spellStart"/>
      <w:r>
        <w:t>device</w:t>
      </w:r>
      <w:proofErr w:type="spellEnd"/>
      <w:r>
        <w:t xml:space="preserve"> </w:t>
      </w:r>
      <w:proofErr w:type="spellStart"/>
      <w:r>
        <w:t>object</w:t>
      </w:r>
      <w:proofErr w:type="spellEnd"/>
      <w:r>
        <w:t xml:space="preserve">, FDO). Создается функциональным драйвером, который загружается диспетчером </w:t>
      </w:r>
      <w:proofErr w:type="spellStart"/>
      <w:r>
        <w:t>PnP</w:t>
      </w:r>
      <w:proofErr w:type="spellEnd"/>
      <w:r>
        <w:t xml:space="preserve"> для управления обнаруженным устройством. FDO представляет логический интерфейс устройства. Функциональный д</w:t>
      </w:r>
      <w:r>
        <w:t>райвер может выступать и в роли драйвера шины, если к устройству, представленному FDO, подключены другие устройства. Этот драйвер часто создает интерфейс к PDO, соответствующему данному FDO, что позволяет приложениям и другим драйверам открывать устройство</w:t>
      </w:r>
      <w:r>
        <w:t xml:space="preserve"> и взаимодействовать с ним. Иногда функциональные драйверы подразделяются на драйвер класса, порт-драйвер и </w:t>
      </w:r>
      <w:proofErr w:type="spellStart"/>
      <w:r>
        <w:t>минипорт</w:t>
      </w:r>
      <w:proofErr w:type="spellEnd"/>
      <w:r>
        <w:t xml:space="preserve">-драйвер, совместно управляющие вводом-выводом для FDO. </w:t>
      </w:r>
    </w:p>
    <w:p w:rsidR="0043064D" w:rsidRDefault="008B3C4B">
      <w:pPr>
        <w:spacing w:after="291"/>
        <w:ind w:left="-5" w:right="1"/>
      </w:pPr>
      <w:r>
        <w:t>Узлы устройств полагаются на функциональность диспетчера ввода-вывода; поток IRP ид</w:t>
      </w:r>
      <w:r>
        <w:t>ет по узлу устройств сверху вниз. Решение об окончании обработки IRP может быть принято на любом уровне узла устройств. Например, функциональный драйвер может обработать запрос на чтение, не пересылая IRP драйверу шины. IRP проходит весь путь сверху вниз и</w:t>
      </w:r>
      <w:r>
        <w:t xml:space="preserve"> далее к узлу устройств, содержащему драйвер шины, только если функциональному драйверу нужна помощь драйвера шины. </w:t>
      </w:r>
    </w:p>
    <w:p w:rsidR="0043064D" w:rsidRDefault="008B3C4B">
      <w:pPr>
        <w:pStyle w:val="4"/>
        <w:ind w:left="-5"/>
      </w:pPr>
      <w:r>
        <w:t>Загрузка драйверов для узла устройств</w:t>
      </w:r>
      <w:r>
        <w:rPr>
          <w:rFonts w:ascii="Times New Roman" w:eastAsia="Times New Roman" w:hAnsi="Times New Roman" w:cs="Times New Roman"/>
        </w:rPr>
        <w:t xml:space="preserve"> </w:t>
      </w:r>
    </w:p>
    <w:p w:rsidR="0043064D" w:rsidRDefault="008B3C4B">
      <w:pPr>
        <w:spacing w:after="133"/>
        <w:ind w:left="-5" w:right="1"/>
      </w:pPr>
      <w:r>
        <w:t xml:space="preserve">Существует два важных вопроса: </w:t>
      </w:r>
    </w:p>
    <w:p w:rsidR="0043064D" w:rsidRDefault="008B3C4B">
      <w:pPr>
        <w:numPr>
          <w:ilvl w:val="0"/>
          <w:numId w:val="16"/>
        </w:numPr>
        <w:spacing w:after="22"/>
        <w:ind w:right="1" w:hanging="361"/>
      </w:pPr>
      <w:r>
        <w:t xml:space="preserve">как диспетчер </w:t>
      </w:r>
      <w:proofErr w:type="spellStart"/>
      <w:r>
        <w:t>PnP</w:t>
      </w:r>
      <w:proofErr w:type="spellEnd"/>
      <w:r>
        <w:t xml:space="preserve"> определяет, какой функциональный драйвер нужно заг</w:t>
      </w:r>
      <w:r>
        <w:t xml:space="preserve">рузить для данного устройства; </w:t>
      </w:r>
    </w:p>
    <w:p w:rsidR="0043064D" w:rsidRDefault="008B3C4B">
      <w:pPr>
        <w:numPr>
          <w:ilvl w:val="0"/>
          <w:numId w:val="16"/>
        </w:numPr>
        <w:ind w:right="1" w:hanging="361"/>
      </w:pPr>
      <w:r>
        <w:t xml:space="preserve">как драйверы фильтров регистрируют свое присутствие, чтобы их можно было загружать при создании узла устройств? </w:t>
      </w:r>
    </w:p>
    <w:p w:rsidR="0043064D" w:rsidRDefault="008B3C4B">
      <w:pPr>
        <w:spacing w:after="9"/>
        <w:ind w:left="-5" w:right="1"/>
      </w:pPr>
      <w:r>
        <w:t xml:space="preserve">Ответ на оба вопроса надо искать в реестре. Перечисляя устройства, драйвер шины сообщает диспетчеру </w:t>
      </w:r>
      <w:proofErr w:type="spellStart"/>
      <w:r>
        <w:t>PnP</w:t>
      </w:r>
      <w:proofErr w:type="spellEnd"/>
      <w:r>
        <w:t xml:space="preserve"> идентиф</w:t>
      </w:r>
      <w:r>
        <w:t xml:space="preserve">икаторы обнаруженных устройств. Эти идентификаторы специфичны для конкретной шины. Например, для шины USB такой идентификатор состоит из </w:t>
      </w:r>
      <w:r>
        <w:rPr>
          <w:b/>
        </w:rPr>
        <w:t>идентификатора изготовителя</w:t>
      </w:r>
      <w:r>
        <w:t xml:space="preserve"> (</w:t>
      </w:r>
      <w:proofErr w:type="spellStart"/>
      <w:r>
        <w:t>vendor</w:t>
      </w:r>
      <w:proofErr w:type="spellEnd"/>
      <w:r>
        <w:t xml:space="preserve"> ID; VID) и </w:t>
      </w:r>
      <w:r>
        <w:rPr>
          <w:b/>
        </w:rPr>
        <w:t>идентификатора продукта</w:t>
      </w:r>
      <w:r>
        <w:t xml:space="preserve"> (</w:t>
      </w:r>
      <w:proofErr w:type="spellStart"/>
      <w:r>
        <w:t>product</w:t>
      </w:r>
      <w:proofErr w:type="spellEnd"/>
      <w:r>
        <w:t xml:space="preserve"> ID, РID), назначенного устройству изгот</w:t>
      </w:r>
      <w:r>
        <w:t xml:space="preserve">овителем (подробнее о форматах идентификаторов устройств см. в DDK). В совокупности эти идентификаторы образуют то, что в терминологии спецификации </w:t>
      </w:r>
      <w:proofErr w:type="spellStart"/>
      <w:r>
        <w:t>Plug</w:t>
      </w:r>
      <w:proofErr w:type="spellEnd"/>
      <w:r>
        <w:t xml:space="preserve"> </w:t>
      </w:r>
      <w:proofErr w:type="spellStart"/>
      <w:r>
        <w:t>and</w:t>
      </w:r>
      <w:proofErr w:type="spellEnd"/>
      <w:r>
        <w:t xml:space="preserve"> </w:t>
      </w:r>
      <w:proofErr w:type="spellStart"/>
      <w:r>
        <w:t>Play</w:t>
      </w:r>
      <w:proofErr w:type="spellEnd"/>
      <w:r>
        <w:t xml:space="preserve"> называется </w:t>
      </w:r>
      <w:r>
        <w:rPr>
          <w:b/>
        </w:rPr>
        <w:t>идентификатором устройства</w:t>
      </w:r>
      <w:r>
        <w:t xml:space="preserve"> (</w:t>
      </w:r>
      <w:proofErr w:type="spellStart"/>
      <w:r>
        <w:t>device</w:t>
      </w:r>
      <w:proofErr w:type="spellEnd"/>
      <w:r>
        <w:t xml:space="preserve"> ID). Диспетчер </w:t>
      </w:r>
      <w:proofErr w:type="spellStart"/>
      <w:r>
        <w:t>PnP</w:t>
      </w:r>
      <w:proofErr w:type="spellEnd"/>
      <w:r>
        <w:t xml:space="preserve"> также запрашивает у драйвера </w:t>
      </w:r>
      <w:r>
        <w:t xml:space="preserve">шины </w:t>
      </w:r>
      <w:r>
        <w:rPr>
          <w:b/>
        </w:rPr>
        <w:t>идентификатор экземпляра</w:t>
      </w:r>
      <w:r>
        <w:t xml:space="preserve"> (</w:t>
      </w:r>
      <w:proofErr w:type="spellStart"/>
      <w:r>
        <w:t>instance</w:t>
      </w:r>
      <w:proofErr w:type="spellEnd"/>
      <w:r>
        <w:t xml:space="preserve"> ID), который позволяет различать отдельные экземпляры одного и того же устройства. Идентификатор экземпляра может определять устройство относительно шины (например, USB-порт) или представлять глобально уникальный дес</w:t>
      </w:r>
      <w:r>
        <w:t xml:space="preserve">криптор (скажем, серийный номер устройства). Идентификаторы устройства и экземпляра дают </w:t>
      </w:r>
      <w:r>
        <w:rPr>
          <w:b/>
        </w:rPr>
        <w:t>идентификатор экземпляра устройства</w:t>
      </w:r>
      <w:r>
        <w:t xml:space="preserve"> (</w:t>
      </w:r>
      <w:proofErr w:type="spellStart"/>
      <w:r>
        <w:t>device</w:t>
      </w:r>
      <w:proofErr w:type="spellEnd"/>
      <w:r>
        <w:t xml:space="preserve"> </w:t>
      </w:r>
      <w:proofErr w:type="spellStart"/>
      <w:r>
        <w:t>instance</w:t>
      </w:r>
      <w:proofErr w:type="spellEnd"/>
      <w:r>
        <w:t xml:space="preserve"> ID, DIID), используемый диспетчером </w:t>
      </w:r>
      <w:proofErr w:type="spellStart"/>
      <w:r>
        <w:t>PnP</w:t>
      </w:r>
      <w:proofErr w:type="spellEnd"/>
      <w:r>
        <w:t xml:space="preserve"> для поиска раздела устройства в ветви реестра </w:t>
      </w:r>
    </w:p>
    <w:p w:rsidR="0043064D" w:rsidRDefault="008B3C4B">
      <w:pPr>
        <w:ind w:left="-5" w:right="1"/>
      </w:pPr>
      <w:r>
        <w:rPr>
          <w:rFonts w:ascii="Courier New" w:eastAsia="Courier New" w:hAnsi="Courier New" w:cs="Courier New"/>
        </w:rPr>
        <w:t>HKLM\SYSTEM\</w:t>
      </w:r>
      <w:proofErr w:type="spellStart"/>
      <w:r>
        <w:rPr>
          <w:rFonts w:ascii="Courier New" w:eastAsia="Courier New" w:hAnsi="Courier New" w:cs="Courier New"/>
        </w:rPr>
        <w:t>CurrentControlS</w:t>
      </w:r>
      <w:r>
        <w:rPr>
          <w:rFonts w:ascii="Courier New" w:eastAsia="Courier New" w:hAnsi="Courier New" w:cs="Courier New"/>
        </w:rPr>
        <w:t>et</w:t>
      </w:r>
      <w:proofErr w:type="spellEnd"/>
      <w:r>
        <w:rPr>
          <w:rFonts w:ascii="Courier New" w:eastAsia="Courier New" w:hAnsi="Courier New" w:cs="Courier New"/>
        </w:rPr>
        <w:t>\</w:t>
      </w:r>
      <w:proofErr w:type="spellStart"/>
      <w:r>
        <w:rPr>
          <w:rFonts w:ascii="Courier New" w:eastAsia="Courier New" w:hAnsi="Courier New" w:cs="Courier New"/>
        </w:rPr>
        <w:t>Enum</w:t>
      </w:r>
      <w:proofErr w:type="spellEnd"/>
      <w:r>
        <w:t xml:space="preserve">. В эти разделы помещаются данные, характеризующие устройство, и получаемые из INF-файла параметры </w:t>
      </w:r>
      <w:proofErr w:type="spellStart"/>
      <w:r>
        <w:t>Service</w:t>
      </w:r>
      <w:proofErr w:type="spellEnd"/>
      <w:r>
        <w:t xml:space="preserve"> и </w:t>
      </w:r>
      <w:proofErr w:type="spellStart"/>
      <w:r>
        <w:t>ClassGUID</w:t>
      </w:r>
      <w:proofErr w:type="spellEnd"/>
      <w:r>
        <w:t xml:space="preserve">, с помощью которых диспетчер </w:t>
      </w:r>
      <w:proofErr w:type="spellStart"/>
      <w:r>
        <w:t>PnP</w:t>
      </w:r>
      <w:proofErr w:type="spellEnd"/>
      <w:r>
        <w:t xml:space="preserve"> находит драйверы, нужные для данного устройства. </w:t>
      </w:r>
    </w:p>
    <w:p w:rsidR="0043064D" w:rsidRDefault="008B3C4B">
      <w:pPr>
        <w:spacing w:after="10"/>
        <w:ind w:left="-5" w:right="1"/>
      </w:pPr>
      <w:r>
        <w:t xml:space="preserve">Параметр </w:t>
      </w:r>
      <w:proofErr w:type="spellStart"/>
      <w:r>
        <w:t>ClassGUID</w:t>
      </w:r>
      <w:proofErr w:type="spellEnd"/>
      <w:r>
        <w:t xml:space="preserve"> позволяет диспетчеру </w:t>
      </w:r>
      <w:proofErr w:type="spellStart"/>
      <w:r>
        <w:t>PnP</w:t>
      </w:r>
      <w:proofErr w:type="spellEnd"/>
      <w:r>
        <w:t xml:space="preserve"> най</w:t>
      </w:r>
      <w:r>
        <w:t xml:space="preserve">ти раздел класса устройства в </w:t>
      </w:r>
    </w:p>
    <w:p w:rsidR="0043064D" w:rsidRDefault="008B3C4B">
      <w:pPr>
        <w:ind w:left="-5" w:right="1"/>
      </w:pPr>
      <w:r w:rsidRPr="008B3C4B">
        <w:rPr>
          <w:rFonts w:ascii="Courier New" w:eastAsia="Courier New" w:hAnsi="Courier New" w:cs="Courier New"/>
          <w:lang w:val="en-US"/>
        </w:rPr>
        <w:t>HKLM\SYSTEM\</w:t>
      </w:r>
      <w:proofErr w:type="spellStart"/>
      <w:r w:rsidRPr="008B3C4B">
        <w:rPr>
          <w:rFonts w:ascii="Courier New" w:eastAsia="Courier New" w:hAnsi="Courier New" w:cs="Courier New"/>
          <w:lang w:val="en-US"/>
        </w:rPr>
        <w:t>CurrentControlSet</w:t>
      </w:r>
      <w:proofErr w:type="spellEnd"/>
      <w:r w:rsidRPr="008B3C4B">
        <w:rPr>
          <w:rFonts w:ascii="Courier New" w:eastAsia="Courier New" w:hAnsi="Courier New" w:cs="Courier New"/>
          <w:lang w:val="en-US"/>
        </w:rPr>
        <w:t>\Control\Class</w:t>
      </w:r>
      <w:r w:rsidRPr="008B3C4B">
        <w:rPr>
          <w:lang w:val="en-US"/>
        </w:rPr>
        <w:t xml:space="preserve">. </w:t>
      </w:r>
      <w:r>
        <w:t xml:space="preserve">Раздел, созданный для устройства в процессе перечисления, и раздел класса предоставляют диспетчеру </w:t>
      </w:r>
      <w:proofErr w:type="spellStart"/>
      <w:r>
        <w:t>PnP</w:t>
      </w:r>
      <w:proofErr w:type="spellEnd"/>
      <w:r>
        <w:t xml:space="preserve"> </w:t>
      </w:r>
      <w:r>
        <w:t xml:space="preserve">всю информацию, на основе которой он загружает драйверы, необходимые для узла данного устройства. Загрузка драйверов происходит в следующем порядке. </w:t>
      </w:r>
    </w:p>
    <w:p w:rsidR="0043064D" w:rsidRDefault="008B3C4B">
      <w:pPr>
        <w:numPr>
          <w:ilvl w:val="0"/>
          <w:numId w:val="17"/>
        </w:numPr>
        <w:ind w:right="1"/>
      </w:pPr>
      <w:r>
        <w:t xml:space="preserve">Любые низкоуровневые драйверы фильтров, указанные в параметре </w:t>
      </w:r>
      <w:proofErr w:type="spellStart"/>
      <w:r>
        <w:rPr>
          <w:rFonts w:ascii="Courier New" w:eastAsia="Courier New" w:hAnsi="Courier New" w:cs="Courier New"/>
        </w:rPr>
        <w:t>LowerFilters</w:t>
      </w:r>
      <w:proofErr w:type="spellEnd"/>
      <w:r>
        <w:t xml:space="preserve"> раздела, созданного для устройс</w:t>
      </w:r>
      <w:r>
        <w:t xml:space="preserve">тва в процессе перечисления. </w:t>
      </w:r>
    </w:p>
    <w:p w:rsidR="0043064D" w:rsidRDefault="008B3C4B">
      <w:pPr>
        <w:numPr>
          <w:ilvl w:val="0"/>
          <w:numId w:val="17"/>
        </w:numPr>
        <w:ind w:right="1"/>
      </w:pPr>
      <w:r>
        <w:t xml:space="preserve">Любые низкоуровневые драйверы фильтров, указанные в параметре </w:t>
      </w:r>
      <w:proofErr w:type="spellStart"/>
      <w:r>
        <w:rPr>
          <w:rFonts w:ascii="Courier New" w:eastAsia="Courier New" w:hAnsi="Courier New" w:cs="Courier New"/>
        </w:rPr>
        <w:t>LowerFilters</w:t>
      </w:r>
      <w:proofErr w:type="spellEnd"/>
      <w:r>
        <w:t xml:space="preserve"> раздела класса данного устройства. </w:t>
      </w:r>
    </w:p>
    <w:p w:rsidR="0043064D" w:rsidRDefault="008B3C4B">
      <w:pPr>
        <w:numPr>
          <w:ilvl w:val="0"/>
          <w:numId w:val="17"/>
        </w:numPr>
        <w:spacing w:after="134"/>
        <w:ind w:right="1"/>
      </w:pPr>
      <w:r>
        <w:lastRenderedPageBreak/>
        <w:t xml:space="preserve">Функциональный драйвер, заданный в параметре </w:t>
      </w:r>
      <w:proofErr w:type="spellStart"/>
      <w:r>
        <w:rPr>
          <w:rFonts w:ascii="Courier New" w:eastAsia="Courier New" w:hAnsi="Courier New" w:cs="Courier New"/>
        </w:rPr>
        <w:t>Service</w:t>
      </w:r>
      <w:proofErr w:type="spellEnd"/>
      <w:r>
        <w:t xml:space="preserve"> раздела, созданного для устройства в процессе перечисления. Зн</w:t>
      </w:r>
      <w:r>
        <w:t xml:space="preserve">ачение этого параметра интерпретируется как имя раздела драйвера в </w:t>
      </w:r>
      <w:r>
        <w:rPr>
          <w:rFonts w:ascii="Courier New" w:eastAsia="Courier New" w:hAnsi="Courier New" w:cs="Courier New"/>
        </w:rPr>
        <w:t>HKLM\SYSTEM\</w:t>
      </w:r>
      <w:proofErr w:type="spellStart"/>
      <w:r>
        <w:rPr>
          <w:rFonts w:ascii="Courier New" w:eastAsia="Courier New" w:hAnsi="Courier New" w:cs="Courier New"/>
        </w:rPr>
        <w:t>CurrentControlSet</w:t>
      </w:r>
      <w:proofErr w:type="spellEnd"/>
      <w:r>
        <w:rPr>
          <w:rFonts w:ascii="Courier New" w:eastAsia="Courier New" w:hAnsi="Courier New" w:cs="Courier New"/>
        </w:rPr>
        <w:t>\</w:t>
      </w:r>
      <w:proofErr w:type="spellStart"/>
      <w:r>
        <w:rPr>
          <w:rFonts w:ascii="Courier New" w:eastAsia="Courier New" w:hAnsi="Courier New" w:cs="Courier New"/>
        </w:rPr>
        <w:t>Services</w:t>
      </w:r>
      <w:proofErr w:type="spellEnd"/>
      <w:r>
        <w:t xml:space="preserve">. </w:t>
      </w:r>
    </w:p>
    <w:p w:rsidR="0043064D" w:rsidRDefault="008B3C4B">
      <w:pPr>
        <w:numPr>
          <w:ilvl w:val="0"/>
          <w:numId w:val="17"/>
        </w:numPr>
        <w:ind w:right="1"/>
      </w:pPr>
      <w:r>
        <w:t xml:space="preserve">Любые высокоуровневые драйверы фильтров, указанные в параметре </w:t>
      </w:r>
      <w:proofErr w:type="spellStart"/>
      <w:r>
        <w:rPr>
          <w:rFonts w:ascii="Courier New" w:eastAsia="Courier New" w:hAnsi="Courier New" w:cs="Courier New"/>
        </w:rPr>
        <w:t>UpperFilters</w:t>
      </w:r>
      <w:proofErr w:type="spellEnd"/>
      <w:r>
        <w:t xml:space="preserve"> раздела, созданного для устройства в процессе перечисления. </w:t>
      </w:r>
    </w:p>
    <w:p w:rsidR="0043064D" w:rsidRDefault="008B3C4B">
      <w:pPr>
        <w:numPr>
          <w:ilvl w:val="0"/>
          <w:numId w:val="17"/>
        </w:numPr>
        <w:ind w:right="1"/>
      </w:pPr>
      <w:r>
        <w:t xml:space="preserve">Любые высокоуровневые драйверы фильтров, указанные в параметре </w:t>
      </w:r>
      <w:proofErr w:type="spellStart"/>
      <w:r>
        <w:rPr>
          <w:rFonts w:ascii="Courier New" w:eastAsia="Courier New" w:hAnsi="Courier New" w:cs="Courier New"/>
        </w:rPr>
        <w:t>UpperFilters</w:t>
      </w:r>
      <w:proofErr w:type="spellEnd"/>
      <w:r>
        <w:t xml:space="preserve"> раздела класса данного устройства. </w:t>
      </w:r>
    </w:p>
    <w:p w:rsidR="0043064D" w:rsidRDefault="008B3C4B">
      <w:pPr>
        <w:tabs>
          <w:tab w:val="center" w:pos="1363"/>
          <w:tab w:val="center" w:pos="2460"/>
          <w:tab w:val="center" w:pos="3773"/>
          <w:tab w:val="center" w:pos="5062"/>
          <w:tab w:val="center" w:pos="6330"/>
          <w:tab w:val="center" w:pos="7229"/>
          <w:tab w:val="center" w:pos="8292"/>
          <w:tab w:val="right" w:pos="9365"/>
        </w:tabs>
        <w:spacing w:after="26"/>
        <w:ind w:left="-15" w:firstLine="0"/>
        <w:jc w:val="left"/>
      </w:pPr>
      <w:r>
        <w:t xml:space="preserve">Ссылки </w:t>
      </w:r>
      <w:r>
        <w:tab/>
        <w:t xml:space="preserve">на </w:t>
      </w:r>
      <w:r>
        <w:tab/>
        <w:t xml:space="preserve">драйверы </w:t>
      </w:r>
      <w:r>
        <w:tab/>
        <w:t xml:space="preserve">всегда </w:t>
      </w:r>
      <w:r>
        <w:tab/>
        <w:t xml:space="preserve">содержат </w:t>
      </w:r>
      <w:r>
        <w:tab/>
        <w:t xml:space="preserve">имена </w:t>
      </w:r>
      <w:r>
        <w:tab/>
        <w:t xml:space="preserve">их </w:t>
      </w:r>
      <w:r>
        <w:tab/>
        <w:t xml:space="preserve">разделов </w:t>
      </w:r>
      <w:r>
        <w:tab/>
        <w:t xml:space="preserve">в </w:t>
      </w:r>
    </w:p>
    <w:p w:rsidR="0043064D" w:rsidRPr="008B3C4B" w:rsidRDefault="008B3C4B">
      <w:pPr>
        <w:spacing w:after="298" w:line="259" w:lineRule="auto"/>
        <w:ind w:left="-5"/>
        <w:jc w:val="left"/>
        <w:rPr>
          <w:lang w:val="en-US"/>
        </w:rPr>
      </w:pPr>
      <w:r w:rsidRPr="008B3C4B">
        <w:rPr>
          <w:rFonts w:ascii="Courier New" w:eastAsia="Courier New" w:hAnsi="Courier New" w:cs="Courier New"/>
          <w:lang w:val="en-US"/>
        </w:rPr>
        <w:t>HKLM\SYSTEM\</w:t>
      </w:r>
      <w:proofErr w:type="spellStart"/>
      <w:r w:rsidRPr="008B3C4B">
        <w:rPr>
          <w:rFonts w:ascii="Courier New" w:eastAsia="Courier New" w:hAnsi="Courier New" w:cs="Courier New"/>
          <w:lang w:val="en-US"/>
        </w:rPr>
        <w:t>CurrentControlSet</w:t>
      </w:r>
      <w:proofErr w:type="spellEnd"/>
      <w:r w:rsidRPr="008B3C4B">
        <w:rPr>
          <w:rFonts w:ascii="Courier New" w:eastAsia="Courier New" w:hAnsi="Courier New" w:cs="Courier New"/>
          <w:lang w:val="en-US"/>
        </w:rPr>
        <w:t>\Services</w:t>
      </w:r>
      <w:r w:rsidRPr="008B3C4B">
        <w:rPr>
          <w:lang w:val="en-US"/>
        </w:rPr>
        <w:t xml:space="preserve">. </w:t>
      </w:r>
    </w:p>
    <w:p w:rsidR="0043064D" w:rsidRPr="008B3C4B" w:rsidRDefault="008B3C4B">
      <w:pPr>
        <w:pStyle w:val="3"/>
        <w:spacing w:after="57" w:line="265" w:lineRule="auto"/>
        <w:ind w:left="-5"/>
        <w:rPr>
          <w:lang w:val="en-US"/>
        </w:rPr>
      </w:pPr>
      <w:bookmarkStart w:id="21" w:name="_Toc68669"/>
      <w:r>
        <w:rPr>
          <w:rFonts w:ascii="Tahoma" w:eastAsia="Tahoma" w:hAnsi="Tahoma" w:cs="Tahoma"/>
          <w:b w:val="0"/>
        </w:rPr>
        <w:t>Установка</w:t>
      </w:r>
      <w:r w:rsidRPr="008B3C4B">
        <w:rPr>
          <w:rFonts w:ascii="Tahoma" w:eastAsia="Tahoma" w:hAnsi="Tahoma" w:cs="Tahoma"/>
          <w:b w:val="0"/>
          <w:lang w:val="en-US"/>
        </w:rPr>
        <w:t xml:space="preserve"> </w:t>
      </w:r>
      <w:r>
        <w:rPr>
          <w:rFonts w:ascii="Tahoma" w:eastAsia="Tahoma" w:hAnsi="Tahoma" w:cs="Tahoma"/>
          <w:b w:val="0"/>
        </w:rPr>
        <w:t>драйвера</w:t>
      </w:r>
      <w:r w:rsidRPr="008B3C4B">
        <w:rPr>
          <w:rFonts w:ascii="Times New Roman" w:eastAsia="Times New Roman" w:hAnsi="Times New Roman" w:cs="Times New Roman"/>
          <w:b w:val="0"/>
          <w:lang w:val="en-US"/>
        </w:rPr>
        <w:t xml:space="preserve"> </w:t>
      </w:r>
      <w:bookmarkEnd w:id="21"/>
    </w:p>
    <w:p w:rsidR="0043064D" w:rsidRDefault="008B3C4B">
      <w:pPr>
        <w:spacing w:after="10"/>
        <w:ind w:left="-5" w:right="1"/>
      </w:pPr>
      <w:r>
        <w:t xml:space="preserve">Если диспетчер </w:t>
      </w:r>
      <w:proofErr w:type="spellStart"/>
      <w:r>
        <w:t>PnP</w:t>
      </w:r>
      <w:proofErr w:type="spellEnd"/>
      <w:r>
        <w:t xml:space="preserve"> </w:t>
      </w:r>
      <w:r>
        <w:t xml:space="preserve">встречает устройство, драйвер которого не установлен, он обращается к диспетчеру </w:t>
      </w:r>
      <w:proofErr w:type="spellStart"/>
      <w:r>
        <w:t>PnP</w:t>
      </w:r>
      <w:proofErr w:type="spellEnd"/>
      <w:r>
        <w:t xml:space="preserve"> пользовательского режима, и тот устанавливает нужный драйвер. Если устройство обнаруживается при загрузке системы, для него определяется узел устройств, но загрузка драйве</w:t>
      </w:r>
      <w:r>
        <w:t xml:space="preserve">ров откладывается до запуска диспетчера </w:t>
      </w:r>
      <w:proofErr w:type="spellStart"/>
      <w:r>
        <w:t>PnP</w:t>
      </w:r>
      <w:proofErr w:type="spellEnd"/>
      <w:r>
        <w:t xml:space="preserve"> пользовательского режима (он реализован в</w:t>
      </w:r>
      <w:r>
        <w:rPr>
          <w:sz w:val="16"/>
        </w:rPr>
        <w:t xml:space="preserve"> </w:t>
      </w:r>
    </w:p>
    <w:p w:rsidR="0043064D" w:rsidRDefault="008B3C4B">
      <w:pPr>
        <w:spacing w:after="123" w:line="259" w:lineRule="auto"/>
        <w:ind w:left="-5"/>
        <w:jc w:val="left"/>
      </w:pPr>
      <w:r>
        <w:rPr>
          <w:rFonts w:ascii="Courier New" w:eastAsia="Courier New" w:hAnsi="Courier New" w:cs="Courier New"/>
        </w:rPr>
        <w:t>\</w:t>
      </w:r>
      <w:proofErr w:type="spellStart"/>
      <w:r>
        <w:rPr>
          <w:rFonts w:ascii="Courier New" w:eastAsia="Courier New" w:hAnsi="Courier New" w:cs="Courier New"/>
        </w:rPr>
        <w:t>Windows</w:t>
      </w:r>
      <w:proofErr w:type="spellEnd"/>
      <w:r>
        <w:rPr>
          <w:rFonts w:ascii="Courier New" w:eastAsia="Courier New" w:hAnsi="Courier New" w:cs="Courier New"/>
        </w:rPr>
        <w:t>\System32\Newdev.dll</w:t>
      </w:r>
      <w:r>
        <w:t xml:space="preserve"> и выполняется как сервис в процессе </w:t>
      </w:r>
      <w:r>
        <w:rPr>
          <w:rFonts w:ascii="Courier New" w:eastAsia="Courier New" w:hAnsi="Courier New" w:cs="Courier New"/>
        </w:rPr>
        <w:t>Services.exe</w:t>
      </w:r>
      <w:r>
        <w:t xml:space="preserve">). </w:t>
      </w:r>
    </w:p>
    <w:p w:rsidR="0043064D" w:rsidRDefault="008B3C4B">
      <w:pPr>
        <w:spacing w:after="14"/>
        <w:ind w:left="-5" w:right="1"/>
      </w:pPr>
      <w:r>
        <w:t>Компоненты, участвующие в установке драйвера, показаны на Рис. 25. Серые блоки на этом р</w:t>
      </w:r>
      <w:r>
        <w:t xml:space="preserve">исунке соответствуют компонентам, обычно предоставляемым системой, а остальные блоки — компонентам, предоставляемым установочными файлами. Сначала драйвер шины информирует диспетчер </w:t>
      </w:r>
      <w:proofErr w:type="spellStart"/>
      <w:r>
        <w:t>PnP</w:t>
      </w:r>
      <w:proofErr w:type="spellEnd"/>
      <w:r>
        <w:t xml:space="preserve"> о перечисленном устройстве, сообщая его DIID (1). Диспетчер </w:t>
      </w:r>
      <w:proofErr w:type="spellStart"/>
      <w:r>
        <w:t>PnP</w:t>
      </w:r>
      <w:proofErr w:type="spellEnd"/>
      <w:r>
        <w:t xml:space="preserve"> провер</w:t>
      </w:r>
      <w:r>
        <w:t xml:space="preserve">яет, определен ли в реестре подходящий функциональный драйвер. Если нет, он уведомляет диспетчер </w:t>
      </w:r>
      <w:proofErr w:type="spellStart"/>
      <w:r>
        <w:t>PnP</w:t>
      </w:r>
      <w:proofErr w:type="spellEnd"/>
      <w:r>
        <w:t xml:space="preserve"> пользовательского режима (2) о новом устройстве, сообщая его DIID. Диспетчер </w:t>
      </w:r>
      <w:proofErr w:type="spellStart"/>
      <w:r>
        <w:t>PnP</w:t>
      </w:r>
      <w:proofErr w:type="spellEnd"/>
      <w:r>
        <w:t xml:space="preserve"> пользовательского режима пытается автоматически установить драйверы для ус</w:t>
      </w:r>
      <w:r>
        <w:t xml:space="preserve">тройства. Если в процессе установки выводятся диалоговые окна, требующие внимания пользователя, а зарегистрированный в данный момент пользователь имеет привилегии администратора (3), то диспетчер </w:t>
      </w:r>
      <w:proofErr w:type="spellStart"/>
      <w:r>
        <w:t>PnP</w:t>
      </w:r>
      <w:proofErr w:type="spellEnd"/>
      <w:r>
        <w:t xml:space="preserve"> пользовательского режима запускает Rundll32.exe (</w:t>
      </w:r>
      <w:proofErr w:type="spellStart"/>
      <w:r>
        <w:t>хостпро</w:t>
      </w:r>
      <w:r>
        <w:t>грамму</w:t>
      </w:r>
      <w:proofErr w:type="spellEnd"/>
      <w:r>
        <w:t xml:space="preserve"> апплетов </w:t>
      </w:r>
      <w:proofErr w:type="spellStart"/>
      <w:r>
        <w:t>Control</w:t>
      </w:r>
      <w:proofErr w:type="spellEnd"/>
      <w:r>
        <w:t xml:space="preserve"> </w:t>
      </w:r>
      <w:proofErr w:type="spellStart"/>
      <w:r>
        <w:t>Panel</w:t>
      </w:r>
      <w:proofErr w:type="spellEnd"/>
      <w:r>
        <w:t>) для выполнения мастера установки оборудования (</w:t>
      </w:r>
      <w:r>
        <w:rPr>
          <w:rFonts w:ascii="Courier New" w:eastAsia="Courier New" w:hAnsi="Courier New" w:cs="Courier New"/>
        </w:rPr>
        <w:t>\</w:t>
      </w:r>
      <w:proofErr w:type="spellStart"/>
      <w:r>
        <w:rPr>
          <w:rFonts w:ascii="Courier New" w:eastAsia="Courier New" w:hAnsi="Courier New" w:cs="Courier New"/>
        </w:rPr>
        <w:t>Windows</w:t>
      </w:r>
      <w:proofErr w:type="spellEnd"/>
      <w:r>
        <w:rPr>
          <w:rFonts w:ascii="Courier New" w:eastAsia="Courier New" w:hAnsi="Courier New" w:cs="Courier New"/>
        </w:rPr>
        <w:t>\System32\Newdev.dll</w:t>
      </w:r>
      <w:r>
        <w:t>). Если зарегистрированный в данный момент пользователь не имеет привилегий администратора (или в системе нет пользователей), а установка устройства т</w:t>
      </w:r>
      <w:r>
        <w:t xml:space="preserve">ребует взаимодействия с пользователем, диспетчер </w:t>
      </w:r>
      <w:proofErr w:type="spellStart"/>
      <w:r>
        <w:t>PnP</w:t>
      </w:r>
      <w:proofErr w:type="spellEnd"/>
      <w:r>
        <w:t xml:space="preserve"> пользовательского режима откладывает установку до того момента, когда в систему войдет привилегированный пользователь. Для поиска </w:t>
      </w:r>
      <w:proofErr w:type="spellStart"/>
      <w:r>
        <w:t>lNF</w:t>
      </w:r>
      <w:proofErr w:type="spellEnd"/>
      <w:r>
        <w:t>-файлов, соответствующих драйверам, совместимым с обнаруженным устройс</w:t>
      </w:r>
      <w:r>
        <w:t xml:space="preserve">твом, мастер установки оборудования использует API-функции </w:t>
      </w:r>
      <w:proofErr w:type="spellStart"/>
      <w:r>
        <w:t>Setup</w:t>
      </w:r>
      <w:proofErr w:type="spellEnd"/>
      <w:r>
        <w:t xml:space="preserve"> и </w:t>
      </w:r>
      <w:proofErr w:type="spellStart"/>
      <w:r>
        <w:t>CfgMgr</w:t>
      </w:r>
      <w:proofErr w:type="spellEnd"/>
      <w:r>
        <w:t xml:space="preserve"> (диспетчера конфигурации). При этом пользователю может быть предложено вставить в один из дисководов носитель с нужными INF-файлами; кроме того, просматриваются INF-файлы в </w:t>
      </w:r>
      <w:r>
        <w:rPr>
          <w:rFonts w:ascii="Courier New" w:eastAsia="Courier New" w:hAnsi="Courier New" w:cs="Courier New"/>
        </w:rPr>
        <w:t>\</w:t>
      </w:r>
      <w:proofErr w:type="spellStart"/>
      <w:r>
        <w:rPr>
          <w:rFonts w:ascii="Courier New" w:eastAsia="Courier New" w:hAnsi="Courier New" w:cs="Courier New"/>
        </w:rPr>
        <w:t>Windows</w:t>
      </w:r>
      <w:proofErr w:type="spellEnd"/>
      <w:r>
        <w:rPr>
          <w:rFonts w:ascii="Courier New" w:eastAsia="Courier New" w:hAnsi="Courier New" w:cs="Courier New"/>
        </w:rPr>
        <w:t>\</w:t>
      </w:r>
      <w:proofErr w:type="spellStart"/>
      <w:r>
        <w:rPr>
          <w:rFonts w:ascii="Courier New" w:eastAsia="Courier New" w:hAnsi="Courier New" w:cs="Courier New"/>
        </w:rPr>
        <w:t>Driver</w:t>
      </w:r>
      <w:proofErr w:type="spellEnd"/>
      <w:r>
        <w:rPr>
          <w:rFonts w:ascii="Courier New" w:eastAsia="Courier New" w:hAnsi="Courier New" w:cs="Courier New"/>
        </w:rPr>
        <w:t xml:space="preserve"> </w:t>
      </w:r>
      <w:proofErr w:type="spellStart"/>
      <w:r>
        <w:rPr>
          <w:rFonts w:ascii="Courier New" w:eastAsia="Courier New" w:hAnsi="Courier New" w:cs="Courier New"/>
        </w:rPr>
        <w:t>Cache</w:t>
      </w:r>
      <w:proofErr w:type="spellEnd"/>
      <w:r>
        <w:rPr>
          <w:rFonts w:ascii="Courier New" w:eastAsia="Courier New" w:hAnsi="Courier New" w:cs="Courier New"/>
        </w:rPr>
        <w:t>\i386\Driver.cab</w:t>
      </w:r>
      <w:r>
        <w:t xml:space="preserve">, где содержатся драйверы, поставляемые с </w:t>
      </w:r>
      <w:proofErr w:type="spellStart"/>
      <w:r>
        <w:t>Windows</w:t>
      </w:r>
      <w:proofErr w:type="spellEnd"/>
      <w:r>
        <w:t xml:space="preserve">. </w:t>
      </w:r>
    </w:p>
    <w:p w:rsidR="0043064D" w:rsidRDefault="008B3C4B">
      <w:pPr>
        <w:spacing w:after="0" w:line="259" w:lineRule="auto"/>
        <w:ind w:left="1937" w:firstLine="0"/>
        <w:jc w:val="left"/>
      </w:pPr>
      <w:r>
        <w:rPr>
          <w:rFonts w:ascii="Calibri" w:eastAsia="Calibri" w:hAnsi="Calibri" w:cs="Calibri"/>
          <w:noProof/>
          <w:sz w:val="22"/>
        </w:rPr>
        <mc:AlternateContent>
          <mc:Choice Requires="wpg">
            <w:drawing>
              <wp:inline distT="0" distB="0" distL="0" distR="0">
                <wp:extent cx="3599098" cy="2970610"/>
                <wp:effectExtent l="0" t="0" r="0" b="0"/>
                <wp:docPr id="63825" name="Group 63825"/>
                <wp:cNvGraphicFramePr/>
                <a:graphic xmlns:a="http://schemas.openxmlformats.org/drawingml/2006/main">
                  <a:graphicData uri="http://schemas.microsoft.com/office/word/2010/wordprocessingGroup">
                    <wpg:wgp>
                      <wpg:cNvGrpSpPr/>
                      <wpg:grpSpPr>
                        <a:xfrm>
                          <a:off x="0" y="0"/>
                          <a:ext cx="3599098" cy="2970610"/>
                          <a:chOff x="0" y="0"/>
                          <a:chExt cx="3599098" cy="2970610"/>
                        </a:xfrm>
                      </wpg:grpSpPr>
                      <wps:wsp>
                        <wps:cNvPr id="69509" name="Shape 69509"/>
                        <wps:cNvSpPr/>
                        <wps:spPr>
                          <a:xfrm>
                            <a:off x="0" y="10744"/>
                            <a:ext cx="645904" cy="323952"/>
                          </a:xfrm>
                          <a:custGeom>
                            <a:avLst/>
                            <a:gdLst/>
                            <a:ahLst/>
                            <a:cxnLst/>
                            <a:rect l="0" t="0" r="0" b="0"/>
                            <a:pathLst>
                              <a:path w="645904" h="323952">
                                <a:moveTo>
                                  <a:pt x="0" y="0"/>
                                </a:moveTo>
                                <a:lnTo>
                                  <a:pt x="645904" y="0"/>
                                </a:lnTo>
                                <a:lnTo>
                                  <a:pt x="645904" y="323952"/>
                                </a:lnTo>
                                <a:lnTo>
                                  <a:pt x="0" y="323952"/>
                                </a:lnTo>
                                <a:lnTo>
                                  <a:pt x="0" y="0"/>
                                </a:lnTo>
                              </a:path>
                            </a:pathLst>
                          </a:custGeom>
                          <a:ln w="0" cap="flat">
                            <a:miter lim="127000"/>
                          </a:ln>
                        </wps:spPr>
                        <wps:style>
                          <a:lnRef idx="0">
                            <a:srgbClr val="000000">
                              <a:alpha val="0"/>
                            </a:srgbClr>
                          </a:lnRef>
                          <a:fillRef idx="1">
                            <a:srgbClr val="F2F2F2"/>
                          </a:fillRef>
                          <a:effectRef idx="0">
                            <a:scrgbClr r="0" g="0" b="0"/>
                          </a:effectRef>
                          <a:fontRef idx="none"/>
                        </wps:style>
                        <wps:bodyPr/>
                      </wps:wsp>
                      <wps:wsp>
                        <wps:cNvPr id="7934" name="Shape 7934"/>
                        <wps:cNvSpPr/>
                        <wps:spPr>
                          <a:xfrm>
                            <a:off x="0" y="10744"/>
                            <a:ext cx="645904" cy="323952"/>
                          </a:xfrm>
                          <a:custGeom>
                            <a:avLst/>
                            <a:gdLst/>
                            <a:ahLst/>
                            <a:cxnLst/>
                            <a:rect l="0" t="0" r="0" b="0"/>
                            <a:pathLst>
                              <a:path w="645904" h="323952">
                                <a:moveTo>
                                  <a:pt x="0" y="323952"/>
                                </a:moveTo>
                                <a:lnTo>
                                  <a:pt x="645904" y="323952"/>
                                </a:lnTo>
                                <a:lnTo>
                                  <a:pt x="64590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7935" name="Rectangle 7935"/>
                        <wps:cNvSpPr/>
                        <wps:spPr>
                          <a:xfrm>
                            <a:off x="152637" y="23874"/>
                            <a:ext cx="453075"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Мастер </w:t>
                              </w:r>
                            </w:p>
                          </w:txbxContent>
                        </wps:txbx>
                        <wps:bodyPr horzOverflow="overflow" vert="horz" lIns="0" tIns="0" rIns="0" bIns="0" rtlCol="0">
                          <a:noAutofit/>
                        </wps:bodyPr>
                      </wps:wsp>
                      <wps:wsp>
                        <wps:cNvPr id="7936" name="Rectangle 7936"/>
                        <wps:cNvSpPr/>
                        <wps:spPr>
                          <a:xfrm>
                            <a:off x="98383" y="133585"/>
                            <a:ext cx="597383"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установки </w:t>
                              </w:r>
                            </w:p>
                          </w:txbxContent>
                        </wps:txbx>
                        <wps:bodyPr horzOverflow="overflow" vert="horz" lIns="0" tIns="0" rIns="0" bIns="0" rtlCol="0">
                          <a:noAutofit/>
                        </wps:bodyPr>
                      </wps:wsp>
                      <wps:wsp>
                        <wps:cNvPr id="7937" name="Rectangle 7937"/>
                        <wps:cNvSpPr/>
                        <wps:spPr>
                          <a:xfrm>
                            <a:off x="21235" y="243295"/>
                            <a:ext cx="802638"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оборудования</w:t>
                              </w:r>
                            </w:p>
                          </w:txbxContent>
                        </wps:txbx>
                        <wps:bodyPr horzOverflow="overflow" vert="horz" lIns="0" tIns="0" rIns="0" bIns="0" rtlCol="0">
                          <a:noAutofit/>
                        </wps:bodyPr>
                      </wps:wsp>
                      <wps:wsp>
                        <wps:cNvPr id="69510" name="Shape 69510"/>
                        <wps:cNvSpPr/>
                        <wps:spPr>
                          <a:xfrm>
                            <a:off x="645904" y="10744"/>
                            <a:ext cx="645904" cy="323952"/>
                          </a:xfrm>
                          <a:custGeom>
                            <a:avLst/>
                            <a:gdLst/>
                            <a:ahLst/>
                            <a:cxnLst/>
                            <a:rect l="0" t="0" r="0" b="0"/>
                            <a:pathLst>
                              <a:path w="645904" h="323952">
                                <a:moveTo>
                                  <a:pt x="0" y="0"/>
                                </a:moveTo>
                                <a:lnTo>
                                  <a:pt x="645904" y="0"/>
                                </a:lnTo>
                                <a:lnTo>
                                  <a:pt x="645904" y="323952"/>
                                </a:lnTo>
                                <a:lnTo>
                                  <a:pt x="0" y="323952"/>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7939" name="Shape 7939"/>
                        <wps:cNvSpPr/>
                        <wps:spPr>
                          <a:xfrm>
                            <a:off x="645904" y="10744"/>
                            <a:ext cx="645904" cy="323952"/>
                          </a:xfrm>
                          <a:custGeom>
                            <a:avLst/>
                            <a:gdLst/>
                            <a:ahLst/>
                            <a:cxnLst/>
                            <a:rect l="0" t="0" r="0" b="0"/>
                            <a:pathLst>
                              <a:path w="645904" h="323952">
                                <a:moveTo>
                                  <a:pt x="0" y="323952"/>
                                </a:moveTo>
                                <a:lnTo>
                                  <a:pt x="645904" y="323952"/>
                                </a:lnTo>
                                <a:lnTo>
                                  <a:pt x="64590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7940" name="Rectangle 7940"/>
                        <wps:cNvSpPr/>
                        <wps:spPr>
                          <a:xfrm>
                            <a:off x="685165" y="7693"/>
                            <a:ext cx="195396"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API</w:t>
                              </w:r>
                            </w:p>
                          </w:txbxContent>
                        </wps:txbx>
                        <wps:bodyPr horzOverflow="overflow" vert="horz" lIns="0" tIns="0" rIns="0" bIns="0" rtlCol="0">
                          <a:noAutofit/>
                        </wps:bodyPr>
                      </wps:wsp>
                      <wps:wsp>
                        <wps:cNvPr id="7941" name="Rectangle 7941"/>
                        <wps:cNvSpPr/>
                        <wps:spPr>
                          <a:xfrm>
                            <a:off x="832113" y="7693"/>
                            <a:ext cx="40369"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7942" name="Rectangle 7942"/>
                        <wps:cNvSpPr/>
                        <wps:spPr>
                          <a:xfrm>
                            <a:off x="862418" y="23874"/>
                            <a:ext cx="485244"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ункции</w:t>
                              </w:r>
                            </w:p>
                          </w:txbxContent>
                        </wps:txbx>
                        <wps:bodyPr horzOverflow="overflow" vert="horz" lIns="0" tIns="0" rIns="0" bIns="0" rtlCol="0">
                          <a:noAutofit/>
                        </wps:bodyPr>
                      </wps:wsp>
                      <wps:wsp>
                        <wps:cNvPr id="7943" name="Rectangle 7943"/>
                        <wps:cNvSpPr/>
                        <wps:spPr>
                          <a:xfrm>
                            <a:off x="1227225" y="7693"/>
                            <a:ext cx="3368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944" name="Rectangle 7944"/>
                        <wps:cNvSpPr/>
                        <wps:spPr>
                          <a:xfrm>
                            <a:off x="798997" y="117405"/>
                            <a:ext cx="316795" cy="135582"/>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Setup</w:t>
                              </w:r>
                              <w:proofErr w:type="spellEnd"/>
                            </w:p>
                          </w:txbxContent>
                        </wps:txbx>
                        <wps:bodyPr horzOverflow="overflow" vert="horz" lIns="0" tIns="0" rIns="0" bIns="0" rtlCol="0">
                          <a:noAutofit/>
                        </wps:bodyPr>
                      </wps:wsp>
                      <wps:wsp>
                        <wps:cNvPr id="7945" name="Rectangle 7945"/>
                        <wps:cNvSpPr/>
                        <wps:spPr>
                          <a:xfrm>
                            <a:off x="1037188" y="117405"/>
                            <a:ext cx="33680" cy="1355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946" name="Rectangle 7946"/>
                        <wps:cNvSpPr/>
                        <wps:spPr>
                          <a:xfrm>
                            <a:off x="1062481" y="133585"/>
                            <a:ext cx="67765"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и</w:t>
                              </w:r>
                            </w:p>
                          </w:txbxContent>
                        </wps:txbx>
                        <wps:bodyPr horzOverflow="overflow" vert="horz" lIns="0" tIns="0" rIns="0" bIns="0" rtlCol="0">
                          <a:noAutofit/>
                        </wps:bodyPr>
                      </wps:wsp>
                      <wps:wsp>
                        <wps:cNvPr id="7947" name="Rectangle 7947"/>
                        <wps:cNvSpPr/>
                        <wps:spPr>
                          <a:xfrm>
                            <a:off x="1113446" y="117405"/>
                            <a:ext cx="33680" cy="13558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948" name="Rectangle 7948"/>
                        <wps:cNvSpPr/>
                        <wps:spPr>
                          <a:xfrm>
                            <a:off x="819428" y="227116"/>
                            <a:ext cx="397412" cy="13558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CfgMgr</w:t>
                              </w:r>
                              <w:proofErr w:type="spellEnd"/>
                            </w:p>
                          </w:txbxContent>
                        </wps:txbx>
                        <wps:bodyPr horzOverflow="overflow" vert="horz" lIns="0" tIns="0" rIns="0" bIns="0" rtlCol="0">
                          <a:noAutofit/>
                        </wps:bodyPr>
                      </wps:wsp>
                      <wps:wsp>
                        <wps:cNvPr id="7950" name="Shape 7950"/>
                        <wps:cNvSpPr/>
                        <wps:spPr>
                          <a:xfrm>
                            <a:off x="1722444" y="10744"/>
                            <a:ext cx="968868" cy="323952"/>
                          </a:xfrm>
                          <a:custGeom>
                            <a:avLst/>
                            <a:gdLst/>
                            <a:ahLst/>
                            <a:cxnLst/>
                            <a:rect l="0" t="0" r="0" b="0"/>
                            <a:pathLst>
                              <a:path w="968868" h="323952">
                                <a:moveTo>
                                  <a:pt x="0" y="323952"/>
                                </a:moveTo>
                                <a:lnTo>
                                  <a:pt x="968868" y="323952"/>
                                </a:lnTo>
                                <a:lnTo>
                                  <a:pt x="968868"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7951" name="Rectangle 7951"/>
                        <wps:cNvSpPr/>
                        <wps:spPr>
                          <a:xfrm>
                            <a:off x="1737635" y="23874"/>
                            <a:ext cx="1253676"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Установщики классов </w:t>
                              </w:r>
                            </w:p>
                          </w:txbxContent>
                        </wps:txbx>
                        <wps:bodyPr horzOverflow="overflow" vert="horz" lIns="0" tIns="0" rIns="0" bIns="0" rtlCol="0">
                          <a:noAutofit/>
                        </wps:bodyPr>
                      </wps:wsp>
                      <wps:wsp>
                        <wps:cNvPr id="7952" name="Rectangle 7952"/>
                        <wps:cNvSpPr/>
                        <wps:spPr>
                          <a:xfrm>
                            <a:off x="1826501" y="133585"/>
                            <a:ext cx="1011847"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и сопутствующие </w:t>
                              </w:r>
                            </w:p>
                          </w:txbxContent>
                        </wps:txbx>
                        <wps:bodyPr horzOverflow="overflow" vert="horz" lIns="0" tIns="0" rIns="0" bIns="0" rtlCol="0">
                          <a:noAutofit/>
                        </wps:bodyPr>
                      </wps:wsp>
                      <wps:wsp>
                        <wps:cNvPr id="7953" name="Rectangle 7953"/>
                        <wps:cNvSpPr/>
                        <wps:spPr>
                          <a:xfrm>
                            <a:off x="1950913" y="243295"/>
                            <a:ext cx="680852"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компоненты</w:t>
                              </w:r>
                            </w:p>
                          </w:txbxContent>
                        </wps:txbx>
                        <wps:bodyPr horzOverflow="overflow" vert="horz" lIns="0" tIns="0" rIns="0" bIns="0" rtlCol="0">
                          <a:noAutofit/>
                        </wps:bodyPr>
                      </wps:wsp>
                      <wps:wsp>
                        <wps:cNvPr id="7954" name="Shape 7954"/>
                        <wps:cNvSpPr/>
                        <wps:spPr>
                          <a:xfrm>
                            <a:off x="1359460" y="172719"/>
                            <a:ext cx="295308" cy="0"/>
                          </a:xfrm>
                          <a:custGeom>
                            <a:avLst/>
                            <a:gdLst/>
                            <a:ahLst/>
                            <a:cxnLst/>
                            <a:rect l="0" t="0" r="0" b="0"/>
                            <a:pathLst>
                              <a:path w="295308">
                                <a:moveTo>
                                  <a:pt x="0" y="0"/>
                                </a:moveTo>
                                <a:lnTo>
                                  <a:pt x="295308" y="0"/>
                                </a:lnTo>
                              </a:path>
                            </a:pathLst>
                          </a:custGeom>
                          <a:ln w="5469" cap="rnd">
                            <a:round/>
                          </a:ln>
                        </wps:spPr>
                        <wps:style>
                          <a:lnRef idx="1">
                            <a:srgbClr val="000000"/>
                          </a:lnRef>
                          <a:fillRef idx="0">
                            <a:srgbClr val="000000">
                              <a:alpha val="0"/>
                            </a:srgbClr>
                          </a:fillRef>
                          <a:effectRef idx="0">
                            <a:scrgbClr r="0" g="0" b="0"/>
                          </a:effectRef>
                          <a:fontRef idx="none"/>
                        </wps:style>
                        <wps:bodyPr/>
                      </wps:wsp>
                      <wps:wsp>
                        <wps:cNvPr id="7955" name="Shape 7955"/>
                        <wps:cNvSpPr/>
                        <wps:spPr>
                          <a:xfrm>
                            <a:off x="1291786" y="148034"/>
                            <a:ext cx="73827" cy="49369"/>
                          </a:xfrm>
                          <a:custGeom>
                            <a:avLst/>
                            <a:gdLst/>
                            <a:ahLst/>
                            <a:cxnLst/>
                            <a:rect l="0" t="0" r="0" b="0"/>
                            <a:pathLst>
                              <a:path w="73827" h="49369">
                                <a:moveTo>
                                  <a:pt x="73827" y="0"/>
                                </a:moveTo>
                                <a:lnTo>
                                  <a:pt x="73827" y="49369"/>
                                </a:lnTo>
                                <a:lnTo>
                                  <a:pt x="0" y="24685"/>
                                </a:lnTo>
                                <a:lnTo>
                                  <a:pt x="7382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956" name="Shape 7956"/>
                        <wps:cNvSpPr/>
                        <wps:spPr>
                          <a:xfrm>
                            <a:off x="1648616" y="148034"/>
                            <a:ext cx="73827" cy="49369"/>
                          </a:xfrm>
                          <a:custGeom>
                            <a:avLst/>
                            <a:gdLst/>
                            <a:ahLst/>
                            <a:cxnLst/>
                            <a:rect l="0" t="0" r="0" b="0"/>
                            <a:pathLst>
                              <a:path w="73827" h="49369">
                                <a:moveTo>
                                  <a:pt x="0" y="0"/>
                                </a:moveTo>
                                <a:lnTo>
                                  <a:pt x="73827" y="24685"/>
                                </a:lnTo>
                                <a:lnTo>
                                  <a:pt x="0" y="4936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957" name="Shape 7957"/>
                        <wps:cNvSpPr/>
                        <wps:spPr>
                          <a:xfrm>
                            <a:off x="1442554" y="0"/>
                            <a:ext cx="161478" cy="161976"/>
                          </a:xfrm>
                          <a:custGeom>
                            <a:avLst/>
                            <a:gdLst/>
                            <a:ahLst/>
                            <a:cxnLst/>
                            <a:rect l="0" t="0" r="0" b="0"/>
                            <a:pathLst>
                              <a:path w="161478" h="161976">
                                <a:moveTo>
                                  <a:pt x="80739" y="0"/>
                                </a:moveTo>
                                <a:cubicBezTo>
                                  <a:pt x="125324" y="0"/>
                                  <a:pt x="161478" y="36266"/>
                                  <a:pt x="161478" y="80988"/>
                                </a:cubicBezTo>
                                <a:cubicBezTo>
                                  <a:pt x="161478" y="125711"/>
                                  <a:pt x="125324" y="161976"/>
                                  <a:pt x="80739" y="161976"/>
                                </a:cubicBezTo>
                                <a:cubicBezTo>
                                  <a:pt x="36154" y="161976"/>
                                  <a:pt x="0" y="125711"/>
                                  <a:pt x="0" y="80988"/>
                                </a:cubicBezTo>
                                <a:cubicBezTo>
                                  <a:pt x="0" y="36266"/>
                                  <a:pt x="36154" y="0"/>
                                  <a:pt x="80739"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7958" name="Shape 7958"/>
                        <wps:cNvSpPr/>
                        <wps:spPr>
                          <a:xfrm>
                            <a:off x="1442554" y="0"/>
                            <a:ext cx="161478" cy="161976"/>
                          </a:xfrm>
                          <a:custGeom>
                            <a:avLst/>
                            <a:gdLst/>
                            <a:ahLst/>
                            <a:cxnLst/>
                            <a:rect l="0" t="0" r="0" b="0"/>
                            <a:pathLst>
                              <a:path w="161478" h="161976">
                                <a:moveTo>
                                  <a:pt x="161478" y="80988"/>
                                </a:moveTo>
                                <a:cubicBezTo>
                                  <a:pt x="161478" y="36266"/>
                                  <a:pt x="125324" y="0"/>
                                  <a:pt x="80739" y="0"/>
                                </a:cubicBezTo>
                                <a:cubicBezTo>
                                  <a:pt x="36154" y="0"/>
                                  <a:pt x="0" y="36266"/>
                                  <a:pt x="0" y="80988"/>
                                </a:cubicBezTo>
                                <a:cubicBezTo>
                                  <a:pt x="0" y="125711"/>
                                  <a:pt x="36154" y="161976"/>
                                  <a:pt x="80739" y="161976"/>
                                </a:cubicBezTo>
                                <a:cubicBezTo>
                                  <a:pt x="125324" y="161976"/>
                                  <a:pt x="161478" y="125711"/>
                                  <a:pt x="161478" y="80988"/>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7959" name="Rectangle 7959"/>
                        <wps:cNvSpPr/>
                        <wps:spPr>
                          <a:xfrm>
                            <a:off x="1497924" y="25674"/>
                            <a:ext cx="6742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4</w:t>
                              </w:r>
                            </w:p>
                          </w:txbxContent>
                        </wps:txbx>
                        <wps:bodyPr horzOverflow="overflow" vert="horz" lIns="0" tIns="0" rIns="0" bIns="0" rtlCol="0">
                          <a:noAutofit/>
                        </wps:bodyPr>
                      </wps:wsp>
                      <wps:wsp>
                        <wps:cNvPr id="69511" name="Shape 69511"/>
                        <wps:cNvSpPr/>
                        <wps:spPr>
                          <a:xfrm>
                            <a:off x="753576" y="766681"/>
                            <a:ext cx="982312" cy="323952"/>
                          </a:xfrm>
                          <a:custGeom>
                            <a:avLst/>
                            <a:gdLst/>
                            <a:ahLst/>
                            <a:cxnLst/>
                            <a:rect l="0" t="0" r="0" b="0"/>
                            <a:pathLst>
                              <a:path w="982312" h="323952">
                                <a:moveTo>
                                  <a:pt x="0" y="0"/>
                                </a:moveTo>
                                <a:lnTo>
                                  <a:pt x="982312" y="0"/>
                                </a:lnTo>
                                <a:lnTo>
                                  <a:pt x="982312" y="323952"/>
                                </a:lnTo>
                                <a:lnTo>
                                  <a:pt x="0" y="323952"/>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7961" name="Shape 7961"/>
                        <wps:cNvSpPr/>
                        <wps:spPr>
                          <a:xfrm>
                            <a:off x="753576" y="766681"/>
                            <a:ext cx="982312" cy="323952"/>
                          </a:xfrm>
                          <a:custGeom>
                            <a:avLst/>
                            <a:gdLst/>
                            <a:ahLst/>
                            <a:cxnLst/>
                            <a:rect l="0" t="0" r="0" b="0"/>
                            <a:pathLst>
                              <a:path w="982312" h="323952">
                                <a:moveTo>
                                  <a:pt x="0" y="323952"/>
                                </a:moveTo>
                                <a:lnTo>
                                  <a:pt x="982312" y="323952"/>
                                </a:lnTo>
                                <a:lnTo>
                                  <a:pt x="982312"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7962" name="Rectangle 7962"/>
                        <wps:cNvSpPr/>
                        <wps:spPr>
                          <a:xfrm>
                            <a:off x="913839" y="779812"/>
                            <a:ext cx="596992"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w:t>
                              </w:r>
                            </w:p>
                          </w:txbxContent>
                        </wps:txbx>
                        <wps:bodyPr horzOverflow="overflow" vert="horz" lIns="0" tIns="0" rIns="0" bIns="0" rtlCol="0">
                          <a:noAutofit/>
                        </wps:bodyPr>
                      </wps:wsp>
                      <wps:wsp>
                        <wps:cNvPr id="7963" name="Rectangle 7963"/>
                        <wps:cNvSpPr/>
                        <wps:spPr>
                          <a:xfrm>
                            <a:off x="1362726" y="763632"/>
                            <a:ext cx="3368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964" name="Rectangle 7964"/>
                        <wps:cNvSpPr/>
                        <wps:spPr>
                          <a:xfrm>
                            <a:off x="1388095" y="763632"/>
                            <a:ext cx="215696" cy="13558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Pnp</w:t>
                              </w:r>
                              <w:proofErr w:type="spellEnd"/>
                            </w:p>
                          </w:txbxContent>
                        </wps:txbx>
                        <wps:bodyPr horzOverflow="overflow" vert="horz" lIns="0" tIns="0" rIns="0" bIns="0" rtlCol="0">
                          <a:noAutofit/>
                        </wps:bodyPr>
                      </wps:wsp>
                      <wps:wsp>
                        <wps:cNvPr id="7965" name="Rectangle 7965"/>
                        <wps:cNvSpPr/>
                        <wps:spPr>
                          <a:xfrm>
                            <a:off x="1550257" y="763632"/>
                            <a:ext cx="3368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966" name="Rectangle 7966"/>
                        <wps:cNvSpPr/>
                        <wps:spPr>
                          <a:xfrm>
                            <a:off x="829302" y="889523"/>
                            <a:ext cx="1105007"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пользовательского </w:t>
                              </w:r>
                            </w:p>
                          </w:txbxContent>
                        </wps:txbx>
                        <wps:bodyPr horzOverflow="overflow" vert="horz" lIns="0" tIns="0" rIns="0" bIns="0" rtlCol="0">
                          <a:noAutofit/>
                        </wps:bodyPr>
                      </wps:wsp>
                      <wps:wsp>
                        <wps:cNvPr id="7967" name="Rectangle 7967"/>
                        <wps:cNvSpPr/>
                        <wps:spPr>
                          <a:xfrm>
                            <a:off x="1081393" y="999234"/>
                            <a:ext cx="434390" cy="11429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а</w:t>
                              </w:r>
                            </w:p>
                          </w:txbxContent>
                        </wps:txbx>
                        <wps:bodyPr horzOverflow="overflow" vert="horz" lIns="0" tIns="0" rIns="0" bIns="0" rtlCol="0">
                          <a:noAutofit/>
                        </wps:bodyPr>
                      </wps:wsp>
                      <wps:wsp>
                        <wps:cNvPr id="7968" name="Shape 7968"/>
                        <wps:cNvSpPr/>
                        <wps:spPr>
                          <a:xfrm>
                            <a:off x="968830" y="334695"/>
                            <a:ext cx="0" cy="364103"/>
                          </a:xfrm>
                          <a:custGeom>
                            <a:avLst/>
                            <a:gdLst/>
                            <a:ahLst/>
                            <a:cxnLst/>
                            <a:rect l="0" t="0" r="0" b="0"/>
                            <a:pathLst>
                              <a:path h="364103">
                                <a:moveTo>
                                  <a:pt x="0" y="0"/>
                                </a:moveTo>
                                <a:lnTo>
                                  <a:pt x="0" y="364103"/>
                                </a:lnTo>
                              </a:path>
                            </a:pathLst>
                          </a:custGeom>
                          <a:ln w="5469" cap="rnd">
                            <a:round/>
                          </a:ln>
                        </wps:spPr>
                        <wps:style>
                          <a:lnRef idx="1">
                            <a:srgbClr val="000000"/>
                          </a:lnRef>
                          <a:fillRef idx="0">
                            <a:srgbClr val="000000">
                              <a:alpha val="0"/>
                            </a:srgbClr>
                          </a:fillRef>
                          <a:effectRef idx="0">
                            <a:scrgbClr r="0" g="0" b="0"/>
                          </a:effectRef>
                          <a:fontRef idx="none"/>
                        </wps:style>
                        <wps:bodyPr/>
                      </wps:wsp>
                      <wps:wsp>
                        <wps:cNvPr id="7969" name="Shape 7969"/>
                        <wps:cNvSpPr/>
                        <wps:spPr>
                          <a:xfrm>
                            <a:off x="944220" y="692627"/>
                            <a:ext cx="49218" cy="74054"/>
                          </a:xfrm>
                          <a:custGeom>
                            <a:avLst/>
                            <a:gdLst/>
                            <a:ahLst/>
                            <a:cxnLst/>
                            <a:rect l="0" t="0" r="0" b="0"/>
                            <a:pathLst>
                              <a:path w="49218" h="74054">
                                <a:moveTo>
                                  <a:pt x="0" y="0"/>
                                </a:moveTo>
                                <a:lnTo>
                                  <a:pt x="49218" y="0"/>
                                </a:lnTo>
                                <a:lnTo>
                                  <a:pt x="24609" y="7405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970" name="Shape 7970"/>
                        <wps:cNvSpPr/>
                        <wps:spPr>
                          <a:xfrm>
                            <a:off x="322956" y="402579"/>
                            <a:ext cx="362930" cy="472061"/>
                          </a:xfrm>
                          <a:custGeom>
                            <a:avLst/>
                            <a:gdLst/>
                            <a:ahLst/>
                            <a:cxnLst/>
                            <a:rect l="0" t="0" r="0" b="0"/>
                            <a:pathLst>
                              <a:path w="362930" h="472061">
                                <a:moveTo>
                                  <a:pt x="0" y="0"/>
                                </a:moveTo>
                                <a:lnTo>
                                  <a:pt x="0" y="472061"/>
                                </a:lnTo>
                                <a:lnTo>
                                  <a:pt x="362930" y="472061"/>
                                </a:lnTo>
                              </a:path>
                            </a:pathLst>
                          </a:custGeom>
                          <a:ln w="5469" cap="rnd">
                            <a:round/>
                          </a:ln>
                        </wps:spPr>
                        <wps:style>
                          <a:lnRef idx="1">
                            <a:srgbClr val="000000"/>
                          </a:lnRef>
                          <a:fillRef idx="0">
                            <a:srgbClr val="000000">
                              <a:alpha val="0"/>
                            </a:srgbClr>
                          </a:fillRef>
                          <a:effectRef idx="0">
                            <a:scrgbClr r="0" g="0" b="0"/>
                          </a:effectRef>
                          <a:fontRef idx="none"/>
                        </wps:style>
                        <wps:bodyPr/>
                      </wps:wsp>
                      <wps:wsp>
                        <wps:cNvPr id="7971" name="Shape 7971"/>
                        <wps:cNvSpPr/>
                        <wps:spPr>
                          <a:xfrm>
                            <a:off x="298347" y="334695"/>
                            <a:ext cx="49218" cy="74054"/>
                          </a:xfrm>
                          <a:custGeom>
                            <a:avLst/>
                            <a:gdLst/>
                            <a:ahLst/>
                            <a:cxnLst/>
                            <a:rect l="0" t="0" r="0" b="0"/>
                            <a:pathLst>
                              <a:path w="49218" h="74054">
                                <a:moveTo>
                                  <a:pt x="24609" y="0"/>
                                </a:moveTo>
                                <a:lnTo>
                                  <a:pt x="49218" y="74054"/>
                                </a:lnTo>
                                <a:lnTo>
                                  <a:pt x="0" y="74054"/>
                                </a:lnTo>
                                <a:lnTo>
                                  <a:pt x="24609"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972" name="Shape 7972"/>
                        <wps:cNvSpPr/>
                        <wps:spPr>
                          <a:xfrm>
                            <a:off x="679734" y="849955"/>
                            <a:ext cx="73842" cy="49370"/>
                          </a:xfrm>
                          <a:custGeom>
                            <a:avLst/>
                            <a:gdLst/>
                            <a:ahLst/>
                            <a:cxnLst/>
                            <a:rect l="0" t="0" r="0" b="0"/>
                            <a:pathLst>
                              <a:path w="73842" h="49370">
                                <a:moveTo>
                                  <a:pt x="0" y="0"/>
                                </a:moveTo>
                                <a:lnTo>
                                  <a:pt x="73842" y="24685"/>
                                </a:lnTo>
                                <a:lnTo>
                                  <a:pt x="0" y="4937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973" name="Shape 7973"/>
                        <wps:cNvSpPr/>
                        <wps:spPr>
                          <a:xfrm>
                            <a:off x="0" y="1306551"/>
                            <a:ext cx="2260653" cy="0"/>
                          </a:xfrm>
                          <a:custGeom>
                            <a:avLst/>
                            <a:gdLst/>
                            <a:ahLst/>
                            <a:cxnLst/>
                            <a:rect l="0" t="0" r="0" b="0"/>
                            <a:pathLst>
                              <a:path w="2260653">
                                <a:moveTo>
                                  <a:pt x="0" y="0"/>
                                </a:moveTo>
                                <a:lnTo>
                                  <a:pt x="2260653" y="0"/>
                                </a:lnTo>
                              </a:path>
                            </a:pathLst>
                          </a:custGeom>
                          <a:ln w="16406" cap="rnd">
                            <a:round/>
                          </a:ln>
                        </wps:spPr>
                        <wps:style>
                          <a:lnRef idx="1">
                            <a:srgbClr val="000000"/>
                          </a:lnRef>
                          <a:fillRef idx="0">
                            <a:srgbClr val="000000">
                              <a:alpha val="0"/>
                            </a:srgbClr>
                          </a:fillRef>
                          <a:effectRef idx="0">
                            <a:scrgbClr r="0" g="0" b="0"/>
                          </a:effectRef>
                          <a:fontRef idx="none"/>
                        </wps:style>
                        <wps:bodyPr/>
                      </wps:wsp>
                      <wps:wsp>
                        <wps:cNvPr id="7974" name="Rectangle 7974"/>
                        <wps:cNvSpPr/>
                        <wps:spPr>
                          <a:xfrm>
                            <a:off x="1177399" y="1191228"/>
                            <a:ext cx="1449897"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wps:txbx>
                        <wps:bodyPr horzOverflow="overflow" vert="horz" lIns="0" tIns="0" rIns="0" bIns="0" rtlCol="0">
                          <a:noAutofit/>
                        </wps:bodyPr>
                      </wps:wsp>
                      <wps:wsp>
                        <wps:cNvPr id="7975" name="Rectangle 7975"/>
                        <wps:cNvSpPr/>
                        <wps:spPr>
                          <a:xfrm>
                            <a:off x="1748724" y="1343604"/>
                            <a:ext cx="685307"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жим ядра</w:t>
                              </w:r>
                            </w:p>
                          </w:txbxContent>
                        </wps:txbx>
                        <wps:bodyPr horzOverflow="overflow" vert="horz" lIns="0" tIns="0" rIns="0" bIns="0" rtlCol="0">
                          <a:noAutofit/>
                        </wps:bodyPr>
                      </wps:wsp>
                      <wps:wsp>
                        <wps:cNvPr id="69512" name="Shape 69512"/>
                        <wps:cNvSpPr/>
                        <wps:spPr>
                          <a:xfrm>
                            <a:off x="753576" y="1630502"/>
                            <a:ext cx="538255" cy="323952"/>
                          </a:xfrm>
                          <a:custGeom>
                            <a:avLst/>
                            <a:gdLst/>
                            <a:ahLst/>
                            <a:cxnLst/>
                            <a:rect l="0" t="0" r="0" b="0"/>
                            <a:pathLst>
                              <a:path w="538255" h="323952">
                                <a:moveTo>
                                  <a:pt x="0" y="0"/>
                                </a:moveTo>
                                <a:lnTo>
                                  <a:pt x="538255" y="0"/>
                                </a:lnTo>
                                <a:lnTo>
                                  <a:pt x="538255" y="323952"/>
                                </a:lnTo>
                                <a:lnTo>
                                  <a:pt x="0" y="323952"/>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7977" name="Shape 7977"/>
                        <wps:cNvSpPr/>
                        <wps:spPr>
                          <a:xfrm>
                            <a:off x="753576" y="1630502"/>
                            <a:ext cx="538255" cy="323952"/>
                          </a:xfrm>
                          <a:custGeom>
                            <a:avLst/>
                            <a:gdLst/>
                            <a:ahLst/>
                            <a:cxnLst/>
                            <a:rect l="0" t="0" r="0" b="0"/>
                            <a:pathLst>
                              <a:path w="538255" h="323952">
                                <a:moveTo>
                                  <a:pt x="0" y="323952"/>
                                </a:moveTo>
                                <a:lnTo>
                                  <a:pt x="538255" y="323952"/>
                                </a:lnTo>
                                <a:lnTo>
                                  <a:pt x="538255"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7978" name="Rectangle 7978"/>
                        <wps:cNvSpPr/>
                        <wps:spPr>
                          <a:xfrm>
                            <a:off x="785553" y="1698489"/>
                            <a:ext cx="596992"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испетчер</w:t>
                              </w:r>
                            </w:p>
                          </w:txbxContent>
                        </wps:txbx>
                        <wps:bodyPr horzOverflow="overflow" vert="horz" lIns="0" tIns="0" rIns="0" bIns="0" rtlCol="0">
                          <a:noAutofit/>
                        </wps:bodyPr>
                      </wps:wsp>
                      <wps:wsp>
                        <wps:cNvPr id="7979" name="Rectangle 7979"/>
                        <wps:cNvSpPr/>
                        <wps:spPr>
                          <a:xfrm>
                            <a:off x="1234440" y="1682308"/>
                            <a:ext cx="3368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980" name="Rectangle 7980"/>
                        <wps:cNvSpPr/>
                        <wps:spPr>
                          <a:xfrm>
                            <a:off x="928954" y="1792019"/>
                            <a:ext cx="215696" cy="13558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4"/>
                                </w:rPr>
                                <w:t>Pnp</w:t>
                              </w:r>
                              <w:proofErr w:type="spellEnd"/>
                            </w:p>
                          </w:txbxContent>
                        </wps:txbx>
                        <wps:bodyPr horzOverflow="overflow" vert="horz" lIns="0" tIns="0" rIns="0" bIns="0" rtlCol="0">
                          <a:noAutofit/>
                        </wps:bodyPr>
                      </wps:wsp>
                      <wps:wsp>
                        <wps:cNvPr id="7981" name="Rectangle 7981"/>
                        <wps:cNvSpPr/>
                        <wps:spPr>
                          <a:xfrm>
                            <a:off x="1091115" y="1792019"/>
                            <a:ext cx="3368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982" name="Shape 7982"/>
                        <wps:cNvSpPr/>
                        <wps:spPr>
                          <a:xfrm>
                            <a:off x="1076532" y="1158517"/>
                            <a:ext cx="0" cy="404102"/>
                          </a:xfrm>
                          <a:custGeom>
                            <a:avLst/>
                            <a:gdLst/>
                            <a:ahLst/>
                            <a:cxnLst/>
                            <a:rect l="0" t="0" r="0" b="0"/>
                            <a:pathLst>
                              <a:path h="404102">
                                <a:moveTo>
                                  <a:pt x="0" y="0"/>
                                </a:moveTo>
                                <a:lnTo>
                                  <a:pt x="0" y="404102"/>
                                </a:lnTo>
                              </a:path>
                            </a:pathLst>
                          </a:custGeom>
                          <a:ln w="5469" cap="rnd">
                            <a:round/>
                          </a:ln>
                        </wps:spPr>
                        <wps:style>
                          <a:lnRef idx="1">
                            <a:srgbClr val="000000"/>
                          </a:lnRef>
                          <a:fillRef idx="0">
                            <a:srgbClr val="000000">
                              <a:alpha val="0"/>
                            </a:srgbClr>
                          </a:fillRef>
                          <a:effectRef idx="0">
                            <a:scrgbClr r="0" g="0" b="0"/>
                          </a:effectRef>
                          <a:fontRef idx="none"/>
                        </wps:style>
                        <wps:bodyPr/>
                      </wps:wsp>
                      <wps:wsp>
                        <wps:cNvPr id="7983" name="Shape 7983"/>
                        <wps:cNvSpPr/>
                        <wps:spPr>
                          <a:xfrm>
                            <a:off x="1051923" y="1090633"/>
                            <a:ext cx="49218" cy="74055"/>
                          </a:xfrm>
                          <a:custGeom>
                            <a:avLst/>
                            <a:gdLst/>
                            <a:ahLst/>
                            <a:cxnLst/>
                            <a:rect l="0" t="0" r="0" b="0"/>
                            <a:pathLst>
                              <a:path w="49218" h="74055">
                                <a:moveTo>
                                  <a:pt x="24609" y="0"/>
                                </a:moveTo>
                                <a:lnTo>
                                  <a:pt x="49218" y="74055"/>
                                </a:lnTo>
                                <a:lnTo>
                                  <a:pt x="0" y="74055"/>
                                </a:lnTo>
                                <a:lnTo>
                                  <a:pt x="24609"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984" name="Shape 7984"/>
                        <wps:cNvSpPr/>
                        <wps:spPr>
                          <a:xfrm>
                            <a:off x="1051923" y="1556448"/>
                            <a:ext cx="49218" cy="74054"/>
                          </a:xfrm>
                          <a:custGeom>
                            <a:avLst/>
                            <a:gdLst/>
                            <a:ahLst/>
                            <a:cxnLst/>
                            <a:rect l="0" t="0" r="0" b="0"/>
                            <a:pathLst>
                              <a:path w="49218" h="74054">
                                <a:moveTo>
                                  <a:pt x="0" y="0"/>
                                </a:moveTo>
                                <a:lnTo>
                                  <a:pt x="49218" y="0"/>
                                </a:lnTo>
                                <a:lnTo>
                                  <a:pt x="24609" y="7405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7985" name="Shape 7985"/>
                        <wps:cNvSpPr/>
                        <wps:spPr>
                          <a:xfrm>
                            <a:off x="1130308" y="1360568"/>
                            <a:ext cx="161478" cy="161975"/>
                          </a:xfrm>
                          <a:custGeom>
                            <a:avLst/>
                            <a:gdLst/>
                            <a:ahLst/>
                            <a:cxnLst/>
                            <a:rect l="0" t="0" r="0" b="0"/>
                            <a:pathLst>
                              <a:path w="161478" h="161975">
                                <a:moveTo>
                                  <a:pt x="80738" y="0"/>
                                </a:moveTo>
                                <a:cubicBezTo>
                                  <a:pt x="125324" y="0"/>
                                  <a:pt x="161478" y="36265"/>
                                  <a:pt x="161478" y="80987"/>
                                </a:cubicBezTo>
                                <a:cubicBezTo>
                                  <a:pt x="161478" y="125710"/>
                                  <a:pt x="125324" y="161975"/>
                                  <a:pt x="80738" y="161975"/>
                                </a:cubicBezTo>
                                <a:cubicBezTo>
                                  <a:pt x="36154" y="161975"/>
                                  <a:pt x="0" y="125710"/>
                                  <a:pt x="0" y="80987"/>
                                </a:cubicBezTo>
                                <a:cubicBezTo>
                                  <a:pt x="0" y="36265"/>
                                  <a:pt x="36154" y="0"/>
                                  <a:pt x="80738"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7986" name="Shape 7986"/>
                        <wps:cNvSpPr/>
                        <wps:spPr>
                          <a:xfrm>
                            <a:off x="1130308" y="1360568"/>
                            <a:ext cx="161478" cy="161975"/>
                          </a:xfrm>
                          <a:custGeom>
                            <a:avLst/>
                            <a:gdLst/>
                            <a:ahLst/>
                            <a:cxnLst/>
                            <a:rect l="0" t="0" r="0" b="0"/>
                            <a:pathLst>
                              <a:path w="161478" h="161975">
                                <a:moveTo>
                                  <a:pt x="161478" y="80987"/>
                                </a:moveTo>
                                <a:cubicBezTo>
                                  <a:pt x="161478" y="36265"/>
                                  <a:pt x="125324" y="0"/>
                                  <a:pt x="80738" y="0"/>
                                </a:cubicBezTo>
                                <a:cubicBezTo>
                                  <a:pt x="36154" y="0"/>
                                  <a:pt x="0" y="36265"/>
                                  <a:pt x="0" y="80987"/>
                                </a:cubicBezTo>
                                <a:cubicBezTo>
                                  <a:pt x="0" y="125710"/>
                                  <a:pt x="36154" y="161975"/>
                                  <a:pt x="80738" y="161975"/>
                                </a:cubicBezTo>
                                <a:cubicBezTo>
                                  <a:pt x="125324" y="161975"/>
                                  <a:pt x="161478" y="125710"/>
                                  <a:pt x="161478" y="80987"/>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7987" name="Rectangle 7987"/>
                        <wps:cNvSpPr/>
                        <wps:spPr>
                          <a:xfrm>
                            <a:off x="1185754" y="1386242"/>
                            <a:ext cx="6742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2</w:t>
                              </w:r>
                            </w:p>
                          </w:txbxContent>
                        </wps:txbx>
                        <wps:bodyPr horzOverflow="overflow" vert="horz" lIns="0" tIns="0" rIns="0" bIns="0" rtlCol="0">
                          <a:noAutofit/>
                        </wps:bodyPr>
                      </wps:wsp>
                      <wps:wsp>
                        <wps:cNvPr id="7989" name="Shape 7989"/>
                        <wps:cNvSpPr/>
                        <wps:spPr>
                          <a:xfrm>
                            <a:off x="1805841" y="1630533"/>
                            <a:ext cx="885394" cy="215963"/>
                          </a:xfrm>
                          <a:custGeom>
                            <a:avLst/>
                            <a:gdLst/>
                            <a:ahLst/>
                            <a:cxnLst/>
                            <a:rect l="0" t="0" r="0" b="0"/>
                            <a:pathLst>
                              <a:path w="885394" h="215963">
                                <a:moveTo>
                                  <a:pt x="0" y="215963"/>
                                </a:moveTo>
                                <a:lnTo>
                                  <a:pt x="885394" y="215963"/>
                                </a:lnTo>
                                <a:lnTo>
                                  <a:pt x="88539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7990" name="Rectangle 7990"/>
                        <wps:cNvSpPr/>
                        <wps:spPr>
                          <a:xfrm>
                            <a:off x="1869111" y="1699403"/>
                            <a:ext cx="1009263"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 фильтра</w:t>
                              </w:r>
                            </w:p>
                          </w:txbxContent>
                        </wps:txbx>
                        <wps:bodyPr horzOverflow="overflow" vert="horz" lIns="0" tIns="0" rIns="0" bIns="0" rtlCol="0">
                          <a:noAutofit/>
                        </wps:bodyPr>
                      </wps:wsp>
                      <wps:wsp>
                        <wps:cNvPr id="7992" name="Shape 7992"/>
                        <wps:cNvSpPr/>
                        <wps:spPr>
                          <a:xfrm>
                            <a:off x="1805841" y="1954485"/>
                            <a:ext cx="885394" cy="215963"/>
                          </a:xfrm>
                          <a:custGeom>
                            <a:avLst/>
                            <a:gdLst/>
                            <a:ahLst/>
                            <a:cxnLst/>
                            <a:rect l="0" t="0" r="0" b="0"/>
                            <a:pathLst>
                              <a:path w="885394" h="215963">
                                <a:moveTo>
                                  <a:pt x="0" y="215963"/>
                                </a:moveTo>
                                <a:lnTo>
                                  <a:pt x="885394" y="215963"/>
                                </a:lnTo>
                                <a:lnTo>
                                  <a:pt x="88539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7993" name="Rectangle 7993"/>
                        <wps:cNvSpPr/>
                        <wps:spPr>
                          <a:xfrm>
                            <a:off x="1872225" y="1968499"/>
                            <a:ext cx="1001063"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Функциональный </w:t>
                              </w:r>
                            </w:p>
                          </w:txbxContent>
                        </wps:txbx>
                        <wps:bodyPr horzOverflow="overflow" vert="horz" lIns="0" tIns="0" rIns="0" bIns="0" rtlCol="0">
                          <a:noAutofit/>
                        </wps:bodyPr>
                      </wps:wsp>
                      <wps:wsp>
                        <wps:cNvPr id="7994" name="Rectangle 7994"/>
                        <wps:cNvSpPr/>
                        <wps:spPr>
                          <a:xfrm>
                            <a:off x="2058236" y="2078210"/>
                            <a:ext cx="472508"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w:t>
                              </w:r>
                            </w:p>
                          </w:txbxContent>
                        </wps:txbx>
                        <wps:bodyPr horzOverflow="overflow" vert="horz" lIns="0" tIns="0" rIns="0" bIns="0" rtlCol="0">
                          <a:noAutofit/>
                        </wps:bodyPr>
                      </wps:wsp>
                      <wps:wsp>
                        <wps:cNvPr id="7995" name="Rectangle 7995"/>
                        <wps:cNvSpPr/>
                        <wps:spPr>
                          <a:xfrm>
                            <a:off x="2413548" y="2062030"/>
                            <a:ext cx="3368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 xml:space="preserve"> </w:t>
                              </w:r>
                            </w:p>
                          </w:txbxContent>
                        </wps:txbx>
                        <wps:bodyPr horzOverflow="overflow" vert="horz" lIns="0" tIns="0" rIns="0" bIns="0" rtlCol="0">
                          <a:noAutofit/>
                        </wps:bodyPr>
                      </wps:wsp>
                      <wps:wsp>
                        <wps:cNvPr id="7997" name="Shape 7997"/>
                        <wps:cNvSpPr/>
                        <wps:spPr>
                          <a:xfrm>
                            <a:off x="1805841" y="2278429"/>
                            <a:ext cx="885394" cy="215963"/>
                          </a:xfrm>
                          <a:custGeom>
                            <a:avLst/>
                            <a:gdLst/>
                            <a:ahLst/>
                            <a:cxnLst/>
                            <a:rect l="0" t="0" r="0" b="0"/>
                            <a:pathLst>
                              <a:path w="885394" h="215963">
                                <a:moveTo>
                                  <a:pt x="0" y="215963"/>
                                </a:moveTo>
                                <a:lnTo>
                                  <a:pt x="885394" y="215963"/>
                                </a:lnTo>
                                <a:lnTo>
                                  <a:pt x="88539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7998" name="Rectangle 7998"/>
                        <wps:cNvSpPr/>
                        <wps:spPr>
                          <a:xfrm>
                            <a:off x="1869111" y="2347276"/>
                            <a:ext cx="1009263"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 фильтра</w:t>
                              </w:r>
                            </w:p>
                          </w:txbxContent>
                        </wps:txbx>
                        <wps:bodyPr horzOverflow="overflow" vert="horz" lIns="0" tIns="0" rIns="0" bIns="0" rtlCol="0">
                          <a:noAutofit/>
                        </wps:bodyPr>
                      </wps:wsp>
                      <wps:wsp>
                        <wps:cNvPr id="7999" name="Shape 7999"/>
                        <wps:cNvSpPr/>
                        <wps:spPr>
                          <a:xfrm>
                            <a:off x="1722444" y="1576561"/>
                            <a:ext cx="107627" cy="971817"/>
                          </a:xfrm>
                          <a:custGeom>
                            <a:avLst/>
                            <a:gdLst/>
                            <a:ahLst/>
                            <a:cxnLst/>
                            <a:rect l="0" t="0" r="0" b="0"/>
                            <a:pathLst>
                              <a:path w="107627" h="971817">
                                <a:moveTo>
                                  <a:pt x="107627" y="0"/>
                                </a:moveTo>
                                <a:lnTo>
                                  <a:pt x="0" y="0"/>
                                </a:lnTo>
                                <a:lnTo>
                                  <a:pt x="0" y="971817"/>
                                </a:lnTo>
                                <a:lnTo>
                                  <a:pt x="107627" y="971817"/>
                                </a:lnTo>
                              </a:path>
                            </a:pathLst>
                          </a:custGeom>
                          <a:ln w="5469" cap="rnd">
                            <a:round/>
                          </a:ln>
                        </wps:spPr>
                        <wps:style>
                          <a:lnRef idx="1">
                            <a:srgbClr val="000000"/>
                          </a:lnRef>
                          <a:fillRef idx="0">
                            <a:srgbClr val="000000">
                              <a:alpha val="0"/>
                            </a:srgbClr>
                          </a:fillRef>
                          <a:effectRef idx="0">
                            <a:scrgbClr r="0" g="0" b="0"/>
                          </a:effectRef>
                          <a:fontRef idx="none"/>
                        </wps:style>
                        <wps:bodyPr/>
                      </wps:wsp>
                      <wps:wsp>
                        <wps:cNvPr id="8000" name="Shape 8000"/>
                        <wps:cNvSpPr/>
                        <wps:spPr>
                          <a:xfrm>
                            <a:off x="1291786" y="1684520"/>
                            <a:ext cx="309132" cy="0"/>
                          </a:xfrm>
                          <a:custGeom>
                            <a:avLst/>
                            <a:gdLst/>
                            <a:ahLst/>
                            <a:cxnLst/>
                            <a:rect l="0" t="0" r="0" b="0"/>
                            <a:pathLst>
                              <a:path w="309132">
                                <a:moveTo>
                                  <a:pt x="0" y="0"/>
                                </a:moveTo>
                                <a:lnTo>
                                  <a:pt x="309132" y="0"/>
                                </a:lnTo>
                              </a:path>
                            </a:pathLst>
                          </a:custGeom>
                          <a:ln w="5469" cap="rnd">
                            <a:round/>
                          </a:ln>
                        </wps:spPr>
                        <wps:style>
                          <a:lnRef idx="1">
                            <a:srgbClr val="000000"/>
                          </a:lnRef>
                          <a:fillRef idx="0">
                            <a:srgbClr val="000000">
                              <a:alpha val="0"/>
                            </a:srgbClr>
                          </a:fillRef>
                          <a:effectRef idx="0">
                            <a:scrgbClr r="0" g="0" b="0"/>
                          </a:effectRef>
                          <a:fontRef idx="none"/>
                        </wps:style>
                        <wps:bodyPr/>
                      </wps:wsp>
                      <wps:wsp>
                        <wps:cNvPr id="8001" name="Shape 8001"/>
                        <wps:cNvSpPr/>
                        <wps:spPr>
                          <a:xfrm>
                            <a:off x="1594766" y="1659835"/>
                            <a:ext cx="73827" cy="49369"/>
                          </a:xfrm>
                          <a:custGeom>
                            <a:avLst/>
                            <a:gdLst/>
                            <a:ahLst/>
                            <a:cxnLst/>
                            <a:rect l="0" t="0" r="0" b="0"/>
                            <a:pathLst>
                              <a:path w="73827" h="49369">
                                <a:moveTo>
                                  <a:pt x="0" y="0"/>
                                </a:moveTo>
                                <a:lnTo>
                                  <a:pt x="73827" y="24685"/>
                                </a:lnTo>
                                <a:lnTo>
                                  <a:pt x="0" y="4936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9513" name="Shape 69513"/>
                        <wps:cNvSpPr/>
                        <wps:spPr>
                          <a:xfrm>
                            <a:off x="1805841" y="2710361"/>
                            <a:ext cx="885394" cy="215963"/>
                          </a:xfrm>
                          <a:custGeom>
                            <a:avLst/>
                            <a:gdLst/>
                            <a:ahLst/>
                            <a:cxnLst/>
                            <a:rect l="0" t="0" r="0" b="0"/>
                            <a:pathLst>
                              <a:path w="885394" h="215963">
                                <a:moveTo>
                                  <a:pt x="0" y="0"/>
                                </a:moveTo>
                                <a:lnTo>
                                  <a:pt x="885394" y="0"/>
                                </a:lnTo>
                                <a:lnTo>
                                  <a:pt x="885394" y="215963"/>
                                </a:lnTo>
                                <a:lnTo>
                                  <a:pt x="0" y="215963"/>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8003" name="Shape 8003"/>
                        <wps:cNvSpPr/>
                        <wps:spPr>
                          <a:xfrm>
                            <a:off x="1805841" y="2710361"/>
                            <a:ext cx="885394" cy="215963"/>
                          </a:xfrm>
                          <a:custGeom>
                            <a:avLst/>
                            <a:gdLst/>
                            <a:ahLst/>
                            <a:cxnLst/>
                            <a:rect l="0" t="0" r="0" b="0"/>
                            <a:pathLst>
                              <a:path w="885394" h="215963">
                                <a:moveTo>
                                  <a:pt x="0" y="215963"/>
                                </a:moveTo>
                                <a:lnTo>
                                  <a:pt x="885394" y="215963"/>
                                </a:lnTo>
                                <a:lnTo>
                                  <a:pt x="885394" y="0"/>
                                </a:lnTo>
                                <a:lnTo>
                                  <a:pt x="0" y="0"/>
                                </a:lnTo>
                                <a:close/>
                              </a:path>
                            </a:pathLst>
                          </a:custGeom>
                          <a:ln w="1823" cap="rnd">
                            <a:round/>
                          </a:ln>
                        </wps:spPr>
                        <wps:style>
                          <a:lnRef idx="1">
                            <a:srgbClr val="000000"/>
                          </a:lnRef>
                          <a:fillRef idx="0">
                            <a:srgbClr val="000000">
                              <a:alpha val="0"/>
                            </a:srgbClr>
                          </a:fillRef>
                          <a:effectRef idx="0">
                            <a:scrgbClr r="0" g="0" b="0"/>
                          </a:effectRef>
                          <a:fontRef idx="none"/>
                        </wps:style>
                        <wps:bodyPr/>
                      </wps:wsp>
                      <wps:wsp>
                        <wps:cNvPr id="8004" name="Rectangle 8004"/>
                        <wps:cNvSpPr/>
                        <wps:spPr>
                          <a:xfrm>
                            <a:off x="1934051" y="2779210"/>
                            <a:ext cx="836647"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Драйвер шины</w:t>
                              </w:r>
                            </w:p>
                          </w:txbxContent>
                        </wps:txbx>
                        <wps:bodyPr horzOverflow="overflow" vert="horz" lIns="0" tIns="0" rIns="0" bIns="0" rtlCol="0">
                          <a:noAutofit/>
                        </wps:bodyPr>
                      </wps:wsp>
                      <wps:wsp>
                        <wps:cNvPr id="8005" name="Shape 8005"/>
                        <wps:cNvSpPr/>
                        <wps:spPr>
                          <a:xfrm>
                            <a:off x="1359460" y="1792478"/>
                            <a:ext cx="378706" cy="1025865"/>
                          </a:xfrm>
                          <a:custGeom>
                            <a:avLst/>
                            <a:gdLst/>
                            <a:ahLst/>
                            <a:cxnLst/>
                            <a:rect l="0" t="0" r="0" b="0"/>
                            <a:pathLst>
                              <a:path w="378706" h="1025865">
                                <a:moveTo>
                                  <a:pt x="0" y="0"/>
                                </a:moveTo>
                                <a:lnTo>
                                  <a:pt x="147654" y="0"/>
                                </a:lnTo>
                                <a:lnTo>
                                  <a:pt x="147654" y="1025865"/>
                                </a:lnTo>
                                <a:lnTo>
                                  <a:pt x="378706" y="1025865"/>
                                </a:lnTo>
                              </a:path>
                            </a:pathLst>
                          </a:custGeom>
                          <a:ln w="5469" cap="rnd">
                            <a:round/>
                          </a:ln>
                        </wps:spPr>
                        <wps:style>
                          <a:lnRef idx="1">
                            <a:srgbClr val="000000"/>
                          </a:lnRef>
                          <a:fillRef idx="0">
                            <a:srgbClr val="000000">
                              <a:alpha val="0"/>
                            </a:srgbClr>
                          </a:fillRef>
                          <a:effectRef idx="0">
                            <a:scrgbClr r="0" g="0" b="0"/>
                          </a:effectRef>
                          <a:fontRef idx="none"/>
                        </wps:style>
                        <wps:bodyPr/>
                      </wps:wsp>
                      <wps:wsp>
                        <wps:cNvPr id="8006" name="Shape 8006"/>
                        <wps:cNvSpPr/>
                        <wps:spPr>
                          <a:xfrm>
                            <a:off x="1291786" y="1767794"/>
                            <a:ext cx="73827" cy="49370"/>
                          </a:xfrm>
                          <a:custGeom>
                            <a:avLst/>
                            <a:gdLst/>
                            <a:ahLst/>
                            <a:cxnLst/>
                            <a:rect l="0" t="0" r="0" b="0"/>
                            <a:pathLst>
                              <a:path w="73827" h="49370">
                                <a:moveTo>
                                  <a:pt x="73827" y="0"/>
                                </a:moveTo>
                                <a:lnTo>
                                  <a:pt x="73827" y="49370"/>
                                </a:lnTo>
                                <a:lnTo>
                                  <a:pt x="0" y="24685"/>
                                </a:lnTo>
                                <a:lnTo>
                                  <a:pt x="7382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8007" name="Shape 8007"/>
                        <wps:cNvSpPr/>
                        <wps:spPr>
                          <a:xfrm>
                            <a:off x="1732014" y="2793651"/>
                            <a:ext cx="73827" cy="49370"/>
                          </a:xfrm>
                          <a:custGeom>
                            <a:avLst/>
                            <a:gdLst/>
                            <a:ahLst/>
                            <a:cxnLst/>
                            <a:rect l="0" t="0" r="0" b="0"/>
                            <a:pathLst>
                              <a:path w="73827" h="49370">
                                <a:moveTo>
                                  <a:pt x="0" y="0"/>
                                </a:moveTo>
                                <a:lnTo>
                                  <a:pt x="73827" y="24692"/>
                                </a:lnTo>
                                <a:lnTo>
                                  <a:pt x="0" y="4937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8008" name="Shape 8008"/>
                        <wps:cNvSpPr/>
                        <wps:spPr>
                          <a:xfrm>
                            <a:off x="1399488" y="1495573"/>
                            <a:ext cx="161478" cy="161976"/>
                          </a:xfrm>
                          <a:custGeom>
                            <a:avLst/>
                            <a:gdLst/>
                            <a:ahLst/>
                            <a:cxnLst/>
                            <a:rect l="0" t="0" r="0" b="0"/>
                            <a:pathLst>
                              <a:path w="161478" h="161976">
                                <a:moveTo>
                                  <a:pt x="80739" y="0"/>
                                </a:moveTo>
                                <a:cubicBezTo>
                                  <a:pt x="125324" y="0"/>
                                  <a:pt x="161478" y="36265"/>
                                  <a:pt x="161478" y="80988"/>
                                </a:cubicBezTo>
                                <a:cubicBezTo>
                                  <a:pt x="161478" y="125711"/>
                                  <a:pt x="125324" y="161976"/>
                                  <a:pt x="80739" y="161976"/>
                                </a:cubicBezTo>
                                <a:cubicBezTo>
                                  <a:pt x="36154" y="161976"/>
                                  <a:pt x="0" y="125711"/>
                                  <a:pt x="0" y="80988"/>
                                </a:cubicBezTo>
                                <a:cubicBezTo>
                                  <a:pt x="0" y="36265"/>
                                  <a:pt x="36154" y="0"/>
                                  <a:pt x="80739"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8009" name="Shape 8009"/>
                        <wps:cNvSpPr/>
                        <wps:spPr>
                          <a:xfrm>
                            <a:off x="1399488" y="1495573"/>
                            <a:ext cx="161478" cy="161976"/>
                          </a:xfrm>
                          <a:custGeom>
                            <a:avLst/>
                            <a:gdLst/>
                            <a:ahLst/>
                            <a:cxnLst/>
                            <a:rect l="0" t="0" r="0" b="0"/>
                            <a:pathLst>
                              <a:path w="161478" h="161976">
                                <a:moveTo>
                                  <a:pt x="161478" y="80988"/>
                                </a:moveTo>
                                <a:cubicBezTo>
                                  <a:pt x="161478" y="36265"/>
                                  <a:pt x="125324" y="0"/>
                                  <a:pt x="80739" y="0"/>
                                </a:cubicBezTo>
                                <a:cubicBezTo>
                                  <a:pt x="36154" y="0"/>
                                  <a:pt x="0" y="36265"/>
                                  <a:pt x="0" y="80988"/>
                                </a:cubicBezTo>
                                <a:cubicBezTo>
                                  <a:pt x="0" y="125711"/>
                                  <a:pt x="36154" y="161976"/>
                                  <a:pt x="80739" y="161976"/>
                                </a:cubicBezTo>
                                <a:cubicBezTo>
                                  <a:pt x="125324" y="161976"/>
                                  <a:pt x="161478" y="125711"/>
                                  <a:pt x="161478" y="80988"/>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8010" name="Rectangle 8010"/>
                        <wps:cNvSpPr/>
                        <wps:spPr>
                          <a:xfrm>
                            <a:off x="1454859" y="1521247"/>
                            <a:ext cx="6742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5</w:t>
                              </w:r>
                            </w:p>
                          </w:txbxContent>
                        </wps:txbx>
                        <wps:bodyPr horzOverflow="overflow" vert="horz" lIns="0" tIns="0" rIns="0" bIns="0" rtlCol="0">
                          <a:noAutofit/>
                        </wps:bodyPr>
                      </wps:wsp>
                      <wps:wsp>
                        <wps:cNvPr id="8011" name="Shape 8011"/>
                        <wps:cNvSpPr/>
                        <wps:spPr>
                          <a:xfrm>
                            <a:off x="1318749" y="2359410"/>
                            <a:ext cx="161478" cy="161975"/>
                          </a:xfrm>
                          <a:custGeom>
                            <a:avLst/>
                            <a:gdLst/>
                            <a:ahLst/>
                            <a:cxnLst/>
                            <a:rect l="0" t="0" r="0" b="0"/>
                            <a:pathLst>
                              <a:path w="161478" h="161975">
                                <a:moveTo>
                                  <a:pt x="80739" y="0"/>
                                </a:moveTo>
                                <a:cubicBezTo>
                                  <a:pt x="125324" y="0"/>
                                  <a:pt x="161478" y="36257"/>
                                  <a:pt x="161478" y="80988"/>
                                </a:cubicBezTo>
                                <a:cubicBezTo>
                                  <a:pt x="161478" y="125718"/>
                                  <a:pt x="125324" y="161975"/>
                                  <a:pt x="80739" y="161975"/>
                                </a:cubicBezTo>
                                <a:cubicBezTo>
                                  <a:pt x="36154" y="161975"/>
                                  <a:pt x="0" y="125718"/>
                                  <a:pt x="0" y="80988"/>
                                </a:cubicBezTo>
                                <a:cubicBezTo>
                                  <a:pt x="0" y="36257"/>
                                  <a:pt x="36154" y="0"/>
                                  <a:pt x="80739"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8012" name="Shape 8012"/>
                        <wps:cNvSpPr/>
                        <wps:spPr>
                          <a:xfrm>
                            <a:off x="1318749" y="2359410"/>
                            <a:ext cx="161478" cy="161975"/>
                          </a:xfrm>
                          <a:custGeom>
                            <a:avLst/>
                            <a:gdLst/>
                            <a:ahLst/>
                            <a:cxnLst/>
                            <a:rect l="0" t="0" r="0" b="0"/>
                            <a:pathLst>
                              <a:path w="161478" h="161975">
                                <a:moveTo>
                                  <a:pt x="161478" y="80988"/>
                                </a:moveTo>
                                <a:cubicBezTo>
                                  <a:pt x="161478" y="36257"/>
                                  <a:pt x="125324" y="0"/>
                                  <a:pt x="80739" y="0"/>
                                </a:cubicBezTo>
                                <a:cubicBezTo>
                                  <a:pt x="36154" y="0"/>
                                  <a:pt x="0" y="36257"/>
                                  <a:pt x="0" y="80988"/>
                                </a:cubicBezTo>
                                <a:cubicBezTo>
                                  <a:pt x="0" y="125718"/>
                                  <a:pt x="36154" y="161975"/>
                                  <a:pt x="80739" y="161975"/>
                                </a:cubicBezTo>
                                <a:cubicBezTo>
                                  <a:pt x="125324" y="161975"/>
                                  <a:pt x="161478" y="125718"/>
                                  <a:pt x="161478" y="80988"/>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8013" name="Rectangle 8013"/>
                        <wps:cNvSpPr/>
                        <wps:spPr>
                          <a:xfrm>
                            <a:off x="1374119" y="2385083"/>
                            <a:ext cx="6742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1</w:t>
                              </w:r>
                            </w:p>
                          </w:txbxContent>
                        </wps:txbx>
                        <wps:bodyPr horzOverflow="overflow" vert="horz" lIns="0" tIns="0" rIns="0" bIns="0" rtlCol="0">
                          <a:noAutofit/>
                        </wps:bodyPr>
                      </wps:wsp>
                      <wps:wsp>
                        <wps:cNvPr id="8014" name="Rectangle 8014"/>
                        <wps:cNvSpPr/>
                        <wps:spPr>
                          <a:xfrm>
                            <a:off x="2872385" y="1001187"/>
                            <a:ext cx="195272"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INF</w:t>
                              </w:r>
                            </w:p>
                          </w:txbxContent>
                        </wps:txbx>
                        <wps:bodyPr horzOverflow="overflow" vert="horz" lIns="0" tIns="0" rIns="0" bIns="0" rtlCol="0">
                          <a:noAutofit/>
                        </wps:bodyPr>
                      </wps:wsp>
                      <wps:wsp>
                        <wps:cNvPr id="8015" name="Rectangle 8015"/>
                        <wps:cNvSpPr/>
                        <wps:spPr>
                          <a:xfrm>
                            <a:off x="3019204" y="1001187"/>
                            <a:ext cx="40369"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8016" name="Rectangle 8016"/>
                        <wps:cNvSpPr/>
                        <wps:spPr>
                          <a:xfrm>
                            <a:off x="3049510" y="1017367"/>
                            <a:ext cx="385190"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айлы</w:t>
                              </w:r>
                            </w:p>
                          </w:txbxContent>
                        </wps:txbx>
                        <wps:bodyPr horzOverflow="overflow" vert="horz" lIns="0" tIns="0" rIns="0" bIns="0" rtlCol="0">
                          <a:noAutofit/>
                        </wps:bodyPr>
                      </wps:wsp>
                      <wps:wsp>
                        <wps:cNvPr id="8017" name="Rectangle 8017"/>
                        <wps:cNvSpPr/>
                        <wps:spPr>
                          <a:xfrm>
                            <a:off x="3339122" y="1001187"/>
                            <a:ext cx="3368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8018" name="Rectangle 8018"/>
                        <wps:cNvSpPr/>
                        <wps:spPr>
                          <a:xfrm>
                            <a:off x="2872385" y="1110897"/>
                            <a:ext cx="242449"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CAT</w:t>
                              </w:r>
                            </w:p>
                          </w:txbxContent>
                        </wps:txbx>
                        <wps:bodyPr horzOverflow="overflow" vert="horz" lIns="0" tIns="0" rIns="0" bIns="0" rtlCol="0">
                          <a:noAutofit/>
                        </wps:bodyPr>
                      </wps:wsp>
                      <wps:wsp>
                        <wps:cNvPr id="8019" name="Rectangle 8019"/>
                        <wps:cNvSpPr/>
                        <wps:spPr>
                          <a:xfrm>
                            <a:off x="3054675" y="1110897"/>
                            <a:ext cx="40369"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8020" name="Rectangle 8020"/>
                        <wps:cNvSpPr/>
                        <wps:spPr>
                          <a:xfrm>
                            <a:off x="3084980" y="1127078"/>
                            <a:ext cx="385190" cy="114296"/>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Файлы</w:t>
                              </w:r>
                            </w:p>
                          </w:txbxContent>
                        </wps:txbx>
                        <wps:bodyPr horzOverflow="overflow" vert="horz" lIns="0" tIns="0" rIns="0" bIns="0" rtlCol="0">
                          <a:noAutofit/>
                        </wps:bodyPr>
                      </wps:wsp>
                      <wps:wsp>
                        <wps:cNvPr id="8021" name="Rectangle 8021"/>
                        <wps:cNvSpPr/>
                        <wps:spPr>
                          <a:xfrm>
                            <a:off x="3374592" y="1110897"/>
                            <a:ext cx="33680"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w:t>
                              </w:r>
                            </w:p>
                          </w:txbxContent>
                        </wps:txbx>
                        <wps:bodyPr horzOverflow="overflow" vert="horz" lIns="0" tIns="0" rIns="0" bIns="0" rtlCol="0">
                          <a:noAutofit/>
                        </wps:bodyPr>
                      </wps:wsp>
                      <wps:wsp>
                        <wps:cNvPr id="8022" name="Rectangle 8022"/>
                        <wps:cNvSpPr/>
                        <wps:spPr>
                          <a:xfrm>
                            <a:off x="2872385" y="1236788"/>
                            <a:ext cx="399231" cy="11429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Реестр</w:t>
                              </w:r>
                            </w:p>
                          </w:txbxContent>
                        </wps:txbx>
                        <wps:bodyPr horzOverflow="overflow" vert="horz" lIns="0" tIns="0" rIns="0" bIns="0" rtlCol="0">
                          <a:noAutofit/>
                        </wps:bodyPr>
                      </wps:wsp>
                      <wps:wsp>
                        <wps:cNvPr id="8023" name="Shape 8023"/>
                        <wps:cNvSpPr/>
                        <wps:spPr>
                          <a:xfrm>
                            <a:off x="2490186" y="999741"/>
                            <a:ext cx="29926" cy="414844"/>
                          </a:xfrm>
                          <a:custGeom>
                            <a:avLst/>
                            <a:gdLst/>
                            <a:ahLst/>
                            <a:cxnLst/>
                            <a:rect l="0" t="0" r="0" b="0"/>
                            <a:pathLst>
                              <a:path w="29926" h="414844">
                                <a:moveTo>
                                  <a:pt x="0" y="0"/>
                                </a:moveTo>
                                <a:lnTo>
                                  <a:pt x="29926" y="60265"/>
                                </a:lnTo>
                                <a:lnTo>
                                  <a:pt x="29926" y="414844"/>
                                </a:lnTo>
                                <a:lnTo>
                                  <a:pt x="0" y="354504"/>
                                </a:lnTo>
                                <a:lnTo>
                                  <a:pt x="0" y="0"/>
                                </a:lnTo>
                                <a:close/>
                              </a:path>
                            </a:pathLst>
                          </a:custGeom>
                          <a:ln w="0" cap="rnd">
                            <a:round/>
                          </a:ln>
                        </wps:spPr>
                        <wps:style>
                          <a:lnRef idx="0">
                            <a:srgbClr val="000000">
                              <a:alpha val="0"/>
                            </a:srgbClr>
                          </a:lnRef>
                          <a:fillRef idx="1">
                            <a:srgbClr val="BFBFBF"/>
                          </a:fillRef>
                          <a:effectRef idx="0">
                            <a:scrgbClr r="0" g="0" b="0"/>
                          </a:effectRef>
                          <a:fontRef idx="none"/>
                        </wps:style>
                        <wps:bodyPr/>
                      </wps:wsp>
                      <wps:wsp>
                        <wps:cNvPr id="8024" name="Shape 8024"/>
                        <wps:cNvSpPr/>
                        <wps:spPr>
                          <a:xfrm>
                            <a:off x="2490186" y="999741"/>
                            <a:ext cx="29926" cy="414844"/>
                          </a:xfrm>
                          <a:custGeom>
                            <a:avLst/>
                            <a:gdLst/>
                            <a:ahLst/>
                            <a:cxnLst/>
                            <a:rect l="0" t="0" r="0" b="0"/>
                            <a:pathLst>
                              <a:path w="29926" h="414844">
                                <a:moveTo>
                                  <a:pt x="29926" y="60265"/>
                                </a:moveTo>
                                <a:lnTo>
                                  <a:pt x="0" y="0"/>
                                </a:lnTo>
                                <a:lnTo>
                                  <a:pt x="0" y="354504"/>
                                </a:lnTo>
                                <a:lnTo>
                                  <a:pt x="29926" y="414844"/>
                                </a:lnTo>
                                <a:lnTo>
                                  <a:pt x="29926" y="60265"/>
                                </a:ln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69514" name="Shape 69514"/>
                        <wps:cNvSpPr/>
                        <wps:spPr>
                          <a:xfrm>
                            <a:off x="2520111" y="1060067"/>
                            <a:ext cx="154361" cy="354518"/>
                          </a:xfrm>
                          <a:custGeom>
                            <a:avLst/>
                            <a:gdLst/>
                            <a:ahLst/>
                            <a:cxnLst/>
                            <a:rect l="0" t="0" r="0" b="0"/>
                            <a:pathLst>
                              <a:path w="154361" h="354518">
                                <a:moveTo>
                                  <a:pt x="0" y="0"/>
                                </a:moveTo>
                                <a:lnTo>
                                  <a:pt x="154361" y="0"/>
                                </a:lnTo>
                                <a:lnTo>
                                  <a:pt x="154361" y="354518"/>
                                </a:lnTo>
                                <a:lnTo>
                                  <a:pt x="0" y="354518"/>
                                </a:lnTo>
                                <a:lnTo>
                                  <a:pt x="0" y="0"/>
                                </a:lnTo>
                              </a:path>
                            </a:pathLst>
                          </a:custGeom>
                          <a:ln w="0" cap="rnd">
                            <a:round/>
                          </a:ln>
                        </wps:spPr>
                        <wps:style>
                          <a:lnRef idx="0">
                            <a:srgbClr val="000000">
                              <a:alpha val="0"/>
                            </a:srgbClr>
                          </a:lnRef>
                          <a:fillRef idx="1">
                            <a:srgbClr val="BFBFBF"/>
                          </a:fillRef>
                          <a:effectRef idx="0">
                            <a:scrgbClr r="0" g="0" b="0"/>
                          </a:effectRef>
                          <a:fontRef idx="none"/>
                        </wps:style>
                        <wps:bodyPr/>
                      </wps:wsp>
                      <wps:wsp>
                        <wps:cNvPr id="8026" name="Shape 8026"/>
                        <wps:cNvSpPr/>
                        <wps:spPr>
                          <a:xfrm>
                            <a:off x="2520111" y="1060067"/>
                            <a:ext cx="154361" cy="354518"/>
                          </a:xfrm>
                          <a:custGeom>
                            <a:avLst/>
                            <a:gdLst/>
                            <a:ahLst/>
                            <a:cxnLst/>
                            <a:rect l="0" t="0" r="0" b="0"/>
                            <a:pathLst>
                              <a:path w="154361" h="354518">
                                <a:moveTo>
                                  <a:pt x="0" y="354518"/>
                                </a:moveTo>
                                <a:lnTo>
                                  <a:pt x="154361" y="354518"/>
                                </a:lnTo>
                                <a:lnTo>
                                  <a:pt x="154361" y="0"/>
                                </a:lnTo>
                                <a:lnTo>
                                  <a:pt x="0" y="0"/>
                                </a:ln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8027" name="Shape 8027"/>
                        <wps:cNvSpPr/>
                        <wps:spPr>
                          <a:xfrm>
                            <a:off x="2674526" y="999741"/>
                            <a:ext cx="124412" cy="414844"/>
                          </a:xfrm>
                          <a:custGeom>
                            <a:avLst/>
                            <a:gdLst/>
                            <a:ahLst/>
                            <a:cxnLst/>
                            <a:rect l="0" t="0" r="0" b="0"/>
                            <a:pathLst>
                              <a:path w="124412" h="414844">
                                <a:moveTo>
                                  <a:pt x="124412" y="0"/>
                                </a:moveTo>
                                <a:lnTo>
                                  <a:pt x="124412" y="354504"/>
                                </a:lnTo>
                                <a:lnTo>
                                  <a:pt x="0" y="414844"/>
                                </a:lnTo>
                                <a:lnTo>
                                  <a:pt x="0" y="60265"/>
                                </a:lnTo>
                                <a:lnTo>
                                  <a:pt x="124412" y="0"/>
                                </a:lnTo>
                                <a:close/>
                              </a:path>
                            </a:pathLst>
                          </a:custGeom>
                          <a:ln w="0" cap="rnd">
                            <a:round/>
                          </a:ln>
                        </wps:spPr>
                        <wps:style>
                          <a:lnRef idx="0">
                            <a:srgbClr val="000000">
                              <a:alpha val="0"/>
                            </a:srgbClr>
                          </a:lnRef>
                          <a:fillRef idx="1">
                            <a:srgbClr val="BFBFBF"/>
                          </a:fillRef>
                          <a:effectRef idx="0">
                            <a:scrgbClr r="0" g="0" b="0"/>
                          </a:effectRef>
                          <a:fontRef idx="none"/>
                        </wps:style>
                        <wps:bodyPr/>
                      </wps:wsp>
                      <wps:wsp>
                        <wps:cNvPr id="8028" name="Shape 8028"/>
                        <wps:cNvSpPr/>
                        <wps:spPr>
                          <a:xfrm>
                            <a:off x="2674526" y="999741"/>
                            <a:ext cx="124412" cy="414844"/>
                          </a:xfrm>
                          <a:custGeom>
                            <a:avLst/>
                            <a:gdLst/>
                            <a:ahLst/>
                            <a:cxnLst/>
                            <a:rect l="0" t="0" r="0" b="0"/>
                            <a:pathLst>
                              <a:path w="124412" h="414844">
                                <a:moveTo>
                                  <a:pt x="124412" y="0"/>
                                </a:moveTo>
                                <a:lnTo>
                                  <a:pt x="0" y="60265"/>
                                </a:lnTo>
                                <a:lnTo>
                                  <a:pt x="0" y="414844"/>
                                </a:lnTo>
                                <a:lnTo>
                                  <a:pt x="124412" y="354504"/>
                                </a:lnTo>
                                <a:lnTo>
                                  <a:pt x="124412" y="0"/>
                                </a:ln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8029" name="Shape 8029"/>
                        <wps:cNvSpPr/>
                        <wps:spPr>
                          <a:xfrm>
                            <a:off x="2490186" y="939400"/>
                            <a:ext cx="308752" cy="120606"/>
                          </a:xfrm>
                          <a:custGeom>
                            <a:avLst/>
                            <a:gdLst/>
                            <a:ahLst/>
                            <a:cxnLst/>
                            <a:rect l="0" t="0" r="0" b="0"/>
                            <a:pathLst>
                              <a:path w="308752" h="120606">
                                <a:moveTo>
                                  <a:pt x="124488" y="0"/>
                                </a:moveTo>
                                <a:lnTo>
                                  <a:pt x="278827" y="0"/>
                                </a:lnTo>
                                <a:lnTo>
                                  <a:pt x="308752" y="60341"/>
                                </a:lnTo>
                                <a:lnTo>
                                  <a:pt x="184340" y="120606"/>
                                </a:lnTo>
                                <a:lnTo>
                                  <a:pt x="29926" y="120606"/>
                                </a:lnTo>
                                <a:lnTo>
                                  <a:pt x="0" y="60341"/>
                                </a:lnTo>
                                <a:lnTo>
                                  <a:pt x="124488" y="0"/>
                                </a:lnTo>
                                <a:close/>
                              </a:path>
                            </a:pathLst>
                          </a:custGeom>
                          <a:ln w="0" cap="rnd">
                            <a:round/>
                          </a:ln>
                        </wps:spPr>
                        <wps:style>
                          <a:lnRef idx="0">
                            <a:srgbClr val="000000">
                              <a:alpha val="0"/>
                            </a:srgbClr>
                          </a:lnRef>
                          <a:fillRef idx="1">
                            <a:srgbClr val="BFBFBF"/>
                          </a:fillRef>
                          <a:effectRef idx="0">
                            <a:scrgbClr r="0" g="0" b="0"/>
                          </a:effectRef>
                          <a:fontRef idx="none"/>
                        </wps:style>
                        <wps:bodyPr/>
                      </wps:wsp>
                      <wps:wsp>
                        <wps:cNvPr id="8030" name="Shape 8030"/>
                        <wps:cNvSpPr/>
                        <wps:spPr>
                          <a:xfrm>
                            <a:off x="2490186" y="939400"/>
                            <a:ext cx="308752" cy="120606"/>
                          </a:xfrm>
                          <a:custGeom>
                            <a:avLst/>
                            <a:gdLst/>
                            <a:ahLst/>
                            <a:cxnLst/>
                            <a:rect l="0" t="0" r="0" b="0"/>
                            <a:pathLst>
                              <a:path w="308752" h="120606">
                                <a:moveTo>
                                  <a:pt x="308752" y="60341"/>
                                </a:moveTo>
                                <a:lnTo>
                                  <a:pt x="278827" y="0"/>
                                </a:lnTo>
                                <a:lnTo>
                                  <a:pt x="124488" y="0"/>
                                </a:lnTo>
                                <a:lnTo>
                                  <a:pt x="0" y="60341"/>
                                </a:lnTo>
                                <a:lnTo>
                                  <a:pt x="29926" y="120606"/>
                                </a:lnTo>
                                <a:lnTo>
                                  <a:pt x="184340" y="120606"/>
                                </a:lnTo>
                                <a:lnTo>
                                  <a:pt x="308752" y="60341"/>
                                </a:ln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8031" name="Shape 8031"/>
                        <wps:cNvSpPr/>
                        <wps:spPr>
                          <a:xfrm>
                            <a:off x="134568" y="469700"/>
                            <a:ext cx="161470" cy="161976"/>
                          </a:xfrm>
                          <a:custGeom>
                            <a:avLst/>
                            <a:gdLst/>
                            <a:ahLst/>
                            <a:cxnLst/>
                            <a:rect l="0" t="0" r="0" b="0"/>
                            <a:pathLst>
                              <a:path w="161470" h="161976">
                                <a:moveTo>
                                  <a:pt x="80731" y="0"/>
                                </a:moveTo>
                                <a:cubicBezTo>
                                  <a:pt x="125324" y="0"/>
                                  <a:pt x="161470" y="36266"/>
                                  <a:pt x="161470" y="80988"/>
                                </a:cubicBezTo>
                                <a:cubicBezTo>
                                  <a:pt x="161470" y="125710"/>
                                  <a:pt x="125324" y="161976"/>
                                  <a:pt x="80731" y="161976"/>
                                </a:cubicBezTo>
                                <a:cubicBezTo>
                                  <a:pt x="36146" y="161976"/>
                                  <a:pt x="0" y="125710"/>
                                  <a:pt x="0" y="80988"/>
                                </a:cubicBezTo>
                                <a:cubicBezTo>
                                  <a:pt x="0" y="36266"/>
                                  <a:pt x="36146" y="0"/>
                                  <a:pt x="80731"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8032" name="Shape 8032"/>
                        <wps:cNvSpPr/>
                        <wps:spPr>
                          <a:xfrm>
                            <a:off x="134568" y="469700"/>
                            <a:ext cx="161470" cy="161976"/>
                          </a:xfrm>
                          <a:custGeom>
                            <a:avLst/>
                            <a:gdLst/>
                            <a:ahLst/>
                            <a:cxnLst/>
                            <a:rect l="0" t="0" r="0" b="0"/>
                            <a:pathLst>
                              <a:path w="161470" h="161976">
                                <a:moveTo>
                                  <a:pt x="161470" y="80988"/>
                                </a:moveTo>
                                <a:cubicBezTo>
                                  <a:pt x="161470" y="36266"/>
                                  <a:pt x="125324" y="0"/>
                                  <a:pt x="80731" y="0"/>
                                </a:cubicBezTo>
                                <a:cubicBezTo>
                                  <a:pt x="36146" y="0"/>
                                  <a:pt x="0" y="36266"/>
                                  <a:pt x="0" y="80988"/>
                                </a:cubicBezTo>
                                <a:cubicBezTo>
                                  <a:pt x="0" y="125710"/>
                                  <a:pt x="36146" y="161976"/>
                                  <a:pt x="80731" y="161976"/>
                                </a:cubicBezTo>
                                <a:cubicBezTo>
                                  <a:pt x="125324" y="161976"/>
                                  <a:pt x="161470" y="125710"/>
                                  <a:pt x="161470" y="80988"/>
                                </a:cubicBezTo>
                                <a:close/>
                              </a:path>
                            </a:pathLst>
                          </a:custGeom>
                          <a:ln w="5469" cap="rnd">
                            <a:round/>
                          </a:ln>
                        </wps:spPr>
                        <wps:style>
                          <a:lnRef idx="1">
                            <a:srgbClr val="000000"/>
                          </a:lnRef>
                          <a:fillRef idx="0">
                            <a:srgbClr val="000000">
                              <a:alpha val="0"/>
                            </a:srgbClr>
                          </a:fillRef>
                          <a:effectRef idx="0">
                            <a:scrgbClr r="0" g="0" b="0"/>
                          </a:effectRef>
                          <a:fontRef idx="none"/>
                        </wps:style>
                        <wps:bodyPr/>
                      </wps:wsp>
                      <wps:wsp>
                        <wps:cNvPr id="8033" name="Rectangle 8033"/>
                        <wps:cNvSpPr/>
                        <wps:spPr>
                          <a:xfrm>
                            <a:off x="189961" y="495374"/>
                            <a:ext cx="67419" cy="13558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4"/>
                                </w:rPr>
                                <w:t>3</w:t>
                              </w:r>
                            </w:p>
                          </w:txbxContent>
                        </wps:txbx>
                        <wps:bodyPr horzOverflow="overflow" vert="horz" lIns="0" tIns="0" rIns="0" bIns="0" rtlCol="0">
                          <a:noAutofit/>
                        </wps:bodyPr>
                      </wps:wsp>
                      <wps:wsp>
                        <wps:cNvPr id="8034" name="Rectangle 8034"/>
                        <wps:cNvSpPr/>
                        <wps:spPr>
                          <a:xfrm>
                            <a:off x="3508316" y="2845844"/>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s:wsp>
                        <wps:cNvPr id="8035" name="Rectangle 8035"/>
                        <wps:cNvSpPr/>
                        <wps:spPr>
                          <a:xfrm>
                            <a:off x="3554036" y="2845844"/>
                            <a:ext cx="59932" cy="165938"/>
                          </a:xfrm>
                          <a:prstGeom prst="rect">
                            <a:avLst/>
                          </a:prstGeom>
                          <a:ln>
                            <a:noFill/>
                          </a:ln>
                        </wps:spPr>
                        <wps:txbx>
                          <w:txbxContent>
                            <w:p w:rsidR="0043064D" w:rsidRDefault="008B3C4B">
                              <w:pPr>
                                <w:spacing w:after="160" w:line="259" w:lineRule="auto"/>
                                <w:ind w:left="0" w:firstLine="0"/>
                                <w:jc w:val="left"/>
                              </w:pPr>
                              <w:r>
                                <w:t xml:space="preserve"> </w:t>
                              </w:r>
                            </w:p>
                          </w:txbxContent>
                        </wps:txbx>
                        <wps:bodyPr horzOverflow="overflow" vert="horz" lIns="0" tIns="0" rIns="0" bIns="0" rtlCol="0">
                          <a:noAutofit/>
                        </wps:bodyPr>
                      </wps:wsp>
                    </wpg:wgp>
                  </a:graphicData>
                </a:graphic>
              </wp:inline>
            </w:drawing>
          </mc:Choice>
          <mc:Fallback>
            <w:pict>
              <v:group id="Group 63825" o:spid="_x0000_s3153" style="width:283.4pt;height:233.9pt;mso-position-horizontal-relative:char;mso-position-vertical-relative:line" coordsize="35990,2970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">
                <v:shape id="Shape 69509" o:spid="_x0000_s3154" style="position:absolute;top:107;width:6459;height:3239;visibility:visible;mso-wrap-style:square;v-text-anchor:top" coordsize="645904,32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" path="m,l645904,r,323952l,323952,,e" fillcolor="#f2f2f2" stroked="f" strokeweight="0">
                  <v:stroke miterlimit="83231f" joinstyle="miter"/>
                  <v:path arrowok="t" textboxrect="0,0,645904,323952"/>
                </v:shape>
                <v:shape id="Shape 7934" o:spid="_x0000_s3155" style="position:absolute;top:107;width:6459;height:3239;visibility:visible;mso-wrap-style:square;v-text-anchor:top" coordsize="645904,32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" path="m,323952r645904,l645904,,,,,323952xe" filled="f" strokeweight=".05064mm">
                  <v:stroke endcap="round"/>
                  <v:path arrowok="t" textboxrect="0,0,645904,323952"/>
                </v:shape>
                <v:rect id="Rectangle 7935" o:spid="_x0000_s3156" style="position:absolute;left:1526;top:238;width:4531;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Мастер </w:t>
                        </w:r>
                      </w:p>
                    </w:txbxContent>
                  </v:textbox>
                </v:rect>
                <v:rect id="Rectangle 7936" o:spid="_x0000_s3157" style="position:absolute;left:983;top:1335;width:5974;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установки </w:t>
                        </w:r>
                      </w:p>
                    </w:txbxContent>
                  </v:textbox>
                </v:rect>
                <v:rect id="Rectangle 7937" o:spid="_x0000_s3158" style="position:absolute;left:212;top:2432;width:802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оборудования</w:t>
                        </w:r>
                      </w:p>
                    </w:txbxContent>
                  </v:textbox>
                </v:rect>
                <v:shape id="Shape 69510" o:spid="_x0000_s3159" style="position:absolute;left:6459;top:107;width:6459;height:3239;visibility:visible;mso-wrap-style:square;v-text-anchor:top" coordsize="645904,32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" path="m,l645904,r,323952l,323952,,e" fillcolor="#f2f2f2" stroked="f" strokeweight="0">
                  <v:stroke endcap="round"/>
                  <v:path arrowok="t" textboxrect="0,0,645904,323952"/>
                </v:shape>
                <v:shape id="Shape 7939" o:spid="_x0000_s3160" style="position:absolute;left:6459;top:107;width:6459;height:3239;visibility:visible;mso-wrap-style:square;v-text-anchor:top" coordsize="645904,32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" path="m,323952r645904,l645904,,,,,323952xe" filled="f" strokeweight=".05064mm">
                  <v:stroke endcap="round"/>
                  <v:path arrowok="t" textboxrect="0,0,645904,323952"/>
                </v:shape>
                <v:rect id="Rectangle 7940" o:spid="_x0000_s3161" style="position:absolute;left:6851;top:76;width:195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4"/>
                          </w:rPr>
                          <w:t>API</w:t>
                        </w:r>
                      </w:p>
                    </w:txbxContent>
                  </v:textbox>
                </v:rect>
                <v:rect id="Rectangle 7941" o:spid="_x0000_s3162" style="position:absolute;left:8321;top:76;width:403;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7942" o:spid="_x0000_s3163" style="position:absolute;left:8624;top:238;width:4852;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функции</w:t>
                        </w:r>
                      </w:p>
                    </w:txbxContent>
                  </v:textbox>
                </v:rect>
                <v:rect id="Rectangle 7943" o:spid="_x0000_s3164" style="position:absolute;left:12272;top:76;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944" o:spid="_x0000_s3165" style="position:absolute;left:7989;top:1174;width:3168;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Setup</w:t>
                        </w:r>
                        <w:proofErr w:type="spellEnd"/>
                      </w:p>
                    </w:txbxContent>
                  </v:textbox>
                </v:rect>
                <v:rect id="Rectangle 7945" o:spid="_x0000_s3166" style="position:absolute;left:10371;top:1174;width:337;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946" o:spid="_x0000_s3167" style="position:absolute;left:10624;top:1335;width:67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и</w:t>
                        </w:r>
                      </w:p>
                    </w:txbxContent>
                  </v:textbox>
                </v:rect>
                <v:rect id="Rectangle 7947" o:spid="_x0000_s3168" style="position:absolute;left:11134;top:1174;width:337;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948" o:spid="_x0000_s3169" style="position:absolute;left:8194;top:2271;width:397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CfgMgr</w:t>
                        </w:r>
                        <w:proofErr w:type="spellEnd"/>
                      </w:p>
                    </w:txbxContent>
                  </v:textbox>
                </v:rect>
                <v:shape id="Shape 7950" o:spid="_x0000_s3170" style="position:absolute;left:17224;top:107;width:9689;height:3239;visibility:visible;mso-wrap-style:square;v-text-anchor:top" coordsize="968868,32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" path="m,323952r968868,l968868,,,,,323952xe" filled="f" strokeweight=".05064mm">
                  <v:stroke endcap="round"/>
                  <v:path arrowok="t" textboxrect="0,0,968868,323952"/>
                </v:shape>
                <v:rect id="Rectangle 7951" o:spid="_x0000_s3171" style="position:absolute;left:17376;top:238;width:1253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Установщики классов </w:t>
                        </w:r>
                      </w:p>
                    </w:txbxContent>
                  </v:textbox>
                </v:rect>
                <v:rect id="Rectangle 7952" o:spid="_x0000_s3172" style="position:absolute;left:18265;top:1335;width:1011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и сопутствующие </w:t>
                        </w:r>
                      </w:p>
                    </w:txbxContent>
                  </v:textbox>
                </v:rect>
                <v:rect id="Rectangle 7953" o:spid="_x0000_s3173" style="position:absolute;left:19509;top:2432;width:680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компоненты</w:t>
                        </w:r>
                      </w:p>
                    </w:txbxContent>
                  </v:textbox>
                </v:rect>
                <v:shape id="Shape 7954" o:spid="_x0000_s3174" style="position:absolute;left:13594;top:1727;width:2953;height:0;visibility:visible;mso-wrap-style:square;v-text-anchor:top" coordsize="29530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" path="m,l295308,e" filled="f" strokeweight=".15192mm">
                  <v:stroke endcap="round"/>
                  <v:path arrowok="t" textboxrect="0,0,295308,0"/>
                </v:shape>
                <v:shape id="Shape 7955" o:spid="_x0000_s3175" style="position:absolute;left:12917;top:1480;width:739;height:494;visibility:visible;mso-wrap-style:square;v-text-anchor:top" coordsize="73827,493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" path="m73827,r,49369l,24685,73827,xe" fillcolor="black" stroked="f" strokeweight="0">
                  <v:stroke endcap="round"/>
                  <v:path arrowok="t" textboxrect="0,0,73827,49369"/>
                </v:shape>
                <v:shape id="Shape 7956" o:spid="_x0000_s3176" style="position:absolute;left:16486;top:1480;width:738;height:494;visibility:visible;mso-wrap-style:square;v-text-anchor:top" coordsize="73827,493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" path="m,l73827,24685,,49369,,xe" fillcolor="black" stroked="f" strokeweight="0">
                  <v:stroke endcap="round"/>
                  <v:path arrowok="t" textboxrect="0,0,73827,49369"/>
                </v:shape>
                <v:shape id="Shape 7957" o:spid="_x0000_s3177" style="position:absolute;left:14425;width:1615;height:1619;visibility:visible;mso-wrap-style:square;v-text-anchor:top" coordsize="161478,1619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" path="m80739,v44585,,80739,36266,80739,80988c161478,125711,125324,161976,80739,161976,36154,161976,,125711,,80988,,36266,36154,,80739,xe" fillcolor="#d9d9d9" stroked="f" strokeweight="0">
                  <v:stroke endcap="round"/>
                  <v:path arrowok="t" textboxrect="0,0,161478,161976"/>
                </v:shape>
                <v:shape id="Shape 7958" o:spid="_x0000_s3178" style="position:absolute;left:14425;width:1615;height:1619;visibility:visible;mso-wrap-style:square;v-text-anchor:top" coordsize="161478,1619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" path="m161478,80988c161478,36266,125324,,80739,,36154,,,36266,,80988v,44723,36154,80988,80739,80988c125324,161976,161478,125711,161478,80988xe" filled="f" strokeweight=".15192mm">
                  <v:stroke endcap="round"/>
                  <v:path arrowok="t" textboxrect="0,0,161478,161976"/>
                </v:shape>
                <v:rect id="Rectangle 7959" o:spid="_x0000_s3179" style="position:absolute;left:14979;top:256;width:67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4</w:t>
                        </w:r>
                      </w:p>
                    </w:txbxContent>
                  </v:textbox>
                </v:rect>
                <v:shape id="Shape 69511" o:spid="_x0000_s3180" style="position:absolute;left:7535;top:7666;width:9823;height:3240;visibility:visible;mso-wrap-style:square;v-text-anchor:top" coordsize="982312,32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" path="m,l982312,r,323952l,323952,,e" fillcolor="#f2f2f2" stroked="f" strokeweight="0">
                  <v:stroke endcap="round"/>
                  <v:path arrowok="t" textboxrect="0,0,982312,323952"/>
                </v:shape>
                <v:shape id="Shape 7961" o:spid="_x0000_s3181" style="position:absolute;left:7535;top:7666;width:9823;height:3240;visibility:visible;mso-wrap-style:square;v-text-anchor:top" coordsize="982312,32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" path="m,323952r982312,l982312,,,,,323952xe" filled="f" strokeweight=".05064mm">
                  <v:stroke endcap="round"/>
                  <v:path arrowok="t" textboxrect="0,0,982312,323952"/>
                </v:shape>
                <v:rect id="Rectangle 7962" o:spid="_x0000_s3182" style="position:absolute;left:9138;top:7798;width:597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w:t>
                        </w:r>
                      </w:p>
                    </w:txbxContent>
                  </v:textbox>
                </v:rect>
                <v:rect id="Rectangle 7963" o:spid="_x0000_s3183" style="position:absolute;left:13627;top:7636;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964" o:spid="_x0000_s3184" style="position:absolute;left:13880;top:7636;width:215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Pnp</w:t>
                        </w:r>
                        <w:proofErr w:type="spellEnd"/>
                      </w:p>
                    </w:txbxContent>
                  </v:textbox>
                </v:rect>
                <v:rect id="Rectangle 7965" o:spid="_x0000_s3185" style="position:absolute;left:15502;top:7636;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966" o:spid="_x0000_s3186" style="position:absolute;left:8293;top:8895;width:1105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пользовательского </w:t>
                        </w:r>
                      </w:p>
                    </w:txbxContent>
                  </v:textbox>
                </v:rect>
                <v:rect id="Rectangle 7967" o:spid="_x0000_s3187" style="position:absolute;left:10813;top:9992;width:4344;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режима</w:t>
                        </w:r>
                      </w:p>
                    </w:txbxContent>
                  </v:textbox>
                </v:rect>
                <v:shape id="Shape 7968" o:spid="_x0000_s3188" style="position:absolute;left:9688;top:3346;width:0;height:3641;visibility:visible;mso-wrap-style:square;v-text-anchor:top" coordsize="0,3641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" path="m,l,364103e" filled="f" strokeweight=".15192mm">
                  <v:stroke endcap="round"/>
                  <v:path arrowok="t" textboxrect="0,0,0,364103"/>
                </v:shape>
                <v:shape id="Shape 7969" o:spid="_x0000_s3189" style="position:absolute;left:9442;top:6926;width:492;height:740;visibility:visible;mso-wrap-style:square;v-text-anchor:top" coordsize="49218,7405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" path="m,l49218,,24609,74054,,xe" fillcolor="black" stroked="f" strokeweight="0">
                  <v:stroke endcap="round"/>
                  <v:path arrowok="t" textboxrect="0,0,49218,74054"/>
                </v:shape>
                <v:shape id="Shape 7970" o:spid="_x0000_s3190" style="position:absolute;left:3229;top:4025;width:3629;height:4721;visibility:visible;mso-wrap-style:square;v-text-anchor:top" coordsize="362930,4720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" path="m,l,472061r362930,e" filled="f" strokeweight=".15192mm">
                  <v:stroke endcap="round"/>
                  <v:path arrowok="t" textboxrect="0,0,362930,472061"/>
                </v:shape>
                <v:shape id="Shape 7971" o:spid="_x0000_s3191" style="position:absolute;left:2983;top:3346;width:492;height:741;visibility:visible;mso-wrap-style:square;v-text-anchor:top" coordsize="49218,7405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" path="m24609,l49218,74054,,74054,24609,xe" fillcolor="black" stroked="f" strokeweight="0">
                  <v:stroke endcap="round"/>
                  <v:path arrowok="t" textboxrect="0,0,49218,74054"/>
                </v:shape>
                <v:shape id="Shape 7972" o:spid="_x0000_s3192" style="position:absolute;left:6797;top:8499;width:738;height:494;visibility:visible;mso-wrap-style:square;v-text-anchor:top" coordsize="73842,493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" path="m,l73842,24685,,49370,,xe" fillcolor="black" stroked="f" strokeweight="0">
                  <v:stroke endcap="round"/>
                  <v:path arrowok="t" textboxrect="0,0,73842,49370"/>
                </v:shape>
                <v:shape id="Shape 7973" o:spid="_x0000_s3193" style="position:absolute;top:13065;width:22606;height:0;visibility:visible;mso-wrap-style:square;v-text-anchor:top" coordsize="226065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" path="m,l2260653,e" filled="f" strokeweight=".45572mm">
                  <v:stroke endcap="round"/>
                  <v:path arrowok="t" textboxrect="0,0,2260653,0"/>
                </v:shape>
                <v:rect id="Rectangle 7974" o:spid="_x0000_s3194" style="position:absolute;left:11773;top:11912;width:1449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Пользовательский режим</w:t>
                        </w:r>
                      </w:p>
                    </w:txbxContent>
                  </v:textbox>
                </v:rect>
                <v:rect id="Rectangle 7975" o:spid="_x0000_s3195" style="position:absolute;left:17487;top:13436;width:6853;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Режим ядра</w:t>
                        </w:r>
                      </w:p>
                    </w:txbxContent>
                  </v:textbox>
                </v:rect>
                <v:shape id="Shape 69512" o:spid="_x0000_s3196" style="position:absolute;left:7535;top:16305;width:5383;height:3239;visibility:visible;mso-wrap-style:square;v-text-anchor:top" coordsize="538255,32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" path="m,l538255,r,323952l,323952,,e" fillcolor="#f2f2f2" stroked="f" strokeweight="0">
                  <v:stroke endcap="round"/>
                  <v:path arrowok="t" textboxrect="0,0,538255,323952"/>
                </v:shape>
                <v:shape id="Shape 7977" o:spid="_x0000_s3197" style="position:absolute;left:7535;top:16305;width:5383;height:3239;visibility:visible;mso-wrap-style:square;v-text-anchor:top" coordsize="538255,32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" path="m,323952r538255,l538255,,,,,323952xe" filled="f" strokeweight=".05064mm">
                  <v:stroke endcap="round"/>
                  <v:path arrowok="t" textboxrect="0,0,538255,323952"/>
                </v:shape>
                <v:rect id="Rectangle 7978" o:spid="_x0000_s3198" style="position:absolute;left:7855;top:16984;width:597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Диспетчер</w:t>
                        </w:r>
                      </w:p>
                    </w:txbxContent>
                  </v:textbox>
                </v:rect>
                <v:rect id="Rectangle 7979" o:spid="_x0000_s3199" style="position:absolute;left:12344;top:16823;width:337;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rect id="Rectangle 7980" o:spid="_x0000_s3200" style="position:absolute;left:9289;top:17920;width:215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4"/>
                          </w:rPr>
                          <w:t>Pnp</w:t>
                        </w:r>
                        <w:proofErr w:type="spellEnd"/>
                      </w:p>
                    </w:txbxContent>
                  </v:textbox>
                </v:rect>
                <v:rect id="Rectangle 7981" o:spid="_x0000_s3201" style="position:absolute;left:10911;top:17920;width:336;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shape id="Shape 7982" o:spid="_x0000_s3202" style="position:absolute;left:10765;top:11585;width:0;height:4041;visibility:visible;mso-wrap-style:square;v-text-anchor:top" coordsize="0,4041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" path="m,l,404102e" filled="f" strokeweight=".15192mm">
                  <v:stroke endcap="round"/>
                  <v:path arrowok="t" textboxrect="0,0,0,404102"/>
                </v:shape>
                <v:shape id="Shape 7983" o:spid="_x0000_s3203" style="position:absolute;left:10519;top:10906;width:492;height:740;visibility:visible;mso-wrap-style:square;v-text-anchor:top" coordsize="49218,740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" path="m24609,l49218,74055,,74055,24609,xe" fillcolor="black" stroked="f" strokeweight="0">
                  <v:stroke endcap="round"/>
                  <v:path arrowok="t" textboxrect="0,0,49218,74055"/>
                </v:shape>
                <v:shape id="Shape 7984" o:spid="_x0000_s3204" style="position:absolute;left:10519;top:15564;width:492;height:741;visibility:visible;mso-wrap-style:square;v-text-anchor:top" coordsize="49218,7405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" path="m,l49218,,24609,74054,,xe" fillcolor="black" stroked="f" strokeweight="0">
                  <v:stroke endcap="round"/>
                  <v:path arrowok="t" textboxrect="0,0,49218,74054"/>
                </v:shape>
                <v:shape id="Shape 7985" o:spid="_x0000_s3205" style="position:absolute;left:11303;top:13605;width:1614;height:1620;visibility:visible;mso-wrap-style:square;v-text-anchor:top" coordsize="161478,1619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" path="m80738,v44586,,80740,36265,80740,80987c161478,125710,125324,161975,80738,161975,36154,161975,,125710,,80987,,36265,36154,,80738,xe" fillcolor="#d9d9d9" stroked="f" strokeweight="0">
                  <v:stroke endcap="round"/>
                  <v:path arrowok="t" textboxrect="0,0,161478,161975"/>
                </v:shape>
                <v:shape id="Shape 7986" o:spid="_x0000_s3206" style="position:absolute;left:11303;top:13605;width:1614;height:1620;visibility:visible;mso-wrap-style:square;v-text-anchor:top" coordsize="161478,1619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" path="m161478,80987c161478,36265,125324,,80738,,36154,,,36265,,80987v,44723,36154,80988,80738,80988c125324,161975,161478,125710,161478,80987xe" filled="f" strokeweight=".15192mm">
                  <v:stroke endcap="round"/>
                  <v:path arrowok="t" textboxrect="0,0,161478,161975"/>
                </v:shape>
                <v:rect id="Rectangle 7987" o:spid="_x0000_s3207" style="position:absolute;left:11857;top:13862;width:67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2</w:t>
                        </w:r>
                      </w:p>
                    </w:txbxContent>
                  </v:textbox>
                </v:rect>
                <v:shape id="Shape 7989" o:spid="_x0000_s3208" style="position:absolute;left:18058;top:16305;width:8854;height:2159;visibility:visible;mso-wrap-style:square;v-text-anchor:top" coordsize="885394,2159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" path="m,215963r885394,l885394,,,,,215963xe" filled="f" strokeweight=".05064mm">
                  <v:stroke endcap="round"/>
                  <v:path arrowok="t" textboxrect="0,0,885394,215963"/>
                </v:shape>
                <v:rect id="Rectangle 7990" o:spid="_x0000_s3209" style="position:absolute;left:18691;top:16994;width:10092;height:114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 фильтра</w:t>
                        </w:r>
                      </w:p>
                    </w:txbxContent>
                  </v:textbox>
                </v:rect>
                <v:shape id="Shape 7992" o:spid="_x0000_s3210" style="position:absolute;left:18058;top:19544;width:8854;height:2160;visibility:visible;mso-wrap-style:square;v-text-anchor:top" coordsize="885394,2159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" path="m,215963r885394,l885394,,,,,215963xe" filled="f" strokeweight=".05064mm">
                  <v:stroke endcap="round"/>
                  <v:path arrowok="t" textboxrect="0,0,885394,215963"/>
                </v:shape>
                <v:rect id="Rectangle 7993" o:spid="_x0000_s3211" style="position:absolute;left:18722;top:19684;width:10010;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Функциональный </w:t>
                        </w:r>
                      </w:p>
                    </w:txbxContent>
                  </v:textbox>
                </v:rect>
                <v:rect id="Rectangle 7994" o:spid="_x0000_s3212" style="position:absolute;left:20582;top:20782;width:4725;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w:t>
                        </w:r>
                      </w:p>
                    </w:txbxContent>
                  </v:textbox>
                </v:rect>
                <v:rect id="Rectangle 7995" o:spid="_x0000_s3213" style="position:absolute;left:24135;top:20620;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 xml:space="preserve"> </w:t>
                        </w:r>
                      </w:p>
                    </w:txbxContent>
                  </v:textbox>
                </v:rect>
                <v:shape id="Shape 7997" o:spid="_x0000_s3214" style="position:absolute;left:18058;top:22784;width:8854;height:2159;visibility:visible;mso-wrap-style:square;v-text-anchor:top" coordsize="885394,2159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" path="m,215963r885394,l885394,,,,,215963xe" filled="f" strokeweight=".05064mm">
                  <v:stroke endcap="round"/>
                  <v:path arrowok="t" textboxrect="0,0,885394,215963"/>
                </v:shape>
                <v:rect id="Rectangle 7998" o:spid="_x0000_s3215" style="position:absolute;left:18691;top:23472;width:10092;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 фильтра</w:t>
                        </w:r>
                      </w:p>
                    </w:txbxContent>
                  </v:textbox>
                </v:rect>
                <v:shape id="Shape 7999" o:spid="_x0000_s3216" style="position:absolute;left:17224;top:15765;width:1076;height:9718;visibility:visible;mso-wrap-style:square;v-text-anchor:top" coordsize="107627,9718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" path="m107627,l,,,971817r107627,e" filled="f" strokeweight=".15192mm">
                  <v:stroke endcap="round"/>
                  <v:path arrowok="t" textboxrect="0,0,107627,971817"/>
                </v:shape>
                <v:shape id="Shape 8000" o:spid="_x0000_s3217" style="position:absolute;left:12917;top:16845;width:3092;height:0;visibility:visible;mso-wrap-style:square;v-text-anchor:top" coordsize="30913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" path="m,l309132,e" filled="f" strokeweight=".15192mm">
                  <v:stroke endcap="round"/>
                  <v:path arrowok="t" textboxrect="0,0,309132,0"/>
                </v:shape>
                <v:shape id="Shape 8001" o:spid="_x0000_s3218" style="position:absolute;left:15947;top:16598;width:738;height:494;visibility:visible;mso-wrap-style:square;v-text-anchor:top" coordsize="73827,493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" path="m,l73827,24685,,49369,,xe" fillcolor="black" stroked="f" strokeweight="0">
                  <v:stroke endcap="round"/>
                  <v:path arrowok="t" textboxrect="0,0,73827,49369"/>
                </v:shape>
                <v:shape id="Shape 69513" o:spid="_x0000_s3219" style="position:absolute;left:18058;top:27103;width:8854;height:2160;visibility:visible;mso-wrap-style:square;v-text-anchor:top" coordsize="885394,2159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" path="m,l885394,r,215963l,215963,,e" fillcolor="#f2f2f2" stroked="f" strokeweight="0">
                  <v:stroke endcap="round"/>
                  <v:path arrowok="t" textboxrect="0,0,885394,215963"/>
                </v:shape>
                <v:shape id="Shape 8003" o:spid="_x0000_s3220" style="position:absolute;left:18058;top:27103;width:8854;height:2160;visibility:visible;mso-wrap-style:square;v-text-anchor:top" coordsize="885394,2159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" path="m,215963r885394,l885394,,,,,215963xe" filled="f" strokeweight=".05064mm">
                  <v:stroke endcap="round"/>
                  <v:path arrowok="t" textboxrect="0,0,885394,215963"/>
                </v:shape>
                <v:rect id="Rectangle 8004" o:spid="_x0000_s3221" style="position:absolute;left:19340;top:27792;width:836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Драйвер шины</w:t>
                        </w:r>
                      </w:p>
                    </w:txbxContent>
                  </v:textbox>
                </v:rect>
                <v:shape id="Shape 8005" o:spid="_x0000_s3222" style="position:absolute;left:13594;top:17924;width:3787;height:10259;visibility:visible;mso-wrap-style:square;v-text-anchor:top" coordsize="378706,10258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" path="m,l147654,r,1025865l378706,1025865e" filled="f" strokeweight=".15192mm">
                  <v:stroke endcap="round"/>
                  <v:path arrowok="t" textboxrect="0,0,378706,1025865"/>
                </v:shape>
                <v:shape id="Shape 8006" o:spid="_x0000_s3223" style="position:absolute;left:12917;top:17677;width:739;height:494;visibility:visible;mso-wrap-style:square;v-text-anchor:top" coordsize="73827,493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" path="m73827,r,49370l,24685,73827,xe" fillcolor="black" stroked="f" strokeweight="0">
                  <v:stroke endcap="round"/>
                  <v:path arrowok="t" textboxrect="0,0,73827,49370"/>
                </v:shape>
                <v:shape id="Shape 8007" o:spid="_x0000_s3224" style="position:absolute;left:17320;top:27936;width:738;height:494;visibility:visible;mso-wrap-style:square;v-text-anchor:top" coordsize="73827,493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" path="m,l73827,24692,,49370,,xe" fillcolor="black" stroked="f" strokeweight="0">
                  <v:stroke endcap="round"/>
                  <v:path arrowok="t" textboxrect="0,0,73827,49370"/>
                </v:shape>
                <v:shape id="Shape 8008" o:spid="_x0000_s3225" style="position:absolute;left:13994;top:14955;width:1615;height:1620;visibility:visible;mso-wrap-style:square;v-text-anchor:top" coordsize="161478,1619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" path="m80739,v44585,,80739,36265,80739,80988c161478,125711,125324,161976,80739,161976,36154,161976,,125711,,80988,,36265,36154,,80739,xe" fillcolor="#d9d9d9" stroked="f" strokeweight="0">
                  <v:stroke endcap="round"/>
                  <v:path arrowok="t" textboxrect="0,0,161478,161976"/>
                </v:shape>
                <v:shape id="Shape 8009" o:spid="_x0000_s3226" style="position:absolute;left:13994;top:14955;width:1615;height:1620;visibility:visible;mso-wrap-style:square;v-text-anchor:top" coordsize="161478,1619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" path="m161478,80988c161478,36265,125324,,80739,,36154,,,36265,,80988v,44723,36154,80988,80739,80988c125324,161976,161478,125711,161478,80988xe" filled="f" strokeweight=".15192mm">
                  <v:stroke endcap="round"/>
                  <v:path arrowok="t" textboxrect="0,0,161478,161976"/>
                </v:shape>
                <v:rect id="Rectangle 8010" o:spid="_x0000_s3227" style="position:absolute;left:14548;top:15212;width:67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5</w:t>
                        </w:r>
                      </w:p>
                    </w:txbxContent>
                  </v:textbox>
                </v:rect>
                <v:shape id="Shape 8011" o:spid="_x0000_s3228" style="position:absolute;left:13187;top:23594;width:1615;height:1619;visibility:visible;mso-wrap-style:square;v-text-anchor:top" coordsize="161478,1619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" path="m80739,v44585,,80739,36257,80739,80988c161478,125718,125324,161975,80739,161975,36154,161975,,125718,,80988,,36257,36154,,80739,xe" fillcolor="#d9d9d9" stroked="f" strokeweight="0">
                  <v:stroke endcap="round"/>
                  <v:path arrowok="t" textboxrect="0,0,161478,161975"/>
                </v:shape>
                <v:shape id="Shape 8012" o:spid="_x0000_s3229" style="position:absolute;left:13187;top:23594;width:1615;height:1619;visibility:visible;mso-wrap-style:square;v-text-anchor:top" coordsize="161478,1619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" path="m161478,80988c161478,36257,125324,,80739,,36154,,,36257,,80988v,44730,36154,80987,80739,80987c125324,161975,161478,125718,161478,80988xe" filled="f" strokeweight=".15192mm">
                  <v:stroke endcap="round"/>
                  <v:path arrowok="t" textboxrect="0,0,161478,161975"/>
                </v:shape>
                <v:rect id="Rectangle 8013" o:spid="_x0000_s3230" style="position:absolute;left:13741;top:23850;width:67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1</w:t>
                        </w:r>
                      </w:p>
                    </w:txbxContent>
                  </v:textbox>
                </v:rect>
                <v:rect id="Rectangle 8014" o:spid="_x0000_s3231" style="position:absolute;left:28723;top:10011;width:1953;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INF</w:t>
                        </w:r>
                      </w:p>
                    </w:txbxContent>
                  </v:textbox>
                </v:rect>
                <v:rect id="Rectangle 8015" o:spid="_x0000_s3232" style="position:absolute;left:30192;top:10011;width:403;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8016" o:spid="_x0000_s3233" style="position:absolute;left:30495;top:10173;width:3852;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Файлы</w:t>
                        </w:r>
                      </w:p>
                    </w:txbxContent>
                  </v:textbox>
                </v:rect>
                <v:rect id="Rectangle 8017" o:spid="_x0000_s3234" style="position:absolute;left:33391;top:10011;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8018" o:spid="_x0000_s3235" style="position:absolute;left:28723;top:11108;width:2425;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4"/>
                          </w:rPr>
                          <w:t>CAT</w:t>
                        </w:r>
                      </w:p>
                    </w:txbxContent>
                  </v:textbox>
                </v:rect>
                <v:rect id="Rectangle 8019" o:spid="_x0000_s3236" style="position:absolute;left:30546;top:11108;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8020" o:spid="_x0000_s3237" style="position:absolute;left:30849;top:11270;width:3852;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4"/>
                          </w:rPr>
                          <w:t>Файлы</w:t>
                        </w:r>
                      </w:p>
                    </w:txbxContent>
                  </v:textbox>
                </v:rect>
                <v:rect id="Rectangle 8021" o:spid="_x0000_s3238" style="position:absolute;left:33745;top:11108;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4"/>
                          </w:rPr>
                          <w:t>,</w:t>
                        </w:r>
                      </w:p>
                    </w:txbxContent>
                  </v:textbox>
                </v:rect>
                <v:rect id="Rectangle 8022" o:spid="_x0000_s3239" style="position:absolute;left:28723;top:12367;width:3993;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Реестр</w:t>
                        </w:r>
                      </w:p>
                    </w:txbxContent>
                  </v:textbox>
                </v:rect>
                <v:shape id="Shape 8023" o:spid="_x0000_s3240" style="position:absolute;left:24901;top:9997;width:300;height:4148;visibility:visible;mso-wrap-style:square;v-text-anchor:top" coordsize="29926,414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" path="m,l29926,60265r,354579l,354504,,xe" fillcolor="#bfbfbf" stroked="f" strokeweight="0">
                  <v:stroke endcap="round"/>
                  <v:path arrowok="t" textboxrect="0,0,29926,414844"/>
                </v:shape>
                <v:shape id="Shape 8024" o:spid="_x0000_s3241" style="position:absolute;left:24901;top:9997;width:300;height:4148;visibility:visible;mso-wrap-style:square;v-text-anchor:top" coordsize="29926,414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" path="m29926,60265l,,,354504r29926,60340l29926,60265xe" filled="f" strokeweight=".15192mm">
                  <v:stroke endcap="round"/>
                  <v:path arrowok="t" textboxrect="0,0,29926,414844"/>
                </v:shape>
                <v:shape id="Shape 69514" o:spid="_x0000_s3242" style="position:absolute;left:25201;top:10600;width:1543;height:3545;visibility:visible;mso-wrap-style:square;v-text-anchor:top" coordsize="154361,3545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" path="m,l154361,r,354518l,354518,,e" fillcolor="#bfbfbf" stroked="f" strokeweight="0">
                  <v:stroke endcap="round"/>
                  <v:path arrowok="t" textboxrect="0,0,154361,354518"/>
                </v:shape>
                <v:shape id="Shape 8026" o:spid="_x0000_s3243" style="position:absolute;left:25201;top:10600;width:1543;height:3545;visibility:visible;mso-wrap-style:square;v-text-anchor:top" coordsize="154361,3545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" path="m,354518r154361,l154361,,,,,354518xe" filled="f" strokeweight=".15192mm">
                  <v:stroke endcap="round"/>
                  <v:path arrowok="t" textboxrect="0,0,154361,354518"/>
                </v:shape>
                <v:shape id="Shape 8027" o:spid="_x0000_s3244" style="position:absolute;left:26745;top:9997;width:1244;height:4148;visibility:visible;mso-wrap-style:square;v-text-anchor:top" coordsize="124412,414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" path="m124412,r,354504l,414844,,60265,124412,xe" fillcolor="#bfbfbf" stroked="f" strokeweight="0">
                  <v:stroke endcap="round"/>
                  <v:path arrowok="t" textboxrect="0,0,124412,414844"/>
                </v:shape>
                <v:shape id="Shape 8028" o:spid="_x0000_s3245" style="position:absolute;left:26745;top:9997;width:1244;height:4148;visibility:visible;mso-wrap-style:square;v-text-anchor:top" coordsize="124412,414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" path="m124412,l,60265,,414844,124412,354504,124412,xe" filled="f" strokeweight=".15192mm">
                  <v:stroke endcap="round"/>
                  <v:path arrowok="t" textboxrect="0,0,124412,414844"/>
                </v:shape>
                <v:shape id="Shape 8029" o:spid="_x0000_s3246" style="position:absolute;left:24901;top:9394;width:3088;height:1206;visibility:visible;mso-wrap-style:square;v-text-anchor:top" coordsize="308752,12060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" path="m124488,l278827,r29925,60341l184340,120606r-154414,l,60341,124488,xe" fillcolor="#bfbfbf" stroked="f" strokeweight="0">
                  <v:stroke endcap="round"/>
                  <v:path arrowok="t" textboxrect="0,0,308752,120606"/>
                </v:shape>
                <v:shape id="Shape 8030" o:spid="_x0000_s3247" style="position:absolute;left:24901;top:9394;width:3088;height:1206;visibility:visible;mso-wrap-style:square;v-text-anchor:top" coordsize="308752,12060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" path="m308752,60341l278827,,124488,,,60341r29926,60265l184340,120606,308752,60341xe" filled="f" strokeweight=".15192mm">
                  <v:stroke endcap="round"/>
                  <v:path arrowok="t" textboxrect="0,0,308752,120606"/>
                </v:shape>
                <v:shape id="Shape 8031" o:spid="_x0000_s3248" style="position:absolute;left:1345;top:4697;width:1615;height:1619;visibility:visible;mso-wrap-style:square;v-text-anchor:top" coordsize="161470,1619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" path="m80731,v44593,,80739,36266,80739,80988c161470,125710,125324,161976,80731,161976,36146,161976,,125710,,80988,,36266,36146,,80731,xe" fillcolor="#d9d9d9" stroked="f" strokeweight="0">
                  <v:stroke endcap="round"/>
                  <v:path arrowok="t" textboxrect="0,0,161470,161976"/>
                </v:shape>
                <v:shape id="Shape 8032" o:spid="_x0000_s3249" style="position:absolute;left:1345;top:4697;width:1615;height:1619;visibility:visible;mso-wrap-style:square;v-text-anchor:top" coordsize="161470,1619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" path="m161470,80988c161470,36266,125324,,80731,,36146,,,36266,,80988v,44722,36146,80988,80731,80988c125324,161976,161470,125710,161470,80988xe" filled="f" strokeweight=".15192mm">
                  <v:stroke endcap="round"/>
                  <v:path arrowok="t" textboxrect="0,0,161470,161976"/>
                </v:shape>
                <v:rect id="Rectangle 8033" o:spid="_x0000_s3250" style="position:absolute;left:1899;top:4953;width:67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4"/>
                          </w:rPr>
                          <w:t>3</w:t>
                        </w:r>
                      </w:p>
                    </w:txbxContent>
                  </v:textbox>
                </v:rect>
                <v:rect id="Rectangle 8034" o:spid="_x0000_s3251" style="position:absolute;left:35083;top:28458;width:599;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" filled="f" stroked="f">
                  <v:textbox inset="0,0,0,0">
                    <w:txbxContent>
                      <w:p w:rsidR="0043064D" w:rsidRDefault="008B3C4B">
                        <w:pPr>
                          <w:spacing w:after="160" w:line="259" w:lineRule="auto"/>
                          <w:ind w:left="0" w:firstLine="0"/>
                          <w:jc w:val="left"/>
                        </w:pPr>
                        <w:r>
                          <w:t xml:space="preserve"> </w:t>
                        </w:r>
                      </w:p>
                    </w:txbxContent>
                  </v:textbox>
                </v:rect>
                <v:rect id="Rectangle 8035" o:spid="_x0000_s3252" style="position:absolute;left:35540;top:28458;width:599;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" filled="f" stroked="f">
                  <v:textbox inset="0,0,0,0">
                    <w:txbxContent>
                      <w:p w:rsidR="0043064D" w:rsidRDefault="008B3C4B">
                        <w:pPr>
                          <w:spacing w:after="160" w:line="259" w:lineRule="auto"/>
                          <w:ind w:left="0" w:firstLine="0"/>
                          <w:jc w:val="left"/>
                        </w:pPr>
                        <w:r>
                          <w:t xml:space="preserve"> </w:t>
                        </w:r>
                      </w:p>
                    </w:txbxContent>
                  </v:textbox>
                </v:rect>
                <w10:anchorlock/>
              </v:group>
            </w:pict>
          </mc:Fallback>
        </mc:AlternateContent>
      </w:r>
    </w:p>
    <w:p w:rsidR="0043064D" w:rsidRDefault="008B3C4B">
      <w:pPr>
        <w:spacing w:after="333" w:line="265" w:lineRule="auto"/>
        <w:ind w:right="6"/>
        <w:jc w:val="center"/>
      </w:pPr>
      <w:r>
        <w:t xml:space="preserve">Рис. 25. Компоненты, участвующие в установке драйвера </w:t>
      </w:r>
    </w:p>
    <w:p w:rsidR="0043064D" w:rsidRDefault="008B3C4B">
      <w:pPr>
        <w:ind w:left="-5" w:right="1"/>
      </w:pPr>
      <w:r>
        <w:lastRenderedPageBreak/>
        <w:t xml:space="preserve">Чтобы найти драйверы для нового устройства процесс установки получает от драйвера шины список </w:t>
      </w:r>
      <w:r>
        <w:rPr>
          <w:b/>
        </w:rPr>
        <w:t>идентификаторов оборудования</w:t>
      </w:r>
      <w:r>
        <w:t xml:space="preserve"> (</w:t>
      </w:r>
      <w:proofErr w:type="spellStart"/>
      <w:r>
        <w:t>hardware</w:t>
      </w:r>
      <w:proofErr w:type="spellEnd"/>
      <w:r>
        <w:t xml:space="preserve"> ID) и </w:t>
      </w:r>
      <w:r>
        <w:rPr>
          <w:b/>
        </w:rPr>
        <w:t>идентификаторов совместимых устройств</w:t>
      </w:r>
      <w:r>
        <w:t xml:space="preserve"> (</w:t>
      </w:r>
      <w:proofErr w:type="spellStart"/>
      <w:r>
        <w:t>compatible</w:t>
      </w:r>
      <w:proofErr w:type="spellEnd"/>
      <w:r>
        <w:t xml:space="preserve"> ID). Эти иде</w:t>
      </w:r>
      <w:r>
        <w:t>нтификаторы описывают все способы, предусмотренные в установочном файле драйвера (INF-файле) для идентификации устройства. Списки упорядочиваются так, чтобы наиболее специфические характеристики устройства описывались первыми. Если совпадения идентификатор</w:t>
      </w:r>
      <w:r>
        <w:t xml:space="preserve">ов обнаруживаются в нескольких INF-файлах, предпочтение отдается наиболее полным совпадениям. Аналогичным образом предпочтение отдается </w:t>
      </w:r>
      <w:proofErr w:type="spellStart"/>
      <w:r>
        <w:t>INFфайлам</w:t>
      </w:r>
      <w:proofErr w:type="spellEnd"/>
      <w:r>
        <w:t xml:space="preserve"> с цифровой подписью, а среди них — более новым. Если найденный идентификатор соответствует идентификатору совм</w:t>
      </w:r>
      <w:r>
        <w:t xml:space="preserve">естимого устройства, мастер установки оборудования может запросить носитель с обновленными драйверами для этого устройства. </w:t>
      </w:r>
    </w:p>
    <w:p w:rsidR="0043064D" w:rsidRDefault="008B3C4B">
      <w:pPr>
        <w:ind w:left="-5" w:right="1"/>
      </w:pPr>
      <w:r>
        <w:t>INF-файл определяет местонахождение файлов функционального драйвера и содержит команды, которые вводят нужные данные в раздел переч</w:t>
      </w:r>
      <w:r>
        <w:t xml:space="preserve">исления и раздел класса драйвера. INF-файл может указать мастеру установки оборудования запустить DLL установщика класса или компонента, участвующего в установке устройства (4), — эти модули выполняют операции, специфичные для класса или устройства, </w:t>
      </w:r>
      <w:proofErr w:type="gramStart"/>
      <w:r>
        <w:t>наприм</w:t>
      </w:r>
      <w:r>
        <w:t>ер</w:t>
      </w:r>
      <w:proofErr w:type="gramEnd"/>
      <w:r>
        <w:t xml:space="preserve"> выводят диалоговые окна, позволяющие настраивать параметры устройства. </w:t>
      </w:r>
    </w:p>
    <w:p w:rsidR="0043064D" w:rsidRDefault="008B3C4B">
      <w:pPr>
        <w:spacing w:after="8"/>
        <w:ind w:left="-5" w:right="1"/>
      </w:pPr>
      <w:r>
        <w:t xml:space="preserve">Перед установкой драйвера диспетчер </w:t>
      </w:r>
      <w:proofErr w:type="spellStart"/>
      <w:r>
        <w:t>PnP</w:t>
      </w:r>
      <w:proofErr w:type="spellEnd"/>
      <w:r>
        <w:t xml:space="preserve"> пользовательского режима проверяет системную политику проверки цифровых подписей в драйверах. Эта политика хранится в разделе реестра </w:t>
      </w:r>
      <w:r>
        <w:rPr>
          <w:rFonts w:ascii="Courier New" w:eastAsia="Courier New" w:hAnsi="Courier New" w:cs="Courier New"/>
        </w:rPr>
        <w:t>HKLM\SO</w:t>
      </w:r>
      <w:r>
        <w:rPr>
          <w:rFonts w:ascii="Courier New" w:eastAsia="Courier New" w:hAnsi="Courier New" w:cs="Courier New"/>
        </w:rPr>
        <w:t>FTWARE\</w:t>
      </w:r>
      <w:proofErr w:type="spellStart"/>
      <w:r>
        <w:rPr>
          <w:rFonts w:ascii="Courier New" w:eastAsia="Courier New" w:hAnsi="Courier New" w:cs="Courier New"/>
        </w:rPr>
        <w:t>Microsoft</w:t>
      </w:r>
      <w:proofErr w:type="spellEnd"/>
      <w:r>
        <w:rPr>
          <w:rFonts w:ascii="Courier New" w:eastAsia="Courier New" w:hAnsi="Courier New" w:cs="Courier New"/>
        </w:rPr>
        <w:t>\</w:t>
      </w:r>
      <w:proofErr w:type="spellStart"/>
      <w:r>
        <w:rPr>
          <w:rFonts w:ascii="Courier New" w:eastAsia="Courier New" w:hAnsi="Courier New" w:cs="Courier New"/>
        </w:rPr>
        <w:t>Driver</w:t>
      </w:r>
      <w:proofErr w:type="spellEnd"/>
      <w:r>
        <w:rPr>
          <w:rFonts w:ascii="Courier New" w:eastAsia="Courier New" w:hAnsi="Courier New" w:cs="Courier New"/>
        </w:rPr>
        <w:t xml:space="preserve"> </w:t>
      </w:r>
      <w:proofErr w:type="spellStart"/>
      <w:r>
        <w:rPr>
          <w:rFonts w:ascii="Courier New" w:eastAsia="Courier New" w:hAnsi="Courier New" w:cs="Courier New"/>
        </w:rPr>
        <w:t>Signing</w:t>
      </w:r>
      <w:proofErr w:type="spellEnd"/>
      <w:r>
        <w:rPr>
          <w:rFonts w:ascii="Courier New" w:eastAsia="Courier New" w:hAnsi="Courier New" w:cs="Courier New"/>
        </w:rPr>
        <w:t>\</w:t>
      </w:r>
      <w:proofErr w:type="spellStart"/>
      <w:r>
        <w:rPr>
          <w:rFonts w:ascii="Courier New" w:eastAsia="Courier New" w:hAnsi="Courier New" w:cs="Courier New"/>
        </w:rPr>
        <w:t>Policy</w:t>
      </w:r>
      <w:proofErr w:type="spellEnd"/>
      <w:r>
        <w:t xml:space="preserve">, если администратор выбрал общесистемную политику, или в </w:t>
      </w:r>
    </w:p>
    <w:p w:rsidR="0043064D" w:rsidRDefault="008B3C4B">
      <w:pPr>
        <w:spacing w:after="266"/>
        <w:ind w:left="-5" w:right="1"/>
      </w:pPr>
      <w:r>
        <w:rPr>
          <w:rFonts w:ascii="Courier New" w:eastAsia="Courier New" w:hAnsi="Courier New" w:cs="Courier New"/>
        </w:rPr>
        <w:t>HKCU\</w:t>
      </w:r>
      <w:proofErr w:type="spellStart"/>
      <w:r>
        <w:rPr>
          <w:rFonts w:ascii="Courier New" w:eastAsia="Courier New" w:hAnsi="Courier New" w:cs="Courier New"/>
        </w:rPr>
        <w:t>Software</w:t>
      </w:r>
      <w:proofErr w:type="spellEnd"/>
      <w:r>
        <w:rPr>
          <w:rFonts w:ascii="Courier New" w:eastAsia="Courier New" w:hAnsi="Courier New" w:cs="Courier New"/>
        </w:rPr>
        <w:t>\</w:t>
      </w:r>
      <w:proofErr w:type="spellStart"/>
      <w:r>
        <w:rPr>
          <w:rFonts w:ascii="Courier New" w:eastAsia="Courier New" w:hAnsi="Courier New" w:cs="Courier New"/>
        </w:rPr>
        <w:t>Microsoft</w:t>
      </w:r>
      <w:proofErr w:type="spellEnd"/>
      <w:r>
        <w:rPr>
          <w:rFonts w:ascii="Courier New" w:eastAsia="Courier New" w:hAnsi="Courier New" w:cs="Courier New"/>
        </w:rPr>
        <w:t>\</w:t>
      </w:r>
      <w:proofErr w:type="spellStart"/>
      <w:r>
        <w:rPr>
          <w:rFonts w:ascii="Courier New" w:eastAsia="Courier New" w:hAnsi="Courier New" w:cs="Courier New"/>
        </w:rPr>
        <w:t>Driver</w:t>
      </w:r>
      <w:proofErr w:type="spellEnd"/>
      <w:r>
        <w:rPr>
          <w:rFonts w:ascii="Courier New" w:eastAsia="Courier New" w:hAnsi="Courier New" w:cs="Courier New"/>
        </w:rPr>
        <w:t xml:space="preserve"> </w:t>
      </w:r>
      <w:proofErr w:type="spellStart"/>
      <w:r>
        <w:rPr>
          <w:rFonts w:ascii="Courier New" w:eastAsia="Courier New" w:hAnsi="Courier New" w:cs="Courier New"/>
        </w:rPr>
        <w:t>Signing</w:t>
      </w:r>
      <w:proofErr w:type="spellEnd"/>
      <w:r>
        <w:rPr>
          <w:rFonts w:ascii="Courier New" w:eastAsia="Courier New" w:hAnsi="Courier New" w:cs="Courier New"/>
        </w:rPr>
        <w:t>\</w:t>
      </w:r>
      <w:proofErr w:type="spellStart"/>
      <w:r>
        <w:rPr>
          <w:rFonts w:ascii="Courier New" w:eastAsia="Courier New" w:hAnsi="Courier New" w:cs="Courier New"/>
        </w:rPr>
        <w:t>Policy</w:t>
      </w:r>
      <w:proofErr w:type="spellEnd"/>
      <w:r>
        <w:t>, если в системе применяются политики только по отношению к индивидуальным пользователям. Политика проверки цифров</w:t>
      </w:r>
      <w:r>
        <w:t xml:space="preserve">ых подписей в драйверах настраивается через диалоговое окно </w:t>
      </w:r>
      <w:proofErr w:type="spellStart"/>
      <w:r>
        <w:t>Driver</w:t>
      </w:r>
      <w:proofErr w:type="spellEnd"/>
      <w:r>
        <w:t xml:space="preserve"> </w:t>
      </w:r>
      <w:proofErr w:type="spellStart"/>
      <w:r>
        <w:t>Signing</w:t>
      </w:r>
      <w:proofErr w:type="spellEnd"/>
      <w:r>
        <w:t xml:space="preserve"> </w:t>
      </w:r>
      <w:proofErr w:type="spellStart"/>
      <w:r>
        <w:t>Options</w:t>
      </w:r>
      <w:proofErr w:type="spellEnd"/>
      <w:r>
        <w:t xml:space="preserve"> (Параметры </w:t>
      </w:r>
      <w:proofErr w:type="spellStart"/>
      <w:r>
        <w:t>подписывания</w:t>
      </w:r>
      <w:proofErr w:type="spellEnd"/>
      <w:r>
        <w:t xml:space="preserve"> драйвера), доступное с вкладки </w:t>
      </w:r>
      <w:proofErr w:type="spellStart"/>
      <w:r>
        <w:t>Hardware</w:t>
      </w:r>
      <w:proofErr w:type="spellEnd"/>
      <w:r>
        <w:t xml:space="preserve"> (Оборудование) окна свойств системы. </w:t>
      </w:r>
    </w:p>
    <w:p w:rsidR="0043064D" w:rsidRDefault="008B3C4B">
      <w:pPr>
        <w:pStyle w:val="2"/>
        <w:ind w:left="-5"/>
      </w:pPr>
      <w:bookmarkStart w:id="22" w:name="_Toc68670"/>
      <w:r>
        <w:t xml:space="preserve">Диспетчер электропитания </w:t>
      </w:r>
      <w:bookmarkEnd w:id="22"/>
    </w:p>
    <w:p w:rsidR="0043064D" w:rsidRDefault="008B3C4B">
      <w:pPr>
        <w:ind w:left="-5" w:right="1"/>
      </w:pPr>
      <w:r>
        <w:t xml:space="preserve">Как и </w:t>
      </w:r>
      <w:proofErr w:type="spellStart"/>
      <w:r>
        <w:t>PnP</w:t>
      </w:r>
      <w:proofErr w:type="spellEnd"/>
      <w:r>
        <w:t xml:space="preserve">-функции </w:t>
      </w:r>
      <w:proofErr w:type="spellStart"/>
      <w:r>
        <w:t>Windows</w:t>
      </w:r>
      <w:proofErr w:type="spellEnd"/>
      <w:r>
        <w:t>, управление электро</w:t>
      </w:r>
      <w:r>
        <w:t>питанием требует аппаратной поддержки. Она</w:t>
      </w:r>
      <w:r w:rsidRPr="008B3C4B">
        <w:rPr>
          <w:lang w:val="en-US"/>
        </w:rPr>
        <w:t xml:space="preserve"> </w:t>
      </w:r>
      <w:r>
        <w:t>должна</w:t>
      </w:r>
      <w:r w:rsidRPr="008B3C4B">
        <w:rPr>
          <w:lang w:val="en-US"/>
        </w:rPr>
        <w:t xml:space="preserve"> </w:t>
      </w:r>
      <w:r>
        <w:t>отвечать</w:t>
      </w:r>
      <w:r w:rsidRPr="008B3C4B">
        <w:rPr>
          <w:lang w:val="en-US"/>
        </w:rPr>
        <w:t xml:space="preserve"> </w:t>
      </w:r>
      <w:r>
        <w:t>спецификации</w:t>
      </w:r>
      <w:r w:rsidRPr="008B3C4B">
        <w:rPr>
          <w:lang w:val="en-US"/>
        </w:rPr>
        <w:t xml:space="preserve"> Advanced Configuration and Power Interface (ACPI)</w:t>
      </w:r>
      <w:r w:rsidRPr="008B3C4B">
        <w:rPr>
          <w:i/>
          <w:lang w:val="en-US"/>
        </w:rPr>
        <w:t xml:space="preserve">. </w:t>
      </w:r>
      <w:r>
        <w:t>Согласно этой спецификации BIOS (</w:t>
      </w:r>
      <w:proofErr w:type="spellStart"/>
      <w:r>
        <w:t>Basic</w:t>
      </w:r>
      <w:proofErr w:type="spellEnd"/>
      <w:r>
        <w:t xml:space="preserve"> </w:t>
      </w:r>
      <w:proofErr w:type="spellStart"/>
      <w:r>
        <w:t>Input</w:t>
      </w:r>
      <w:proofErr w:type="spellEnd"/>
      <w:r>
        <w:t xml:space="preserve"> </w:t>
      </w:r>
      <w:proofErr w:type="spellStart"/>
      <w:r>
        <w:t>Output</w:t>
      </w:r>
      <w:proofErr w:type="spellEnd"/>
      <w:r>
        <w:t xml:space="preserve"> </w:t>
      </w:r>
      <w:proofErr w:type="spellStart"/>
      <w:r>
        <w:t>System</w:t>
      </w:r>
      <w:proofErr w:type="spellEnd"/>
      <w:r>
        <w:t>) тоже должна соответствовать стандарту ACPI. Этим требованиям удовлетворяе</w:t>
      </w:r>
      <w:r>
        <w:t xml:space="preserve">т большинство х8б-компьютеров, выпускавшихся с конца 1998 года. </w:t>
      </w:r>
    </w:p>
    <w:p w:rsidR="0043064D" w:rsidRDefault="008B3C4B">
      <w:pPr>
        <w:spacing w:after="142"/>
        <w:ind w:left="-5" w:right="1"/>
      </w:pPr>
      <w:r>
        <w:t xml:space="preserve">Стандарт ACPI определяет различные уровни энергопотребления для системы и устройств. Шесть состояний для системы — от S0 </w:t>
      </w:r>
      <w:r>
        <w:t xml:space="preserve">(полностью активное, или рабочее, состояние) до S5 (полное отключение) — перечислены в таблице 1. Каждое из них характеризуется следующими параметрами. </w:t>
      </w:r>
    </w:p>
    <w:p w:rsidR="0043064D" w:rsidRDefault="008B3C4B">
      <w:pPr>
        <w:numPr>
          <w:ilvl w:val="0"/>
          <w:numId w:val="18"/>
        </w:numPr>
        <w:spacing w:after="16"/>
        <w:ind w:right="1" w:hanging="361"/>
      </w:pPr>
      <w:r>
        <w:rPr>
          <w:b/>
        </w:rPr>
        <w:t>Энергопотребление</w:t>
      </w:r>
      <w:r>
        <w:t xml:space="preserve"> (</w:t>
      </w:r>
      <w:proofErr w:type="spellStart"/>
      <w:r>
        <w:t>power</w:t>
      </w:r>
      <w:proofErr w:type="spellEnd"/>
      <w:r>
        <w:t xml:space="preserve"> </w:t>
      </w:r>
      <w:proofErr w:type="spellStart"/>
      <w:r>
        <w:t>consumption</w:t>
      </w:r>
      <w:proofErr w:type="spellEnd"/>
      <w:r>
        <w:t xml:space="preserve">) Количество энергии, потребляемой компьютером. </w:t>
      </w:r>
    </w:p>
    <w:p w:rsidR="0043064D" w:rsidRDefault="008B3C4B">
      <w:pPr>
        <w:numPr>
          <w:ilvl w:val="0"/>
          <w:numId w:val="18"/>
        </w:numPr>
        <w:spacing w:after="21"/>
        <w:ind w:right="1" w:hanging="361"/>
      </w:pPr>
      <w:r>
        <w:rPr>
          <w:b/>
        </w:rPr>
        <w:t>Возобновление рабо</w:t>
      </w:r>
      <w:r>
        <w:rPr>
          <w:b/>
        </w:rPr>
        <w:t>ты ПО</w:t>
      </w:r>
      <w:r>
        <w:t xml:space="preserve"> (</w:t>
      </w:r>
      <w:proofErr w:type="spellStart"/>
      <w:r>
        <w:t>software</w:t>
      </w:r>
      <w:proofErr w:type="spellEnd"/>
      <w:r>
        <w:t xml:space="preserve"> </w:t>
      </w:r>
      <w:proofErr w:type="spellStart"/>
      <w:r>
        <w:t>resumption</w:t>
      </w:r>
      <w:proofErr w:type="spellEnd"/>
      <w:r>
        <w:t xml:space="preserve">) Состояние программного обеспечения при переходе компьютера в «более активное» состояние. </w:t>
      </w:r>
    </w:p>
    <w:p w:rsidR="0043064D" w:rsidRDefault="008B3C4B">
      <w:pPr>
        <w:numPr>
          <w:ilvl w:val="0"/>
          <w:numId w:val="18"/>
        </w:numPr>
        <w:ind w:right="1" w:hanging="361"/>
      </w:pPr>
      <w:r>
        <w:rPr>
          <w:b/>
        </w:rPr>
        <w:t>Аппаратная задержка</w:t>
      </w:r>
      <w:r>
        <w:t xml:space="preserve"> (</w:t>
      </w:r>
      <w:proofErr w:type="spellStart"/>
      <w:r>
        <w:t>hardware</w:t>
      </w:r>
      <w:proofErr w:type="spellEnd"/>
      <w:r>
        <w:t xml:space="preserve"> </w:t>
      </w:r>
      <w:proofErr w:type="spellStart"/>
      <w:r>
        <w:t>latency</w:t>
      </w:r>
      <w:proofErr w:type="spellEnd"/>
      <w:r>
        <w:t xml:space="preserve">) Время, необходимое на то, чтобы вернуть компьютер в полностью активное состояние. </w:t>
      </w:r>
    </w:p>
    <w:p w:rsidR="0043064D" w:rsidRDefault="008B3C4B">
      <w:pPr>
        <w:spacing w:after="10"/>
        <w:ind w:left="-5" w:right="1"/>
      </w:pPr>
      <w:r>
        <w:t>Таблица 1. Опред</w:t>
      </w:r>
      <w:r>
        <w:t xml:space="preserve">еления состояний системы с различным энергопотреблением </w:t>
      </w:r>
    </w:p>
    <w:tbl>
      <w:tblPr>
        <w:tblStyle w:val="TableGrid"/>
        <w:tblW w:w="9572" w:type="dxa"/>
        <w:tblInd w:w="-107" w:type="dxa"/>
        <w:tblCellMar>
          <w:top w:w="172" w:type="dxa"/>
          <w:left w:w="107" w:type="dxa"/>
          <w:bottom w:w="0" w:type="dxa"/>
          <w:right w:w="35" w:type="dxa"/>
        </w:tblCellMar>
        <w:tblLook w:val="04A0" w:firstRow="1" w:lastRow="0" w:firstColumn="1" w:lastColumn="0" w:noHBand="0" w:noVBand="1"/>
      </w:tblPr>
      <w:tblGrid>
        <w:gridCol w:w="1668"/>
        <w:gridCol w:w="2553"/>
        <w:gridCol w:w="3828"/>
        <w:gridCol w:w="1523"/>
      </w:tblGrid>
      <w:tr w:rsidR="0043064D">
        <w:trPr>
          <w:trHeight w:val="735"/>
        </w:trPr>
        <w:tc>
          <w:tcPr>
            <w:tcW w:w="1667" w:type="dxa"/>
            <w:tcBorders>
              <w:top w:val="single" w:sz="4" w:space="0" w:color="000000"/>
              <w:left w:val="single" w:sz="4" w:space="0" w:color="000000"/>
              <w:bottom w:val="single" w:sz="4" w:space="0" w:color="000000"/>
              <w:right w:val="single" w:sz="4" w:space="0" w:color="000000"/>
            </w:tcBorders>
            <w:shd w:val="clear" w:color="auto" w:fill="BFBFBF"/>
            <w:vAlign w:val="center"/>
          </w:tcPr>
          <w:p w:rsidR="0043064D" w:rsidRDefault="008B3C4B">
            <w:pPr>
              <w:spacing w:after="0" w:line="259" w:lineRule="auto"/>
              <w:ind w:left="0" w:right="77" w:firstLine="0"/>
              <w:jc w:val="center"/>
            </w:pPr>
            <w:r>
              <w:t xml:space="preserve">Состояние </w:t>
            </w:r>
          </w:p>
        </w:tc>
        <w:tc>
          <w:tcPr>
            <w:tcW w:w="2553" w:type="dxa"/>
            <w:tcBorders>
              <w:top w:val="single" w:sz="4" w:space="0" w:color="000000"/>
              <w:left w:val="single" w:sz="4" w:space="0" w:color="000000"/>
              <w:bottom w:val="single" w:sz="4" w:space="0" w:color="000000"/>
              <w:right w:val="single" w:sz="4" w:space="0" w:color="000000"/>
            </w:tcBorders>
            <w:shd w:val="clear" w:color="auto" w:fill="BFBFBF"/>
            <w:vAlign w:val="center"/>
          </w:tcPr>
          <w:p w:rsidR="0043064D" w:rsidRDefault="008B3C4B">
            <w:pPr>
              <w:spacing w:after="0" w:line="259" w:lineRule="auto"/>
              <w:ind w:left="0" w:right="72" w:firstLine="0"/>
              <w:jc w:val="center"/>
            </w:pPr>
            <w:r>
              <w:t xml:space="preserve">Энергопотребление </w:t>
            </w:r>
          </w:p>
        </w:tc>
        <w:tc>
          <w:tcPr>
            <w:tcW w:w="3828" w:type="dxa"/>
            <w:tcBorders>
              <w:top w:val="single" w:sz="4" w:space="0" w:color="000000"/>
              <w:left w:val="single" w:sz="4" w:space="0" w:color="000000"/>
              <w:bottom w:val="single" w:sz="4" w:space="0" w:color="000000"/>
              <w:right w:val="single" w:sz="4" w:space="0" w:color="000000"/>
            </w:tcBorders>
            <w:shd w:val="clear" w:color="auto" w:fill="BFBFBF"/>
            <w:vAlign w:val="center"/>
          </w:tcPr>
          <w:p w:rsidR="0043064D" w:rsidRDefault="008B3C4B">
            <w:pPr>
              <w:spacing w:after="0" w:line="259" w:lineRule="auto"/>
              <w:ind w:left="0" w:right="77" w:firstLine="0"/>
              <w:jc w:val="center"/>
            </w:pPr>
            <w:r>
              <w:t xml:space="preserve">Возобновление работы ПО </w:t>
            </w:r>
          </w:p>
        </w:tc>
        <w:tc>
          <w:tcPr>
            <w:tcW w:w="1523" w:type="dxa"/>
            <w:tcBorders>
              <w:top w:val="single" w:sz="4" w:space="0" w:color="000000"/>
              <w:left w:val="single" w:sz="4" w:space="0" w:color="000000"/>
              <w:bottom w:val="single" w:sz="4" w:space="0" w:color="000000"/>
              <w:right w:val="single" w:sz="4" w:space="0" w:color="000000"/>
            </w:tcBorders>
            <w:shd w:val="clear" w:color="auto" w:fill="BFBFBF"/>
            <w:vAlign w:val="center"/>
          </w:tcPr>
          <w:p w:rsidR="0043064D" w:rsidRDefault="008B3C4B">
            <w:pPr>
              <w:spacing w:after="0" w:line="259" w:lineRule="auto"/>
              <w:ind w:left="0" w:firstLine="0"/>
              <w:jc w:val="center"/>
            </w:pPr>
            <w:r>
              <w:t xml:space="preserve">Аппаратная задержка </w:t>
            </w:r>
          </w:p>
        </w:tc>
      </w:tr>
      <w:tr w:rsidR="0043064D">
        <w:trPr>
          <w:trHeight w:val="1220"/>
        </w:trPr>
        <w:tc>
          <w:tcPr>
            <w:tcW w:w="1667"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S0 (</w:t>
            </w:r>
            <w:proofErr w:type="spellStart"/>
            <w:r>
              <w:t>fully</w:t>
            </w:r>
            <w:proofErr w:type="spellEnd"/>
            <w:r>
              <w:t xml:space="preserve"> </w:t>
            </w:r>
            <w:proofErr w:type="spellStart"/>
            <w:r>
              <w:t>on</w:t>
            </w:r>
            <w:proofErr w:type="spellEnd"/>
            <w:r>
              <w:t xml:space="preserve">) (полностью активное состояние) </w:t>
            </w:r>
          </w:p>
        </w:tc>
        <w:tc>
          <w:tcPr>
            <w:tcW w:w="2553" w:type="dxa"/>
            <w:tcBorders>
              <w:top w:val="single" w:sz="4" w:space="0" w:color="000000"/>
              <w:left w:val="single" w:sz="4" w:space="0" w:color="000000"/>
              <w:bottom w:val="single" w:sz="4" w:space="0" w:color="000000"/>
              <w:right w:val="single" w:sz="4" w:space="0" w:color="000000"/>
            </w:tcBorders>
          </w:tcPr>
          <w:p w:rsidR="0043064D" w:rsidRDefault="008B3C4B">
            <w:pPr>
              <w:spacing w:after="0" w:line="259" w:lineRule="auto"/>
              <w:ind w:left="4" w:firstLine="0"/>
              <w:jc w:val="left"/>
            </w:pPr>
            <w:r>
              <w:t xml:space="preserve">Максимальное </w:t>
            </w:r>
          </w:p>
        </w:tc>
        <w:tc>
          <w:tcPr>
            <w:tcW w:w="3828" w:type="dxa"/>
            <w:tcBorders>
              <w:top w:val="single" w:sz="4" w:space="0" w:color="000000"/>
              <w:left w:val="single" w:sz="4" w:space="0" w:color="000000"/>
              <w:bottom w:val="single" w:sz="4" w:space="0" w:color="000000"/>
              <w:right w:val="single" w:sz="4" w:space="0" w:color="000000"/>
            </w:tcBorders>
          </w:tcPr>
          <w:p w:rsidR="0043064D" w:rsidRDefault="008B3C4B">
            <w:pPr>
              <w:spacing w:after="0" w:line="259" w:lineRule="auto"/>
              <w:ind w:left="0" w:firstLine="0"/>
              <w:jc w:val="left"/>
            </w:pPr>
            <w:r>
              <w:t xml:space="preserve">- </w:t>
            </w:r>
          </w:p>
        </w:tc>
        <w:tc>
          <w:tcPr>
            <w:tcW w:w="1523" w:type="dxa"/>
            <w:tcBorders>
              <w:top w:val="single" w:sz="4" w:space="0" w:color="000000"/>
              <w:left w:val="single" w:sz="4" w:space="0" w:color="000000"/>
              <w:bottom w:val="single" w:sz="4" w:space="0" w:color="000000"/>
              <w:right w:val="single" w:sz="4" w:space="0" w:color="000000"/>
            </w:tcBorders>
          </w:tcPr>
          <w:p w:rsidR="0043064D" w:rsidRDefault="008B3C4B">
            <w:pPr>
              <w:spacing w:after="0" w:line="259" w:lineRule="auto"/>
              <w:ind w:left="4" w:firstLine="0"/>
              <w:jc w:val="left"/>
            </w:pPr>
            <w:r>
              <w:t xml:space="preserve">Нет </w:t>
            </w:r>
          </w:p>
        </w:tc>
      </w:tr>
      <w:tr w:rsidR="0043064D">
        <w:trPr>
          <w:trHeight w:val="984"/>
        </w:trPr>
        <w:tc>
          <w:tcPr>
            <w:tcW w:w="1667"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S1 (</w:t>
            </w:r>
            <w:proofErr w:type="spellStart"/>
            <w:r>
              <w:t>sleeping</w:t>
            </w:r>
            <w:proofErr w:type="spellEnd"/>
            <w:r>
              <w:t xml:space="preserve">) (состояние ожидания) </w:t>
            </w:r>
          </w:p>
        </w:tc>
        <w:tc>
          <w:tcPr>
            <w:tcW w:w="2553" w:type="dxa"/>
            <w:tcBorders>
              <w:top w:val="single" w:sz="4" w:space="0" w:color="000000"/>
              <w:left w:val="single" w:sz="4" w:space="0" w:color="000000"/>
              <w:bottom w:val="single" w:sz="4" w:space="0" w:color="000000"/>
              <w:right w:val="single" w:sz="4" w:space="0" w:color="000000"/>
            </w:tcBorders>
          </w:tcPr>
          <w:p w:rsidR="0043064D" w:rsidRDefault="008B3C4B">
            <w:pPr>
              <w:spacing w:after="0" w:line="259" w:lineRule="auto"/>
              <w:ind w:left="4" w:firstLine="0"/>
              <w:jc w:val="left"/>
            </w:pPr>
            <w:r>
              <w:t>Менее S0</w:t>
            </w:r>
            <w:r>
              <w:t xml:space="preserve">, но более S2 </w:t>
            </w:r>
          </w:p>
        </w:tc>
        <w:tc>
          <w:tcPr>
            <w:tcW w:w="3828"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right="70" w:firstLine="0"/>
            </w:pPr>
            <w:r>
              <w:t xml:space="preserve">Система возобновляет работу с той точки, где она была прервана (возвращается в состояние SO) </w:t>
            </w:r>
          </w:p>
        </w:tc>
        <w:tc>
          <w:tcPr>
            <w:tcW w:w="1523" w:type="dxa"/>
            <w:tcBorders>
              <w:top w:val="single" w:sz="4" w:space="0" w:color="000000"/>
              <w:left w:val="single" w:sz="4" w:space="0" w:color="000000"/>
              <w:bottom w:val="single" w:sz="4" w:space="0" w:color="000000"/>
              <w:right w:val="single" w:sz="4" w:space="0" w:color="000000"/>
            </w:tcBorders>
          </w:tcPr>
          <w:p w:rsidR="0043064D" w:rsidRDefault="008B3C4B">
            <w:pPr>
              <w:tabs>
                <w:tab w:val="right" w:pos="1381"/>
              </w:tabs>
              <w:spacing w:after="0" w:line="259" w:lineRule="auto"/>
              <w:ind w:left="0" w:firstLine="0"/>
              <w:jc w:val="left"/>
            </w:pPr>
            <w:r>
              <w:t xml:space="preserve">Менее </w:t>
            </w:r>
            <w:r>
              <w:tab/>
              <w:t xml:space="preserve">2 </w:t>
            </w:r>
          </w:p>
          <w:p w:rsidR="0043064D" w:rsidRDefault="008B3C4B">
            <w:pPr>
              <w:spacing w:after="0" w:line="259" w:lineRule="auto"/>
              <w:ind w:left="4" w:firstLine="0"/>
              <w:jc w:val="left"/>
            </w:pPr>
            <w:r>
              <w:t xml:space="preserve">секунд </w:t>
            </w:r>
          </w:p>
        </w:tc>
      </w:tr>
      <w:tr w:rsidR="0043064D">
        <w:trPr>
          <w:trHeight w:val="975"/>
        </w:trPr>
        <w:tc>
          <w:tcPr>
            <w:tcW w:w="1667"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lastRenderedPageBreak/>
              <w:t>S2 (</w:t>
            </w:r>
            <w:proofErr w:type="spellStart"/>
            <w:r>
              <w:t>sleeping</w:t>
            </w:r>
            <w:proofErr w:type="spellEnd"/>
            <w:r>
              <w:t xml:space="preserve">) (состояние ожидания) </w:t>
            </w:r>
          </w:p>
        </w:tc>
        <w:tc>
          <w:tcPr>
            <w:tcW w:w="2553" w:type="dxa"/>
            <w:tcBorders>
              <w:top w:val="single" w:sz="4" w:space="0" w:color="000000"/>
              <w:left w:val="single" w:sz="4" w:space="0" w:color="000000"/>
              <w:bottom w:val="single" w:sz="4" w:space="0" w:color="000000"/>
              <w:right w:val="single" w:sz="4" w:space="0" w:color="000000"/>
            </w:tcBorders>
          </w:tcPr>
          <w:p w:rsidR="0043064D" w:rsidRDefault="008B3C4B">
            <w:pPr>
              <w:spacing w:after="0" w:line="259" w:lineRule="auto"/>
              <w:ind w:left="0" w:firstLine="0"/>
              <w:jc w:val="left"/>
            </w:pPr>
            <w:r>
              <w:t xml:space="preserve">Менее S1, но более S3 </w:t>
            </w:r>
          </w:p>
        </w:tc>
        <w:tc>
          <w:tcPr>
            <w:tcW w:w="3828"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right="71" w:firstLine="0"/>
            </w:pPr>
            <w:r>
              <w:t xml:space="preserve">Система возобновляет работу с той точки, где она была прервана (возвращается в состояние S0) </w:t>
            </w:r>
          </w:p>
        </w:tc>
        <w:tc>
          <w:tcPr>
            <w:tcW w:w="1523" w:type="dxa"/>
            <w:tcBorders>
              <w:top w:val="single" w:sz="4" w:space="0" w:color="000000"/>
              <w:left w:val="single" w:sz="4" w:space="0" w:color="000000"/>
              <w:bottom w:val="single" w:sz="4" w:space="0" w:color="000000"/>
              <w:right w:val="single" w:sz="4" w:space="0" w:color="000000"/>
            </w:tcBorders>
          </w:tcPr>
          <w:p w:rsidR="0043064D" w:rsidRDefault="008B3C4B">
            <w:pPr>
              <w:spacing w:after="0" w:line="259" w:lineRule="auto"/>
              <w:ind w:left="0" w:firstLine="0"/>
            </w:pPr>
            <w:r>
              <w:t xml:space="preserve">От 2 секунд и более </w:t>
            </w:r>
          </w:p>
        </w:tc>
      </w:tr>
      <w:tr w:rsidR="0043064D">
        <w:trPr>
          <w:trHeight w:val="979"/>
        </w:trPr>
        <w:tc>
          <w:tcPr>
            <w:tcW w:w="1667"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S3 (</w:t>
            </w:r>
            <w:proofErr w:type="spellStart"/>
            <w:r>
              <w:t>sleeping</w:t>
            </w:r>
            <w:proofErr w:type="spellEnd"/>
            <w:r>
              <w:t xml:space="preserve">) (состояние ожидания) </w:t>
            </w:r>
          </w:p>
        </w:tc>
        <w:tc>
          <w:tcPr>
            <w:tcW w:w="2553" w:type="dxa"/>
            <w:tcBorders>
              <w:top w:val="single" w:sz="4" w:space="0" w:color="000000"/>
              <w:left w:val="single" w:sz="4" w:space="0" w:color="000000"/>
              <w:bottom w:val="single" w:sz="4" w:space="0" w:color="000000"/>
              <w:right w:val="single" w:sz="4" w:space="0" w:color="000000"/>
            </w:tcBorders>
          </w:tcPr>
          <w:p w:rsidR="0043064D" w:rsidRDefault="008B3C4B">
            <w:pPr>
              <w:tabs>
                <w:tab w:val="center" w:pos="1297"/>
                <w:tab w:val="right" w:pos="2412"/>
              </w:tabs>
              <w:spacing w:after="0" w:line="259" w:lineRule="auto"/>
              <w:ind w:left="0" w:firstLine="0"/>
              <w:jc w:val="left"/>
            </w:pPr>
            <w:r>
              <w:t xml:space="preserve">Менее </w:t>
            </w:r>
            <w:r>
              <w:tab/>
              <w:t xml:space="preserve">S2, </w:t>
            </w:r>
            <w:r>
              <w:tab/>
              <w:t xml:space="preserve">CPU </w:t>
            </w:r>
          </w:p>
          <w:p w:rsidR="0043064D" w:rsidRDefault="008B3C4B">
            <w:pPr>
              <w:spacing w:after="0" w:line="259" w:lineRule="auto"/>
              <w:ind w:left="0" w:firstLine="0"/>
              <w:jc w:val="left"/>
            </w:pPr>
            <w:r>
              <w:t xml:space="preserve">отключен </w:t>
            </w:r>
          </w:p>
        </w:tc>
        <w:tc>
          <w:tcPr>
            <w:tcW w:w="3828"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right="72" w:firstLine="0"/>
            </w:pPr>
            <w:r>
              <w:t xml:space="preserve">Система возобновляет работу с той точки, где она была прервана (возвращается в состояние S0) </w:t>
            </w:r>
          </w:p>
        </w:tc>
        <w:tc>
          <w:tcPr>
            <w:tcW w:w="1523" w:type="dxa"/>
            <w:tcBorders>
              <w:top w:val="single" w:sz="4" w:space="0" w:color="000000"/>
              <w:left w:val="single" w:sz="4" w:space="0" w:color="000000"/>
              <w:bottom w:val="single" w:sz="4" w:space="0" w:color="000000"/>
              <w:right w:val="single" w:sz="4" w:space="0" w:color="000000"/>
            </w:tcBorders>
          </w:tcPr>
          <w:p w:rsidR="0043064D" w:rsidRDefault="008B3C4B">
            <w:pPr>
              <w:spacing w:after="0" w:line="259" w:lineRule="auto"/>
              <w:ind w:left="0" w:firstLine="0"/>
            </w:pPr>
            <w:r>
              <w:t xml:space="preserve">От 2 секунд и более </w:t>
            </w:r>
          </w:p>
        </w:tc>
      </w:tr>
      <w:tr w:rsidR="0043064D">
        <w:trPr>
          <w:trHeight w:val="1954"/>
        </w:trPr>
        <w:tc>
          <w:tcPr>
            <w:tcW w:w="1667" w:type="dxa"/>
            <w:tcBorders>
              <w:top w:val="single" w:sz="4" w:space="0" w:color="000000"/>
              <w:left w:val="single" w:sz="4" w:space="0" w:color="000000"/>
              <w:bottom w:val="single" w:sz="4" w:space="0" w:color="000000"/>
              <w:right w:val="single" w:sz="4" w:space="0" w:color="000000"/>
            </w:tcBorders>
          </w:tcPr>
          <w:p w:rsidR="0043064D" w:rsidRDefault="008B3C4B">
            <w:pPr>
              <w:spacing w:after="0" w:line="259" w:lineRule="auto"/>
              <w:ind w:left="0" w:firstLine="0"/>
              <w:jc w:val="left"/>
            </w:pPr>
            <w:r>
              <w:t xml:space="preserve">S4 </w:t>
            </w:r>
          </w:p>
          <w:p w:rsidR="0043064D" w:rsidRDefault="008B3C4B">
            <w:pPr>
              <w:spacing w:after="0" w:line="259" w:lineRule="auto"/>
              <w:ind w:left="0" w:firstLine="0"/>
              <w:jc w:val="left"/>
            </w:pPr>
            <w:r>
              <w:t>(</w:t>
            </w:r>
            <w:proofErr w:type="spellStart"/>
            <w:r>
              <w:t>hibernating</w:t>
            </w:r>
            <w:proofErr w:type="spellEnd"/>
            <w:r>
              <w:t xml:space="preserve">) (спящий режим) </w:t>
            </w:r>
          </w:p>
        </w:tc>
        <w:tc>
          <w:tcPr>
            <w:tcW w:w="2553" w:type="dxa"/>
            <w:tcBorders>
              <w:top w:val="single" w:sz="4" w:space="0" w:color="000000"/>
              <w:left w:val="single" w:sz="4" w:space="0" w:color="000000"/>
              <w:bottom w:val="single" w:sz="4" w:space="0" w:color="000000"/>
              <w:right w:val="single" w:sz="4" w:space="0" w:color="000000"/>
            </w:tcBorders>
          </w:tcPr>
          <w:p w:rsidR="0043064D" w:rsidRDefault="008B3C4B">
            <w:pPr>
              <w:spacing w:after="3" w:line="236" w:lineRule="auto"/>
              <w:ind w:left="0" w:right="67" w:firstLine="0"/>
            </w:pPr>
            <w:r>
              <w:t xml:space="preserve">Ток подается на кнопку включения электропитания и в контур пробуждения </w:t>
            </w:r>
          </w:p>
          <w:p w:rsidR="0043064D" w:rsidRDefault="008B3C4B">
            <w:pPr>
              <w:spacing w:after="0" w:line="259" w:lineRule="auto"/>
              <w:ind w:left="0" w:firstLine="0"/>
              <w:jc w:val="left"/>
            </w:pPr>
            <w:r>
              <w:t>(</w:t>
            </w:r>
            <w:proofErr w:type="spellStart"/>
            <w:r>
              <w:t>wake</w:t>
            </w:r>
            <w:proofErr w:type="spellEnd"/>
            <w:r>
              <w:t xml:space="preserve"> </w:t>
            </w:r>
            <w:proofErr w:type="spellStart"/>
            <w:r>
              <w:t>circuitry</w:t>
            </w:r>
            <w:proofErr w:type="spellEnd"/>
            <w:r>
              <w:t xml:space="preserve">) </w:t>
            </w:r>
          </w:p>
        </w:tc>
        <w:tc>
          <w:tcPr>
            <w:tcW w:w="3828"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right="72" w:firstLine="0"/>
            </w:pPr>
            <w:r>
              <w:t>Система перезапускается с помощью файла спящего режима (</w:t>
            </w:r>
            <w:proofErr w:type="spellStart"/>
            <w:r>
              <w:t>hibernate</w:t>
            </w:r>
            <w:proofErr w:type="spellEnd"/>
            <w:r>
              <w:t xml:space="preserve"> </w:t>
            </w:r>
            <w:proofErr w:type="spellStart"/>
            <w:r>
              <w:t>file</w:t>
            </w:r>
            <w:proofErr w:type="spellEnd"/>
            <w:r>
              <w:t xml:space="preserve">) и возобновляет работу с той точки, где она была прервана переходом в спящий режим (возвращается в состояние S0) </w:t>
            </w:r>
          </w:p>
        </w:tc>
        <w:tc>
          <w:tcPr>
            <w:tcW w:w="1523" w:type="dxa"/>
            <w:tcBorders>
              <w:top w:val="single" w:sz="4" w:space="0" w:color="000000"/>
              <w:left w:val="single" w:sz="4" w:space="0" w:color="000000"/>
              <w:bottom w:val="single" w:sz="4" w:space="0" w:color="000000"/>
              <w:right w:val="single" w:sz="4" w:space="0" w:color="000000"/>
            </w:tcBorders>
          </w:tcPr>
          <w:p w:rsidR="0043064D" w:rsidRDefault="008B3C4B">
            <w:pPr>
              <w:spacing w:after="0" w:line="259" w:lineRule="auto"/>
              <w:ind w:left="0" w:firstLine="0"/>
              <w:jc w:val="left"/>
            </w:pPr>
            <w:r>
              <w:t xml:space="preserve">Длительная, </w:t>
            </w:r>
            <w:proofErr w:type="spellStart"/>
            <w:r>
              <w:t>неопределе</w:t>
            </w:r>
            <w:proofErr w:type="spellEnd"/>
            <w:r>
              <w:t xml:space="preserve"> </w:t>
            </w:r>
            <w:proofErr w:type="spellStart"/>
            <w:r>
              <w:t>нная</w:t>
            </w:r>
            <w:proofErr w:type="spellEnd"/>
            <w:r>
              <w:t xml:space="preserve"> </w:t>
            </w:r>
          </w:p>
        </w:tc>
      </w:tr>
      <w:tr w:rsidR="0043064D">
        <w:trPr>
          <w:trHeight w:val="979"/>
        </w:trPr>
        <w:tc>
          <w:tcPr>
            <w:tcW w:w="1667"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S5 (</w:t>
            </w:r>
            <w:proofErr w:type="spellStart"/>
            <w:r>
              <w:t>fully</w:t>
            </w:r>
            <w:proofErr w:type="spellEnd"/>
            <w:r>
              <w:t xml:space="preserve"> </w:t>
            </w:r>
            <w:proofErr w:type="spellStart"/>
            <w:r>
              <w:t>off</w:t>
            </w:r>
            <w:proofErr w:type="spellEnd"/>
            <w:r>
              <w:t xml:space="preserve">) (полное отключение) </w:t>
            </w:r>
          </w:p>
        </w:tc>
        <w:tc>
          <w:tcPr>
            <w:tcW w:w="2553"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right="67" w:firstLine="0"/>
            </w:pPr>
            <w:r>
              <w:t xml:space="preserve">Ток подается на кнопку включения электропитания </w:t>
            </w:r>
          </w:p>
        </w:tc>
        <w:tc>
          <w:tcPr>
            <w:tcW w:w="3828" w:type="dxa"/>
            <w:tcBorders>
              <w:top w:val="single" w:sz="4" w:space="0" w:color="000000"/>
              <w:left w:val="single" w:sz="4" w:space="0" w:color="000000"/>
              <w:bottom w:val="single" w:sz="4" w:space="0" w:color="000000"/>
              <w:right w:val="single" w:sz="4" w:space="0" w:color="000000"/>
            </w:tcBorders>
          </w:tcPr>
          <w:p w:rsidR="0043064D" w:rsidRDefault="008B3C4B">
            <w:pPr>
              <w:spacing w:after="0" w:line="259" w:lineRule="auto"/>
              <w:ind w:left="0" w:firstLine="0"/>
              <w:jc w:val="left"/>
            </w:pPr>
            <w:r>
              <w:t xml:space="preserve">Система загружается заново </w:t>
            </w:r>
          </w:p>
        </w:tc>
        <w:tc>
          <w:tcPr>
            <w:tcW w:w="1523"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Длительная, </w:t>
            </w:r>
            <w:proofErr w:type="spellStart"/>
            <w:r>
              <w:t>неопределе</w:t>
            </w:r>
            <w:proofErr w:type="spellEnd"/>
            <w:r>
              <w:t xml:space="preserve"> </w:t>
            </w:r>
            <w:proofErr w:type="spellStart"/>
            <w:r>
              <w:t>нная</w:t>
            </w:r>
            <w:proofErr w:type="spellEnd"/>
            <w:r>
              <w:t xml:space="preserve"> </w:t>
            </w:r>
          </w:p>
        </w:tc>
      </w:tr>
    </w:tbl>
    <w:p w:rsidR="0043064D" w:rsidRDefault="008B3C4B">
      <w:pPr>
        <w:spacing w:after="0"/>
        <w:ind w:left="-5" w:right="1"/>
      </w:pPr>
      <w:r>
        <w:t xml:space="preserve">В состояния ожидания (S1-S4) компьютер кажется отключенным, так как потребляет меньше энергии. Но </w:t>
      </w:r>
      <w:r>
        <w:t>при этом он сохраняет и в памяти, и на диске всю информацию, необходимую для возврата в состояние S0. В состояниях S1-S3 для сохранения содержимого памяти нужно достаточное количество энергии, поскольку при переходе в S0 (при пробуждении компьютера пользов</w:t>
      </w:r>
      <w:r>
        <w:t>ателем или устройством) диспетчер электропитания возобновляет работу системы с той точки, где оно было прервано. Когда система переходит в состояние S4, диспетчер электропитания сохраняет содержимое памяти в сжатой форме в файле спящего режима (Hiberfil.sy</w:t>
      </w:r>
      <w:r>
        <w:t>s), который помещается в корневой каталог системного тома. (Этот файл должен быть такого размера, чтобы в нем могло уместиться несжатое содержимое всей памяти; сжатие используется для того, чтобы свести к минимуму операции ввода-вывода на диске, а также ус</w:t>
      </w:r>
      <w:r>
        <w:t xml:space="preserve">корить переход в спящий режим и выход из него.) Сохранив содержимое памяти, диспетчер электропитания отключает компьютер. При последующем включении компьютера происходит обычный процесс загрузки — с тем исключением, что </w:t>
      </w:r>
      <w:proofErr w:type="spellStart"/>
      <w:r>
        <w:t>Ntldr</w:t>
      </w:r>
      <w:proofErr w:type="spellEnd"/>
      <w:r>
        <w:t xml:space="preserve"> проверяет наличие действительн</w:t>
      </w:r>
      <w:r>
        <w:t xml:space="preserve">ого образа памяти, сохраненного в файле спящего режима. Если в этом файле сохранены данные о состоянии системы, </w:t>
      </w:r>
      <w:proofErr w:type="spellStart"/>
      <w:r>
        <w:t>Ntldr</w:t>
      </w:r>
      <w:proofErr w:type="spellEnd"/>
      <w:r>
        <w:t xml:space="preserve"> считывает его содержимое в память и возобновляет выполнение с точки, зафиксированной в </w:t>
      </w:r>
    </w:p>
    <w:p w:rsidR="0043064D" w:rsidRDefault="008B3C4B">
      <w:pPr>
        <w:ind w:left="-5" w:right="1"/>
      </w:pPr>
      <w:r>
        <w:t xml:space="preserve">Hiberfil.sys, </w:t>
      </w:r>
    </w:p>
    <w:p w:rsidR="0043064D" w:rsidRDefault="008B3C4B">
      <w:pPr>
        <w:spacing w:after="78"/>
        <w:ind w:left="-5" w:right="1"/>
      </w:pPr>
      <w:r>
        <w:t>Компьютер никогда не переходит напр</w:t>
      </w:r>
      <w:r>
        <w:t>ямую между состояниями S1 и S4, для этого ему нужно сначала перейти в состояние S0. Как показано на Рис. 26, переход системы из состояний S1-S5 в состояние S0, называется пробуждением (</w:t>
      </w:r>
      <w:proofErr w:type="spellStart"/>
      <w:r>
        <w:t>waking</w:t>
      </w:r>
      <w:proofErr w:type="spellEnd"/>
      <w:r>
        <w:t xml:space="preserve">), а переход из состояния S0 в состояния S1-S5 — переходом в сон </w:t>
      </w:r>
      <w:r>
        <w:t>(</w:t>
      </w:r>
      <w:proofErr w:type="spellStart"/>
      <w:r>
        <w:t>sleeping</w:t>
      </w:r>
      <w:proofErr w:type="spellEnd"/>
      <w:r>
        <w:t xml:space="preserve">). </w:t>
      </w:r>
    </w:p>
    <w:p w:rsidR="0043064D" w:rsidRDefault="008B3C4B">
      <w:pPr>
        <w:spacing w:after="0" w:line="259" w:lineRule="auto"/>
        <w:ind w:left="1799" w:firstLine="0"/>
        <w:jc w:val="left"/>
      </w:pPr>
      <w:r>
        <w:rPr>
          <w:rFonts w:ascii="Calibri" w:eastAsia="Calibri" w:hAnsi="Calibri" w:cs="Calibri"/>
          <w:noProof/>
          <w:sz w:val="22"/>
        </w:rPr>
        <mc:AlternateContent>
          <mc:Choice Requires="wpg">
            <w:drawing>
              <wp:inline distT="0" distB="0" distL="0" distR="0">
                <wp:extent cx="3648763" cy="1696845"/>
                <wp:effectExtent l="0" t="0" r="0" b="0"/>
                <wp:docPr id="65571" name="Group 65571"/>
                <wp:cNvGraphicFramePr/>
                <a:graphic xmlns:a="http://schemas.openxmlformats.org/drawingml/2006/main">
                  <a:graphicData uri="http://schemas.microsoft.com/office/word/2010/wordprocessingGroup">
                    <wpg:wgp>
                      <wpg:cNvGrpSpPr/>
                      <wpg:grpSpPr>
                        <a:xfrm>
                          <a:off x="0" y="0"/>
                          <a:ext cx="3648763" cy="1696845"/>
                          <a:chOff x="0" y="0"/>
                          <a:chExt cx="3648763" cy="1696845"/>
                        </a:xfrm>
                      </wpg:grpSpPr>
                      <wps:wsp>
                        <wps:cNvPr id="8642" name="Rectangle 8642"/>
                        <wps:cNvSpPr/>
                        <wps:spPr>
                          <a:xfrm>
                            <a:off x="1350124" y="0"/>
                            <a:ext cx="951964" cy="1330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ереход в сон</w:t>
                              </w:r>
                            </w:p>
                          </w:txbxContent>
                        </wps:txbx>
                        <wps:bodyPr horzOverflow="overflow" vert="horz" lIns="0" tIns="0" rIns="0" bIns="0" rtlCol="0">
                          <a:noAutofit/>
                        </wps:bodyPr>
                      </wps:wsp>
                      <wps:wsp>
                        <wps:cNvPr id="8644" name="Shape 8644"/>
                        <wps:cNvSpPr/>
                        <wps:spPr>
                          <a:xfrm>
                            <a:off x="0" y="548240"/>
                            <a:ext cx="1232463" cy="502738"/>
                          </a:xfrm>
                          <a:custGeom>
                            <a:avLst/>
                            <a:gdLst/>
                            <a:ahLst/>
                            <a:cxnLst/>
                            <a:rect l="0" t="0" r="0" b="0"/>
                            <a:pathLst>
                              <a:path w="1232463" h="502738">
                                <a:moveTo>
                                  <a:pt x="1232463" y="251392"/>
                                </a:moveTo>
                                <a:cubicBezTo>
                                  <a:pt x="1232463" y="112528"/>
                                  <a:pt x="956591" y="0"/>
                                  <a:pt x="616245" y="0"/>
                                </a:cubicBezTo>
                                <a:cubicBezTo>
                                  <a:pt x="275899" y="0"/>
                                  <a:pt x="0" y="112528"/>
                                  <a:pt x="0" y="251392"/>
                                </a:cubicBezTo>
                                <a:cubicBezTo>
                                  <a:pt x="0" y="390202"/>
                                  <a:pt x="275899" y="502738"/>
                                  <a:pt x="616245" y="502738"/>
                                </a:cubicBezTo>
                                <a:cubicBezTo>
                                  <a:pt x="956591" y="502738"/>
                                  <a:pt x="1232463" y="390202"/>
                                  <a:pt x="1232463" y="251392"/>
                                </a:cubicBezTo>
                                <a:close/>
                              </a:path>
                            </a:pathLst>
                          </a:custGeom>
                          <a:ln w="6385" cap="rnd">
                            <a:round/>
                          </a:ln>
                        </wps:spPr>
                        <wps:style>
                          <a:lnRef idx="1">
                            <a:srgbClr val="000000"/>
                          </a:lnRef>
                          <a:fillRef idx="0">
                            <a:srgbClr val="000000">
                              <a:alpha val="0"/>
                            </a:srgbClr>
                          </a:fillRef>
                          <a:effectRef idx="0">
                            <a:scrgbClr r="0" g="0" b="0"/>
                          </a:effectRef>
                          <a:fontRef idx="none"/>
                        </wps:style>
                        <wps:bodyPr/>
                      </wps:wsp>
                      <wps:wsp>
                        <wps:cNvPr id="8645" name="Rectangle 8645"/>
                        <wps:cNvSpPr/>
                        <wps:spPr>
                          <a:xfrm>
                            <a:off x="239607" y="671407"/>
                            <a:ext cx="243966" cy="1578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SO </w:t>
                              </w:r>
                            </w:p>
                          </w:txbxContent>
                        </wps:txbx>
                        <wps:bodyPr horzOverflow="overflow" vert="horz" lIns="0" tIns="0" rIns="0" bIns="0" rtlCol="0">
                          <a:noAutofit/>
                        </wps:bodyPr>
                      </wps:wsp>
                      <wps:wsp>
                        <wps:cNvPr id="8646" name="Rectangle 8646"/>
                        <wps:cNvSpPr/>
                        <wps:spPr>
                          <a:xfrm>
                            <a:off x="423037" y="671407"/>
                            <a:ext cx="47161" cy="1578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8647" name="Rectangle 8647"/>
                        <wps:cNvSpPr/>
                        <wps:spPr>
                          <a:xfrm>
                            <a:off x="458495" y="690239"/>
                            <a:ext cx="750101" cy="1330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полностью </w:t>
                              </w:r>
                            </w:p>
                          </w:txbxContent>
                        </wps:txbx>
                        <wps:bodyPr horzOverflow="overflow" vert="horz" lIns="0" tIns="0" rIns="0" bIns="0" rtlCol="0">
                          <a:noAutofit/>
                        </wps:bodyPr>
                      </wps:wsp>
                      <wps:wsp>
                        <wps:cNvPr id="8648" name="Rectangle 8648"/>
                        <wps:cNvSpPr/>
                        <wps:spPr>
                          <a:xfrm>
                            <a:off x="105362" y="817921"/>
                            <a:ext cx="1311771" cy="1330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активное состояние</w:t>
                              </w:r>
                            </w:p>
                          </w:txbxContent>
                        </wps:txbx>
                        <wps:bodyPr horzOverflow="overflow" vert="horz" lIns="0" tIns="0" rIns="0" bIns="0" rtlCol="0">
                          <a:noAutofit/>
                        </wps:bodyPr>
                      </wps:wsp>
                      <wps:wsp>
                        <wps:cNvPr id="8649" name="Rectangle 8649"/>
                        <wps:cNvSpPr/>
                        <wps:spPr>
                          <a:xfrm>
                            <a:off x="1091643" y="799088"/>
                            <a:ext cx="47161" cy="1578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8651" name="Shape 8651"/>
                        <wps:cNvSpPr/>
                        <wps:spPr>
                          <a:xfrm>
                            <a:off x="2262215" y="548240"/>
                            <a:ext cx="1386549" cy="502738"/>
                          </a:xfrm>
                          <a:custGeom>
                            <a:avLst/>
                            <a:gdLst/>
                            <a:ahLst/>
                            <a:cxnLst/>
                            <a:rect l="0" t="0" r="0" b="0"/>
                            <a:pathLst>
                              <a:path w="1386549" h="502738">
                                <a:moveTo>
                                  <a:pt x="1386549" y="251392"/>
                                </a:moveTo>
                                <a:cubicBezTo>
                                  <a:pt x="1386549" y="112528"/>
                                  <a:pt x="1076160" y="0"/>
                                  <a:pt x="693275" y="0"/>
                                </a:cubicBezTo>
                                <a:cubicBezTo>
                                  <a:pt x="310390" y="0"/>
                                  <a:pt x="0" y="112528"/>
                                  <a:pt x="0" y="251392"/>
                                </a:cubicBezTo>
                                <a:cubicBezTo>
                                  <a:pt x="0" y="390202"/>
                                  <a:pt x="310390" y="502738"/>
                                  <a:pt x="693275" y="502738"/>
                                </a:cubicBezTo>
                                <a:cubicBezTo>
                                  <a:pt x="1076160" y="502738"/>
                                  <a:pt x="1386549" y="390202"/>
                                  <a:pt x="1386549" y="251392"/>
                                </a:cubicBezTo>
                                <a:close/>
                              </a:path>
                            </a:pathLst>
                          </a:custGeom>
                          <a:ln w="6385" cap="rnd">
                            <a:round/>
                          </a:ln>
                        </wps:spPr>
                        <wps:style>
                          <a:lnRef idx="1">
                            <a:srgbClr val="000000"/>
                          </a:lnRef>
                          <a:fillRef idx="0">
                            <a:srgbClr val="000000">
                              <a:alpha val="0"/>
                            </a:srgbClr>
                          </a:fillRef>
                          <a:effectRef idx="0">
                            <a:scrgbClr r="0" g="0" b="0"/>
                          </a:effectRef>
                          <a:fontRef idx="none"/>
                        </wps:style>
                        <wps:bodyPr/>
                      </wps:wsp>
                      <wps:wsp>
                        <wps:cNvPr id="8652" name="Rectangle 8652"/>
                        <wps:cNvSpPr/>
                        <wps:spPr>
                          <a:xfrm>
                            <a:off x="2403124" y="671407"/>
                            <a:ext cx="94460" cy="1578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S</w:t>
                              </w:r>
                            </w:p>
                          </w:txbxContent>
                        </wps:txbx>
                        <wps:bodyPr horzOverflow="overflow" vert="horz" lIns="0" tIns="0" rIns="0" bIns="0" rtlCol="0">
                          <a:noAutofit/>
                        </wps:bodyPr>
                      </wps:wsp>
                      <wps:wsp>
                        <wps:cNvPr id="8653" name="Rectangle 8653"/>
                        <wps:cNvSpPr/>
                        <wps:spPr>
                          <a:xfrm>
                            <a:off x="2474199" y="671407"/>
                            <a:ext cx="78763" cy="1578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1</w:t>
                              </w:r>
                            </w:p>
                          </w:txbxContent>
                        </wps:txbx>
                        <wps:bodyPr horzOverflow="overflow" vert="horz" lIns="0" tIns="0" rIns="0" bIns="0" rtlCol="0">
                          <a:noAutofit/>
                        </wps:bodyPr>
                      </wps:wsp>
                      <wps:wsp>
                        <wps:cNvPr id="8654" name="Rectangle 8654"/>
                        <wps:cNvSpPr/>
                        <wps:spPr>
                          <a:xfrm>
                            <a:off x="2533384" y="671407"/>
                            <a:ext cx="47161" cy="1578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8655" name="Rectangle 8655"/>
                        <wps:cNvSpPr/>
                        <wps:spPr>
                          <a:xfrm>
                            <a:off x="2568878" y="671407"/>
                            <a:ext cx="94460" cy="1578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S</w:t>
                              </w:r>
                            </w:p>
                          </w:txbxContent>
                        </wps:txbx>
                        <wps:bodyPr horzOverflow="overflow" vert="horz" lIns="0" tIns="0" rIns="0" bIns="0" rtlCol="0">
                          <a:noAutofit/>
                        </wps:bodyPr>
                      </wps:wsp>
                      <wps:wsp>
                        <wps:cNvPr id="64522" name="Rectangle 64522"/>
                        <wps:cNvSpPr/>
                        <wps:spPr>
                          <a:xfrm>
                            <a:off x="2639865" y="671407"/>
                            <a:ext cx="78763" cy="1578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4</w:t>
                              </w:r>
                            </w:p>
                          </w:txbxContent>
                        </wps:txbx>
                        <wps:bodyPr horzOverflow="overflow" vert="horz" lIns="0" tIns="0" rIns="0" bIns="0" rtlCol="0">
                          <a:noAutofit/>
                        </wps:bodyPr>
                      </wps:wsp>
                      <wps:wsp>
                        <wps:cNvPr id="64523" name="Rectangle 64523"/>
                        <wps:cNvSpPr/>
                        <wps:spPr>
                          <a:xfrm>
                            <a:off x="2699084" y="671407"/>
                            <a:ext cx="39347" cy="1578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8657" name="Rectangle 8657"/>
                        <wps:cNvSpPr/>
                        <wps:spPr>
                          <a:xfrm>
                            <a:off x="2728686" y="671407"/>
                            <a:ext cx="47161" cy="1578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8658" name="Rectangle 8658"/>
                        <wps:cNvSpPr/>
                        <wps:spPr>
                          <a:xfrm>
                            <a:off x="2764180" y="690239"/>
                            <a:ext cx="941814" cy="1330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состояния сна</w:t>
                              </w:r>
                            </w:p>
                          </w:txbxContent>
                        </wps:txbx>
                        <wps:bodyPr horzOverflow="overflow" vert="horz" lIns="0" tIns="0" rIns="0" bIns="0" rtlCol="0">
                          <a:noAutofit/>
                        </wps:bodyPr>
                      </wps:wsp>
                      <wps:wsp>
                        <wps:cNvPr id="8659" name="Rectangle 8659"/>
                        <wps:cNvSpPr/>
                        <wps:spPr>
                          <a:xfrm>
                            <a:off x="3472273" y="671407"/>
                            <a:ext cx="47161" cy="15780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8660" name="Rectangle 8660"/>
                        <wps:cNvSpPr/>
                        <wps:spPr>
                          <a:xfrm>
                            <a:off x="2352812" y="799088"/>
                            <a:ext cx="94460" cy="1578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S</w:t>
                              </w:r>
                            </w:p>
                          </w:txbxContent>
                        </wps:txbx>
                        <wps:bodyPr horzOverflow="overflow" vert="horz" lIns="0" tIns="0" rIns="0" bIns="0" rtlCol="0">
                          <a:noAutofit/>
                        </wps:bodyPr>
                      </wps:wsp>
                      <wps:wsp>
                        <wps:cNvPr id="8661" name="Rectangle 8661"/>
                        <wps:cNvSpPr/>
                        <wps:spPr>
                          <a:xfrm>
                            <a:off x="2423799" y="799088"/>
                            <a:ext cx="78763" cy="1578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5</w:t>
                              </w:r>
                            </w:p>
                          </w:txbxContent>
                        </wps:txbx>
                        <wps:bodyPr horzOverflow="overflow" vert="horz" lIns="0" tIns="0" rIns="0" bIns="0" rtlCol="0">
                          <a:noAutofit/>
                        </wps:bodyPr>
                      </wps:wsp>
                      <wps:wsp>
                        <wps:cNvPr id="8662" name="Rectangle 8662"/>
                        <wps:cNvSpPr/>
                        <wps:spPr>
                          <a:xfrm>
                            <a:off x="2482984" y="799088"/>
                            <a:ext cx="39347" cy="1578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8663" name="Rectangle 8663"/>
                        <wps:cNvSpPr/>
                        <wps:spPr>
                          <a:xfrm>
                            <a:off x="2512621" y="799088"/>
                            <a:ext cx="47161" cy="1578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8664" name="Rectangle 8664"/>
                        <wps:cNvSpPr/>
                        <wps:spPr>
                          <a:xfrm>
                            <a:off x="2548025" y="817921"/>
                            <a:ext cx="1296207" cy="1330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олное отключение</w:t>
                              </w:r>
                            </w:p>
                          </w:txbxContent>
                        </wps:txbx>
                        <wps:bodyPr horzOverflow="overflow" vert="horz" lIns="0" tIns="0" rIns="0" bIns="0" rtlCol="0">
                          <a:noAutofit/>
                        </wps:bodyPr>
                      </wps:wsp>
                      <wps:wsp>
                        <wps:cNvPr id="8665" name="Rectangle 8665"/>
                        <wps:cNvSpPr/>
                        <wps:spPr>
                          <a:xfrm>
                            <a:off x="3522673" y="799088"/>
                            <a:ext cx="47161" cy="15780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8666" name="Rectangle 8666"/>
                        <wps:cNvSpPr/>
                        <wps:spPr>
                          <a:xfrm>
                            <a:off x="1368403" y="1596825"/>
                            <a:ext cx="903428" cy="133027"/>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робуждение</w:t>
                              </w:r>
                            </w:p>
                          </w:txbxContent>
                        </wps:txbx>
                        <wps:bodyPr horzOverflow="overflow" vert="horz" lIns="0" tIns="0" rIns="0" bIns="0" rtlCol="0">
                          <a:noAutofit/>
                        </wps:bodyPr>
                      </wps:wsp>
                      <wps:wsp>
                        <wps:cNvPr id="8667" name="Shape 8667"/>
                        <wps:cNvSpPr/>
                        <wps:spPr>
                          <a:xfrm>
                            <a:off x="616245" y="296938"/>
                            <a:ext cx="2339245" cy="250682"/>
                          </a:xfrm>
                          <a:custGeom>
                            <a:avLst/>
                            <a:gdLst/>
                            <a:ahLst/>
                            <a:cxnLst/>
                            <a:rect l="0" t="0" r="0" b="0"/>
                            <a:pathLst>
                              <a:path w="2339245" h="250682">
                                <a:moveTo>
                                  <a:pt x="0" y="250682"/>
                                </a:moveTo>
                                <a:lnTo>
                                  <a:pt x="0" y="0"/>
                                </a:lnTo>
                                <a:lnTo>
                                  <a:pt x="2339245" y="0"/>
                                </a:lnTo>
                                <a:lnTo>
                                  <a:pt x="2339245" y="172293"/>
                                </a:lnTo>
                              </a:path>
                            </a:pathLst>
                          </a:custGeom>
                          <a:ln w="6385" cap="rnd">
                            <a:round/>
                          </a:ln>
                        </wps:spPr>
                        <wps:style>
                          <a:lnRef idx="1">
                            <a:srgbClr val="000000"/>
                          </a:lnRef>
                          <a:fillRef idx="0">
                            <a:srgbClr val="000000">
                              <a:alpha val="0"/>
                            </a:srgbClr>
                          </a:fillRef>
                          <a:effectRef idx="0">
                            <a:scrgbClr r="0" g="0" b="0"/>
                          </a:effectRef>
                          <a:fontRef idx="none"/>
                        </wps:style>
                        <wps:bodyPr/>
                      </wps:wsp>
                      <wps:wsp>
                        <wps:cNvPr id="8668" name="Shape 8668"/>
                        <wps:cNvSpPr/>
                        <wps:spPr>
                          <a:xfrm>
                            <a:off x="2926740" y="462049"/>
                            <a:ext cx="57500" cy="86191"/>
                          </a:xfrm>
                          <a:custGeom>
                            <a:avLst/>
                            <a:gdLst/>
                            <a:ahLst/>
                            <a:cxnLst/>
                            <a:rect l="0" t="0" r="0" b="0"/>
                            <a:pathLst>
                              <a:path w="57500" h="86191">
                                <a:moveTo>
                                  <a:pt x="0" y="0"/>
                                </a:moveTo>
                                <a:lnTo>
                                  <a:pt x="57500" y="0"/>
                                </a:lnTo>
                                <a:lnTo>
                                  <a:pt x="28750" y="86191"/>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8669" name="Shape 8669"/>
                        <wps:cNvSpPr/>
                        <wps:spPr>
                          <a:xfrm>
                            <a:off x="616245" y="1050978"/>
                            <a:ext cx="2339245" cy="251356"/>
                          </a:xfrm>
                          <a:custGeom>
                            <a:avLst/>
                            <a:gdLst/>
                            <a:ahLst/>
                            <a:cxnLst/>
                            <a:rect l="0" t="0" r="0" b="0"/>
                            <a:pathLst>
                              <a:path w="2339245" h="251356">
                                <a:moveTo>
                                  <a:pt x="2339245" y="0"/>
                                </a:moveTo>
                                <a:lnTo>
                                  <a:pt x="2339245" y="251356"/>
                                </a:lnTo>
                                <a:lnTo>
                                  <a:pt x="0" y="251356"/>
                                </a:lnTo>
                                <a:lnTo>
                                  <a:pt x="0" y="79612"/>
                                </a:lnTo>
                              </a:path>
                            </a:pathLst>
                          </a:custGeom>
                          <a:ln w="6385" cap="rnd">
                            <a:round/>
                          </a:ln>
                        </wps:spPr>
                        <wps:style>
                          <a:lnRef idx="1">
                            <a:srgbClr val="000000"/>
                          </a:lnRef>
                          <a:fillRef idx="0">
                            <a:srgbClr val="000000">
                              <a:alpha val="0"/>
                            </a:srgbClr>
                          </a:fillRef>
                          <a:effectRef idx="0">
                            <a:scrgbClr r="0" g="0" b="0"/>
                          </a:effectRef>
                          <a:fontRef idx="none"/>
                        </wps:style>
                        <wps:bodyPr/>
                      </wps:wsp>
                      <wps:wsp>
                        <wps:cNvPr id="8670" name="Shape 8670"/>
                        <wps:cNvSpPr/>
                        <wps:spPr>
                          <a:xfrm>
                            <a:off x="587495" y="1051581"/>
                            <a:ext cx="57499" cy="86192"/>
                          </a:xfrm>
                          <a:custGeom>
                            <a:avLst/>
                            <a:gdLst/>
                            <a:ahLst/>
                            <a:cxnLst/>
                            <a:rect l="0" t="0" r="0" b="0"/>
                            <a:pathLst>
                              <a:path w="57499" h="86192">
                                <a:moveTo>
                                  <a:pt x="28750" y="0"/>
                                </a:moveTo>
                                <a:lnTo>
                                  <a:pt x="57499" y="86192"/>
                                </a:lnTo>
                                <a:lnTo>
                                  <a:pt x="0" y="86192"/>
                                </a:lnTo>
                                <a:lnTo>
                                  <a:pt x="2875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8671" name="Shape 8671"/>
                        <wps:cNvSpPr/>
                        <wps:spPr>
                          <a:xfrm>
                            <a:off x="1245063" y="171199"/>
                            <a:ext cx="970833" cy="0"/>
                          </a:xfrm>
                          <a:custGeom>
                            <a:avLst/>
                            <a:gdLst/>
                            <a:ahLst/>
                            <a:cxnLst/>
                            <a:rect l="0" t="0" r="0" b="0"/>
                            <a:pathLst>
                              <a:path w="970833">
                                <a:moveTo>
                                  <a:pt x="0" y="0"/>
                                </a:moveTo>
                                <a:lnTo>
                                  <a:pt x="970833" y="0"/>
                                </a:lnTo>
                              </a:path>
                            </a:pathLst>
                          </a:custGeom>
                          <a:ln w="36179" cap="rnd">
                            <a:round/>
                          </a:ln>
                        </wps:spPr>
                        <wps:style>
                          <a:lnRef idx="1">
                            <a:srgbClr val="000000"/>
                          </a:lnRef>
                          <a:fillRef idx="0">
                            <a:srgbClr val="000000">
                              <a:alpha val="0"/>
                            </a:srgbClr>
                          </a:fillRef>
                          <a:effectRef idx="0">
                            <a:scrgbClr r="0" g="0" b="0"/>
                          </a:effectRef>
                          <a:fontRef idx="none"/>
                        </wps:style>
                        <wps:bodyPr/>
                      </wps:wsp>
                      <wps:wsp>
                        <wps:cNvPr id="8672" name="Shape 8672"/>
                        <wps:cNvSpPr/>
                        <wps:spPr>
                          <a:xfrm>
                            <a:off x="2201255" y="112674"/>
                            <a:ext cx="175692" cy="117049"/>
                          </a:xfrm>
                          <a:custGeom>
                            <a:avLst/>
                            <a:gdLst/>
                            <a:ahLst/>
                            <a:cxnLst/>
                            <a:rect l="0" t="0" r="0" b="0"/>
                            <a:pathLst>
                              <a:path w="175692" h="117049">
                                <a:moveTo>
                                  <a:pt x="0" y="0"/>
                                </a:moveTo>
                                <a:lnTo>
                                  <a:pt x="175692" y="58525"/>
                                </a:lnTo>
                                <a:lnTo>
                                  <a:pt x="0" y="11704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8673" name="Shape 8673"/>
                        <wps:cNvSpPr/>
                        <wps:spPr>
                          <a:xfrm>
                            <a:off x="1280379" y="1428020"/>
                            <a:ext cx="1096568" cy="0"/>
                          </a:xfrm>
                          <a:custGeom>
                            <a:avLst/>
                            <a:gdLst/>
                            <a:ahLst/>
                            <a:cxnLst/>
                            <a:rect l="0" t="0" r="0" b="0"/>
                            <a:pathLst>
                              <a:path w="1096568">
                                <a:moveTo>
                                  <a:pt x="1096568" y="0"/>
                                </a:moveTo>
                                <a:lnTo>
                                  <a:pt x="0" y="0"/>
                                </a:lnTo>
                              </a:path>
                            </a:pathLst>
                          </a:custGeom>
                          <a:ln w="36179" cap="rnd">
                            <a:round/>
                          </a:ln>
                        </wps:spPr>
                        <wps:style>
                          <a:lnRef idx="1">
                            <a:srgbClr val="000000"/>
                          </a:lnRef>
                          <a:fillRef idx="0">
                            <a:srgbClr val="000000">
                              <a:alpha val="0"/>
                            </a:srgbClr>
                          </a:fillRef>
                          <a:effectRef idx="0">
                            <a:scrgbClr r="0" g="0" b="0"/>
                          </a:effectRef>
                          <a:fontRef idx="none"/>
                        </wps:style>
                        <wps:bodyPr/>
                      </wps:wsp>
                      <wps:wsp>
                        <wps:cNvPr id="8674" name="Shape 8674"/>
                        <wps:cNvSpPr/>
                        <wps:spPr>
                          <a:xfrm>
                            <a:off x="1119328" y="1369496"/>
                            <a:ext cx="175692" cy="117049"/>
                          </a:xfrm>
                          <a:custGeom>
                            <a:avLst/>
                            <a:gdLst/>
                            <a:ahLst/>
                            <a:cxnLst/>
                            <a:rect l="0" t="0" r="0" b="0"/>
                            <a:pathLst>
                              <a:path w="175692" h="117049">
                                <a:moveTo>
                                  <a:pt x="175692" y="0"/>
                                </a:moveTo>
                                <a:lnTo>
                                  <a:pt x="175692" y="117049"/>
                                </a:lnTo>
                                <a:lnTo>
                                  <a:pt x="0" y="58524"/>
                                </a:lnTo>
                                <a:lnTo>
                                  <a:pt x="175692" y="0"/>
                                </a:lnTo>
                                <a:close/>
                              </a:path>
                            </a:pathLst>
                          </a:custGeom>
                          <a:ln w="0" cap="rnd">
                            <a:round/>
                          </a:ln>
                        </wps:spPr>
                        <wps:style>
                          <a:lnRef idx="0">
                            <a:srgbClr val="000000">
                              <a:alpha val="0"/>
                            </a:srgbClr>
                          </a:lnRef>
                          <a:fillRef idx="1">
                            <a:srgbClr val="000000"/>
                          </a:fillRef>
                          <a:effectRef idx="0">
                            <a:scrgbClr r="0" g="0" b="0"/>
                          </a:effectRef>
                          <a:fontRef idx="none"/>
                        </wps:style>
                        <wps:bodyPr/>
                      </wps:wsp>
                    </wpg:wgp>
                  </a:graphicData>
                </a:graphic>
              </wp:inline>
            </w:drawing>
          </mc:Choice>
          <mc:Fallback>
            <w:pict>
              <v:group id="Group 65571" o:spid="_x0000_s3253" style="width:287.3pt;height:133.6pt;mso-position-horizontal-relative:char;mso-position-vertical-relative:line" coordsize="36487,169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">
                <v:rect id="Rectangle 8642" o:spid="_x0000_s3254" style="position:absolute;left:13501;width:9519;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Переход в сон</w:t>
                        </w:r>
                      </w:p>
                    </w:txbxContent>
                  </v:textbox>
                </v:rect>
                <v:shape id="Shape 8644" o:spid="_x0000_s3255" style="position:absolute;top:5482;width:12324;height:5027;visibility:visible;mso-wrap-style:square;v-text-anchor:top" coordsize="1232463,5027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" path="m1232463,251392c1232463,112528,956591,,616245,,275899,,,112528,,251392,,390202,275899,502738,616245,502738v340346,,616218,-112536,616218,-251346xe" filled="f" strokeweight=".17736mm">
                  <v:stroke endcap="round"/>
                  <v:path arrowok="t" textboxrect="0,0,1232463,502738"/>
                </v:shape>
                <v:rect id="Rectangle 8645" o:spid="_x0000_s3256" style="position:absolute;left:2396;top:6714;width:2439;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SO </w:t>
                        </w:r>
                      </w:p>
                    </w:txbxContent>
                  </v:textbox>
                </v:rect>
                <v:rect id="Rectangle 8646" o:spid="_x0000_s3257" style="position:absolute;left:4230;top:6714;width:471;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8647" o:spid="_x0000_s3258" style="position:absolute;left:4584;top:6902;width:7501;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полностью </w:t>
                        </w:r>
                      </w:p>
                    </w:txbxContent>
                  </v:textbox>
                </v:rect>
                <v:rect id="Rectangle 8648" o:spid="_x0000_s3259" style="position:absolute;left:1053;top:8179;width:13118;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активное состояние</w:t>
                        </w:r>
                      </w:p>
                    </w:txbxContent>
                  </v:textbox>
                </v:rect>
                <v:rect id="Rectangle 8649" o:spid="_x0000_s3260" style="position:absolute;left:10916;top:7990;width:472;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shape id="Shape 8651" o:spid="_x0000_s3261" style="position:absolute;left:22622;top:5482;width:13865;height:5027;visibility:visible;mso-wrap-style:square;v-text-anchor:top" coordsize="1386549,5027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" path="m1386549,251392c1386549,112528,1076160,,693275,,310390,,,112528,,251392,,390202,310390,502738,693275,502738v382885,,693274,-112536,693274,-251346xe" filled="f" strokeweight=".17736mm">
                  <v:stroke endcap="round"/>
                  <v:path arrowok="t" textboxrect="0,0,1386549,502738"/>
                </v:shape>
                <v:rect id="Rectangle 8652" o:spid="_x0000_s3262" style="position:absolute;left:24031;top:6714;width:94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S</w:t>
                        </w:r>
                      </w:p>
                    </w:txbxContent>
                  </v:textbox>
                </v:rect>
                <v:rect id="Rectangle 8653" o:spid="_x0000_s3263" style="position:absolute;left:24741;top:6714;width:788;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1</w:t>
                        </w:r>
                      </w:p>
                    </w:txbxContent>
                  </v:textbox>
                </v:rect>
                <v:rect id="Rectangle 8654" o:spid="_x0000_s3264" style="position:absolute;left:25333;top:6714;width:472;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8655" o:spid="_x0000_s3265" style="position:absolute;left:25688;top:6714;width:945;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S</w:t>
                        </w:r>
                      </w:p>
                    </w:txbxContent>
                  </v:textbox>
                </v:rect>
                <v:rect id="Rectangle 64522" o:spid="_x0000_s3266" style="position:absolute;left:26398;top:6714;width:788;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4</w:t>
                        </w:r>
                      </w:p>
                    </w:txbxContent>
                  </v:textbox>
                </v:rect>
                <v:rect id="Rectangle 64523" o:spid="_x0000_s3267" style="position:absolute;left:26990;top:6714;width:39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8657" o:spid="_x0000_s3268" style="position:absolute;left:27286;top:6714;width:472;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8658" o:spid="_x0000_s3269" style="position:absolute;left:27641;top:6902;width:9418;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" filled="f" stroked="f">
                  <v:textbox inset="0,0,0,0">
                    <w:txbxContent>
                      <w:p w:rsidR="0043064D" w:rsidRDefault="008B3C4B">
                        <w:pPr>
                          <w:spacing w:after="160" w:line="259" w:lineRule="auto"/>
                          <w:ind w:left="0" w:firstLine="0"/>
                          <w:jc w:val="left"/>
                        </w:pPr>
                        <w:r>
                          <w:rPr>
                            <w:rFonts w:ascii="Arial" w:eastAsia="Arial" w:hAnsi="Arial" w:cs="Arial"/>
                            <w:sz w:val="17"/>
                          </w:rPr>
                          <w:t>состояния сна</w:t>
                        </w:r>
                      </w:p>
                    </w:txbxContent>
                  </v:textbox>
                </v:rect>
                <v:rect id="Rectangle 8659" o:spid="_x0000_s3270" style="position:absolute;left:34722;top:6714;width:472;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8660" o:spid="_x0000_s3271" style="position:absolute;left:23528;top:7990;width:94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" filled="f" stroked="f">
                  <v:textbox inset="0,0,0,0">
                    <w:txbxContent>
                      <w:p w:rsidR="0043064D" w:rsidRDefault="008B3C4B">
                        <w:pPr>
                          <w:spacing w:after="160" w:line="259" w:lineRule="auto"/>
                          <w:ind w:left="0" w:firstLine="0"/>
                          <w:jc w:val="left"/>
                        </w:pPr>
                        <w:r>
                          <w:rPr>
                            <w:rFonts w:ascii="Arial" w:eastAsia="Arial" w:hAnsi="Arial" w:cs="Arial"/>
                            <w:sz w:val="17"/>
                          </w:rPr>
                          <w:t>S</w:t>
                        </w:r>
                      </w:p>
                    </w:txbxContent>
                  </v:textbox>
                </v:rect>
                <v:rect id="Rectangle 8661" o:spid="_x0000_s3272" style="position:absolute;left:24237;top:7990;width:788;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5</w:t>
                        </w:r>
                      </w:p>
                    </w:txbxContent>
                  </v:textbox>
                </v:rect>
                <v:rect id="Rectangle 8662" o:spid="_x0000_s3273" style="position:absolute;left:24829;top:7990;width:39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8663" o:spid="_x0000_s3274" style="position:absolute;left:25126;top:7990;width:471;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8664" o:spid="_x0000_s3275" style="position:absolute;left:25480;top:8179;width:12962;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полное отключение</w:t>
                        </w:r>
                      </w:p>
                    </w:txbxContent>
                  </v:textbox>
                </v:rect>
                <v:rect id="Rectangle 8665" o:spid="_x0000_s3276" style="position:absolute;left:35226;top:7990;width:472;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8666" o:spid="_x0000_s3277" style="position:absolute;left:13684;top:15968;width:9034;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Пробуждение</w:t>
                        </w:r>
                      </w:p>
                    </w:txbxContent>
                  </v:textbox>
                </v:rect>
                <v:shape id="Shape 8667" o:spid="_x0000_s3278" style="position:absolute;left:6162;top:2969;width:23392;height:2507;visibility:visible;mso-wrap-style:square;v-text-anchor:top" coordsize="2339245,2506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" path="m,250682l,,2339245,r,172293e" filled="f" strokeweight=".17736mm">
                  <v:stroke endcap="round"/>
                  <v:path arrowok="t" textboxrect="0,0,2339245,250682"/>
                </v:shape>
                <v:shape id="Shape 8668" o:spid="_x0000_s3279" style="position:absolute;left:29267;top:4620;width:575;height:862;visibility:visible;mso-wrap-style:square;v-text-anchor:top" coordsize="57500,8619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" path="m,l57500,,28750,86191,,xe" fillcolor="black" stroked="f" strokeweight="0">
                  <v:stroke endcap="round"/>
                  <v:path arrowok="t" textboxrect="0,0,57500,86191"/>
                </v:shape>
                <v:shape id="Shape 8669" o:spid="_x0000_s3280" style="position:absolute;left:6162;top:10509;width:23392;height:2514;visibility:visible;mso-wrap-style:square;v-text-anchor:top" coordsize="2339245,25135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" path="m2339245,r,251356l,251356,,79612e" filled="f" strokeweight=".17736mm">
                  <v:stroke endcap="round"/>
                  <v:path arrowok="t" textboxrect="0,0,2339245,251356"/>
                </v:shape>
                <v:shape id="Shape 8670" o:spid="_x0000_s3281" style="position:absolute;left:5874;top:10515;width:575;height:862;visibility:visible;mso-wrap-style:square;v-text-anchor:top" coordsize="57499,8619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" path="m28750,l57499,86192,,86192,28750,xe" fillcolor="black" stroked="f" strokeweight="0">
                  <v:stroke endcap="round"/>
                  <v:path arrowok="t" textboxrect="0,0,57499,86192"/>
                </v:shape>
                <v:shape id="Shape 8671" o:spid="_x0000_s3282" style="position:absolute;left:12450;top:1711;width:9708;height:0;visibility:visible;mso-wrap-style:square;v-text-anchor:top" coordsize="97083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" path="m,l970833,e" filled="f" strokeweight="1.005mm">
                  <v:stroke endcap="round"/>
                  <v:path arrowok="t" textboxrect="0,0,970833,0"/>
                </v:shape>
                <v:shape id="Shape 8672" o:spid="_x0000_s3283" style="position:absolute;left:22012;top:1126;width:1757;height:1171;visibility:visible;mso-wrap-style:square;v-text-anchor:top" coordsize="175692,1170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" path="m,l175692,58525,,117049,,xe" fillcolor="black" stroked="f" strokeweight="0">
                  <v:stroke endcap="round"/>
                  <v:path arrowok="t" textboxrect="0,0,175692,117049"/>
                </v:shape>
                <v:shape id="Shape 8673" o:spid="_x0000_s3284" style="position:absolute;left:12803;top:14280;width:10966;height:0;visibility:visible;mso-wrap-style:square;v-text-anchor:top" coordsize="10965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" path="m1096568,l,e" filled="f" strokeweight="1.005mm">
                  <v:stroke endcap="round"/>
                  <v:path arrowok="t" textboxrect="0,0,1096568,0"/>
                </v:shape>
                <v:shape id="Shape 8674" o:spid="_x0000_s3285" style="position:absolute;left:11193;top:13694;width:1757;height:1171;visibility:visible;mso-wrap-style:square;v-text-anchor:top" coordsize="175692,1170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" path="m175692,r,117049l,58524,175692,xe" fillcolor="black" stroked="f" strokeweight="0">
                  <v:stroke endcap="round"/>
                  <v:path arrowok="t" textboxrect="0,0,175692,117049"/>
                </v:shape>
                <w10:anchorlock/>
              </v:group>
            </w:pict>
          </mc:Fallback>
        </mc:AlternateContent>
      </w:r>
    </w:p>
    <w:p w:rsidR="0043064D" w:rsidRDefault="008B3C4B">
      <w:pPr>
        <w:spacing w:after="297" w:line="259" w:lineRule="auto"/>
        <w:ind w:left="1799" w:firstLine="0"/>
        <w:jc w:val="left"/>
      </w:pPr>
      <w:r>
        <w:t xml:space="preserve">  </w:t>
      </w:r>
    </w:p>
    <w:p w:rsidR="0043064D" w:rsidRDefault="008B3C4B">
      <w:pPr>
        <w:spacing w:after="333" w:line="265" w:lineRule="auto"/>
        <w:ind w:right="8"/>
        <w:jc w:val="center"/>
      </w:pPr>
      <w:r>
        <w:t>Рис. 26. Переходы системы между различными состояниями энергопотребления</w:t>
      </w:r>
      <w:r>
        <w:t xml:space="preserve"> </w:t>
      </w:r>
    </w:p>
    <w:p w:rsidR="0043064D" w:rsidRDefault="008B3C4B">
      <w:pPr>
        <w:spacing w:after="270"/>
        <w:ind w:left="-5" w:right="1"/>
      </w:pPr>
      <w:r>
        <w:t xml:space="preserve">Хотя система может пребывать в одном из шести состояний энергопотребления, ACPI определяет для устройств четыре состояния: D0-D3. В состоянии D0 устройство полностью включено, а в состоянии D3 полностью отключено. ACPI позволяет драйверам </w:t>
      </w:r>
      <w:r>
        <w:lastRenderedPageBreak/>
        <w:t>и устройствам с</w:t>
      </w:r>
      <w:r>
        <w:t xml:space="preserve">амостоятельно определять состояния D1 и D2 с единственным условием, что устройство в состоянии D1 должно потреблять столько же или меньше энергии, чем в состоянии D0, а в состоянии D2 — столько же или меньше, чем в состоянии D1. </w:t>
      </w:r>
    </w:p>
    <w:p w:rsidR="0043064D" w:rsidRDefault="008B3C4B">
      <w:pPr>
        <w:pStyle w:val="3"/>
        <w:spacing w:after="57" w:line="265" w:lineRule="auto"/>
        <w:ind w:left="-5"/>
      </w:pPr>
      <w:bookmarkStart w:id="23" w:name="_Toc68671"/>
      <w:r>
        <w:rPr>
          <w:rFonts w:ascii="Tahoma" w:eastAsia="Tahoma" w:hAnsi="Tahoma" w:cs="Tahoma"/>
          <w:b w:val="0"/>
        </w:rPr>
        <w:t>Работа диспетчера электроп</w:t>
      </w:r>
      <w:r>
        <w:rPr>
          <w:rFonts w:ascii="Tahoma" w:eastAsia="Tahoma" w:hAnsi="Tahoma" w:cs="Tahoma"/>
          <w:b w:val="0"/>
        </w:rPr>
        <w:t xml:space="preserve">итания </w:t>
      </w:r>
      <w:bookmarkEnd w:id="23"/>
    </w:p>
    <w:p w:rsidR="0043064D" w:rsidRDefault="008B3C4B">
      <w:pPr>
        <w:spacing w:after="137"/>
        <w:ind w:left="-5" w:right="1"/>
      </w:pPr>
      <w:r>
        <w:t xml:space="preserve">Политика управления электропитанием в </w:t>
      </w:r>
      <w:proofErr w:type="spellStart"/>
      <w:r>
        <w:t>Windows</w:t>
      </w:r>
      <w:proofErr w:type="spellEnd"/>
      <w:r>
        <w:t xml:space="preserve"> определяется диспетчером электропитания и драйверами устройств. Владельцем системной политики управления электропитанием является диспетчер электропитания. Это значит, что он принимает решение о том, в </w:t>
      </w:r>
      <w:r>
        <w:t>каком состоянии энергопотребления должна находиться система в текущий момент. При необходимости выключения либо перехода в ждущий или спящий режим диспетчер электропитания указывает устройствам, поддерживающим управление электропитанием, перейти в соответс</w:t>
      </w:r>
      <w:r>
        <w:t xml:space="preserve">твующее состояние. Этот диспетчер принимает решение о переходе в другое состояние энергопотребления, исходя из: </w:t>
      </w:r>
    </w:p>
    <w:p w:rsidR="0043064D" w:rsidRDefault="008B3C4B">
      <w:pPr>
        <w:numPr>
          <w:ilvl w:val="0"/>
          <w:numId w:val="19"/>
        </w:numPr>
        <w:spacing w:after="10"/>
        <w:ind w:right="1" w:hanging="361"/>
      </w:pPr>
      <w:r>
        <w:t xml:space="preserve">уровня активности системы; </w:t>
      </w:r>
    </w:p>
    <w:p w:rsidR="0043064D" w:rsidRDefault="008B3C4B">
      <w:pPr>
        <w:numPr>
          <w:ilvl w:val="0"/>
          <w:numId w:val="19"/>
        </w:numPr>
        <w:spacing w:after="10"/>
        <w:ind w:right="1" w:hanging="361"/>
      </w:pPr>
      <w:r>
        <w:t xml:space="preserve">уровня заряда аккумуляторов; </w:t>
      </w:r>
    </w:p>
    <w:p w:rsidR="0043064D" w:rsidRDefault="008B3C4B">
      <w:pPr>
        <w:numPr>
          <w:ilvl w:val="0"/>
          <w:numId w:val="19"/>
        </w:numPr>
        <w:spacing w:after="22"/>
        <w:ind w:right="1" w:hanging="361"/>
      </w:pPr>
      <w:r>
        <w:t>наличия запросов приложений на выключение компьютера или переход в ждущий/спящий режи</w:t>
      </w:r>
      <w:r>
        <w:t xml:space="preserve">м; </w:t>
      </w:r>
    </w:p>
    <w:p w:rsidR="0043064D" w:rsidRDefault="008B3C4B">
      <w:pPr>
        <w:numPr>
          <w:ilvl w:val="0"/>
          <w:numId w:val="19"/>
        </w:numPr>
        <w:ind w:right="1" w:hanging="361"/>
      </w:pPr>
      <w:r>
        <w:t xml:space="preserve">действий пользователя, </w:t>
      </w:r>
      <w:proofErr w:type="gramStart"/>
      <w:r>
        <w:t>например</w:t>
      </w:r>
      <w:proofErr w:type="gramEnd"/>
      <w:r>
        <w:t xml:space="preserve"> нажатия кнопки включения электропитания; </w:t>
      </w:r>
      <w:r>
        <w:rPr>
          <w:rFonts w:ascii="Segoe UI Symbol" w:eastAsia="Segoe UI Symbol" w:hAnsi="Segoe UI Symbol" w:cs="Segoe UI Symbol"/>
        </w:rPr>
        <w:t></w:t>
      </w:r>
      <w:r>
        <w:rPr>
          <w:rFonts w:ascii="Arial" w:eastAsia="Arial" w:hAnsi="Arial" w:cs="Arial"/>
        </w:rPr>
        <w:t xml:space="preserve"> </w:t>
      </w:r>
      <w:r>
        <w:rPr>
          <w:rFonts w:ascii="Arial" w:eastAsia="Arial" w:hAnsi="Arial" w:cs="Arial"/>
        </w:rPr>
        <w:tab/>
      </w:r>
      <w:r>
        <w:t xml:space="preserve">параметров электропитания, заданных в </w:t>
      </w:r>
      <w:proofErr w:type="spellStart"/>
      <w:r>
        <w:t>Control</w:t>
      </w:r>
      <w:proofErr w:type="spellEnd"/>
      <w:r>
        <w:t xml:space="preserve"> </w:t>
      </w:r>
      <w:proofErr w:type="spellStart"/>
      <w:r>
        <w:t>Panel</w:t>
      </w:r>
      <w:proofErr w:type="spellEnd"/>
      <w:r>
        <w:t xml:space="preserve">. </w:t>
      </w:r>
    </w:p>
    <w:p w:rsidR="0043064D" w:rsidRDefault="008B3C4B">
      <w:pPr>
        <w:ind w:left="-5" w:right="1"/>
      </w:pPr>
      <w:r>
        <w:t xml:space="preserve">Часть информации, получаемой диспетчером </w:t>
      </w:r>
      <w:proofErr w:type="spellStart"/>
      <w:r>
        <w:t>PnP</w:t>
      </w:r>
      <w:proofErr w:type="spellEnd"/>
      <w:r>
        <w:t xml:space="preserve"> при перечислении устройств, связана </w:t>
      </w:r>
      <w:r>
        <w:t>с поддержкой устройствами функций управления электропитанием. Драйвер сообщает, поддерживает ли устройство состояния D1 и D2, а также какие задержки требуются ему для перехода из состояний D1-D3 в D0 (последняя часть данных необязательна). Чтобы диспетчеру</w:t>
      </w:r>
      <w:r>
        <w:t xml:space="preserve"> было легче определять, когда систему следует переводить в другое состояние энергопотребления, драйверы шин также возвращают таблицу сопоставлений между системными состояниями (S0-S5) и состояниями, поддерживаемыми конкретным устройством. В этой таблице ук</w:t>
      </w:r>
      <w:r>
        <w:t xml:space="preserve">азывается состояние устройства с наименьшим энергопотреблением для каждого системного состояния. </w:t>
      </w:r>
    </w:p>
    <w:p w:rsidR="0043064D" w:rsidRDefault="008B3C4B">
      <w:pPr>
        <w:spacing w:after="10"/>
        <w:ind w:left="-5" w:right="1"/>
      </w:pPr>
      <w:r>
        <w:t xml:space="preserve">Таблица 2. Пример таблицы сопоставлений системных состояний с состояниями устройств </w:t>
      </w:r>
    </w:p>
    <w:tbl>
      <w:tblPr>
        <w:tblStyle w:val="TableGrid"/>
        <w:tblW w:w="9572" w:type="dxa"/>
        <w:tblInd w:w="-107" w:type="dxa"/>
        <w:tblCellMar>
          <w:top w:w="0" w:type="dxa"/>
          <w:left w:w="107" w:type="dxa"/>
          <w:bottom w:w="0" w:type="dxa"/>
          <w:right w:w="115" w:type="dxa"/>
        </w:tblCellMar>
        <w:tblLook w:val="04A0" w:firstRow="1" w:lastRow="0" w:firstColumn="1" w:lastColumn="0" w:noHBand="0" w:noVBand="1"/>
      </w:tblPr>
      <w:tblGrid>
        <w:gridCol w:w="4788"/>
        <w:gridCol w:w="4784"/>
      </w:tblGrid>
      <w:tr w:rsidR="0043064D">
        <w:trPr>
          <w:trHeight w:val="492"/>
        </w:trPr>
        <w:tc>
          <w:tcPr>
            <w:tcW w:w="4788" w:type="dxa"/>
            <w:tcBorders>
              <w:top w:val="single" w:sz="4" w:space="0" w:color="000000"/>
              <w:left w:val="single" w:sz="4" w:space="0" w:color="000000"/>
              <w:bottom w:val="single" w:sz="4" w:space="0" w:color="000000"/>
              <w:right w:val="single" w:sz="4" w:space="0" w:color="000000"/>
            </w:tcBorders>
            <w:shd w:val="clear" w:color="auto" w:fill="BFBFBF"/>
            <w:vAlign w:val="center"/>
          </w:tcPr>
          <w:p w:rsidR="0043064D" w:rsidRDefault="008B3C4B">
            <w:pPr>
              <w:spacing w:after="0" w:line="259" w:lineRule="auto"/>
              <w:ind w:left="0" w:firstLine="0"/>
              <w:jc w:val="left"/>
            </w:pPr>
            <w:r>
              <w:t xml:space="preserve">Состояние системы </w:t>
            </w:r>
          </w:p>
        </w:tc>
        <w:tc>
          <w:tcPr>
            <w:tcW w:w="4784" w:type="dxa"/>
            <w:tcBorders>
              <w:top w:val="single" w:sz="4" w:space="0" w:color="000000"/>
              <w:left w:val="single" w:sz="4" w:space="0" w:color="000000"/>
              <w:bottom w:val="single" w:sz="4" w:space="0" w:color="000000"/>
              <w:right w:val="single" w:sz="4" w:space="0" w:color="000000"/>
            </w:tcBorders>
            <w:shd w:val="clear" w:color="auto" w:fill="BFBFBF"/>
            <w:vAlign w:val="center"/>
          </w:tcPr>
          <w:p w:rsidR="0043064D" w:rsidRDefault="008B3C4B">
            <w:pPr>
              <w:spacing w:after="0" w:line="259" w:lineRule="auto"/>
              <w:ind w:left="0" w:firstLine="0"/>
              <w:jc w:val="left"/>
            </w:pPr>
            <w:r>
              <w:t xml:space="preserve">Состояние устройства </w:t>
            </w:r>
          </w:p>
        </w:tc>
      </w:tr>
      <w:tr w:rsidR="0043064D">
        <w:trPr>
          <w:trHeight w:val="496"/>
        </w:trPr>
        <w:tc>
          <w:tcPr>
            <w:tcW w:w="4788"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S0 (полностью активное) </w:t>
            </w:r>
          </w:p>
        </w:tc>
        <w:tc>
          <w:tcPr>
            <w:tcW w:w="4784"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D0 (по</w:t>
            </w:r>
            <w:r>
              <w:t xml:space="preserve">лностью активное) </w:t>
            </w:r>
          </w:p>
        </w:tc>
      </w:tr>
      <w:tr w:rsidR="0043064D">
        <w:trPr>
          <w:trHeight w:val="490"/>
        </w:trPr>
        <w:tc>
          <w:tcPr>
            <w:tcW w:w="4788"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S1 (ждущий режим) </w:t>
            </w:r>
          </w:p>
        </w:tc>
        <w:tc>
          <w:tcPr>
            <w:tcW w:w="4784"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D2 </w:t>
            </w:r>
          </w:p>
        </w:tc>
      </w:tr>
      <w:tr w:rsidR="0043064D">
        <w:trPr>
          <w:trHeight w:val="495"/>
        </w:trPr>
        <w:tc>
          <w:tcPr>
            <w:tcW w:w="4788"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S2 (ждущий режим) </w:t>
            </w:r>
          </w:p>
        </w:tc>
        <w:tc>
          <w:tcPr>
            <w:tcW w:w="4784"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D2 </w:t>
            </w:r>
          </w:p>
        </w:tc>
      </w:tr>
      <w:tr w:rsidR="0043064D">
        <w:trPr>
          <w:trHeight w:val="494"/>
        </w:trPr>
        <w:tc>
          <w:tcPr>
            <w:tcW w:w="4788"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S3 (ждущий режим) </w:t>
            </w:r>
          </w:p>
        </w:tc>
        <w:tc>
          <w:tcPr>
            <w:tcW w:w="4784"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D2 </w:t>
            </w:r>
          </w:p>
        </w:tc>
      </w:tr>
      <w:tr w:rsidR="0043064D">
        <w:trPr>
          <w:trHeight w:val="490"/>
        </w:trPr>
        <w:tc>
          <w:tcPr>
            <w:tcW w:w="4788"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S4 (спящий режим) </w:t>
            </w:r>
          </w:p>
        </w:tc>
        <w:tc>
          <w:tcPr>
            <w:tcW w:w="4784"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D3 (полное отключение) </w:t>
            </w:r>
          </w:p>
        </w:tc>
      </w:tr>
      <w:tr w:rsidR="0043064D">
        <w:trPr>
          <w:trHeight w:val="495"/>
        </w:trPr>
        <w:tc>
          <w:tcPr>
            <w:tcW w:w="4788"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S5 (полное отключение) </w:t>
            </w:r>
          </w:p>
        </w:tc>
        <w:tc>
          <w:tcPr>
            <w:tcW w:w="4784" w:type="dxa"/>
            <w:tcBorders>
              <w:top w:val="single" w:sz="4" w:space="0" w:color="000000"/>
              <w:left w:val="single" w:sz="4" w:space="0" w:color="000000"/>
              <w:bottom w:val="single" w:sz="4" w:space="0" w:color="000000"/>
              <w:right w:val="single" w:sz="4" w:space="0" w:color="000000"/>
            </w:tcBorders>
            <w:vAlign w:val="center"/>
          </w:tcPr>
          <w:p w:rsidR="0043064D" w:rsidRDefault="008B3C4B">
            <w:pPr>
              <w:spacing w:after="0" w:line="259" w:lineRule="auto"/>
              <w:ind w:left="0" w:firstLine="0"/>
              <w:jc w:val="left"/>
            </w:pPr>
            <w:r>
              <w:t xml:space="preserve">D3 (полное отключение) </w:t>
            </w:r>
          </w:p>
        </w:tc>
      </w:tr>
    </w:tbl>
    <w:p w:rsidR="0043064D" w:rsidRDefault="008B3C4B">
      <w:pPr>
        <w:pStyle w:val="3"/>
        <w:spacing w:after="57" w:line="265" w:lineRule="auto"/>
        <w:ind w:left="-5"/>
      </w:pPr>
      <w:bookmarkStart w:id="24" w:name="_Toc68672"/>
      <w:r>
        <w:rPr>
          <w:rFonts w:ascii="Tahoma" w:eastAsia="Tahoma" w:hAnsi="Tahoma" w:cs="Tahoma"/>
          <w:b w:val="0"/>
        </w:rPr>
        <w:t xml:space="preserve">Участие драйверов в управлении электропитанием </w:t>
      </w:r>
      <w:bookmarkEnd w:id="24"/>
    </w:p>
    <w:p w:rsidR="0043064D" w:rsidRDefault="008B3C4B">
      <w:pPr>
        <w:spacing w:after="288"/>
        <w:ind w:left="-5" w:right="1"/>
      </w:pPr>
      <w:r>
        <w:t xml:space="preserve">Диспетчер электропитания, принимая решение о переходе системы в другое состояние, посылает команды процедуре драйвера, отвечающей за диспетчеризацию электропитания. Управлять устройством могут несколько драйверов, но только один из них является владельцем </w:t>
      </w:r>
      <w:r>
        <w:t>политики управления электропитанием устройства. Этот драйвер определяет состояние устройства в зависимости от состояния энергопотребления системы. Например, при переходе системы из состояния S0 в состояние S1 драйвер может принять решение о переводе устрой</w:t>
      </w:r>
      <w:r>
        <w:t xml:space="preserve">ства из состояния D0 в состояние D1. Вместо того чтобы напрямую оповещать об этом другие драйверы, участвующие в управлении устройством, владелец политики управления электропитанием устройства делает это </w:t>
      </w:r>
      <w:proofErr w:type="gramStart"/>
      <w:r>
        <w:t>через диспетчер</w:t>
      </w:r>
      <w:proofErr w:type="gramEnd"/>
      <w:r>
        <w:t xml:space="preserve"> электропитания, вызывая функцию </w:t>
      </w:r>
      <w:proofErr w:type="spellStart"/>
      <w:r>
        <w:rPr>
          <w:rFonts w:ascii="Courier New" w:eastAsia="Courier New" w:hAnsi="Courier New" w:cs="Courier New"/>
        </w:rPr>
        <w:t>PoRe</w:t>
      </w:r>
      <w:r>
        <w:rPr>
          <w:rFonts w:ascii="Courier New" w:eastAsia="Courier New" w:hAnsi="Courier New" w:cs="Courier New"/>
        </w:rPr>
        <w:t>questPowerlrp</w:t>
      </w:r>
      <w:proofErr w:type="spellEnd"/>
      <w:r>
        <w:t xml:space="preserve">. </w:t>
      </w:r>
    </w:p>
    <w:p w:rsidR="0043064D" w:rsidRDefault="008B3C4B">
      <w:pPr>
        <w:pStyle w:val="3"/>
        <w:spacing w:after="57" w:line="265" w:lineRule="auto"/>
        <w:ind w:left="-5"/>
      </w:pPr>
      <w:bookmarkStart w:id="25" w:name="_Toc68673"/>
      <w:r>
        <w:rPr>
          <w:rFonts w:ascii="Tahoma" w:eastAsia="Tahoma" w:hAnsi="Tahoma" w:cs="Tahoma"/>
          <w:b w:val="0"/>
        </w:rPr>
        <w:t xml:space="preserve">Как драйвер управляет электропитанием устройства </w:t>
      </w:r>
      <w:bookmarkEnd w:id="25"/>
    </w:p>
    <w:p w:rsidR="0043064D" w:rsidRDefault="008B3C4B">
      <w:pPr>
        <w:spacing w:after="131"/>
        <w:ind w:left="-5" w:right="1"/>
      </w:pPr>
      <w:r>
        <w:t xml:space="preserve">Драйвер не только отвечает на команды диспетчера электропитания, связанные с изменением состояния системы, но и может сам управлять состоянием энергопотребления своих устройств. </w:t>
      </w:r>
      <w:r>
        <w:t xml:space="preserve">В некоторых случаях драйвер может снизить </w:t>
      </w:r>
      <w:r>
        <w:lastRenderedPageBreak/>
        <w:t xml:space="preserve">энергопотребление управляемого им устройства, если оно неактивно в течение определенного времени. Драйвер может обнаруживать простаивающие устройства самостоятельно или через механизмы, предоставляемые диспетчером </w:t>
      </w:r>
      <w:r>
        <w:t xml:space="preserve">электропитания. Во втором случае устройство регистрируется в диспетчере электропитания вызовом функции </w:t>
      </w:r>
      <w:proofErr w:type="spellStart"/>
      <w:r>
        <w:rPr>
          <w:rFonts w:ascii="Courier New" w:eastAsia="Courier New" w:hAnsi="Courier New" w:cs="Courier New"/>
        </w:rPr>
        <w:t>PoRegisterDeviceForldleDetection</w:t>
      </w:r>
      <w:proofErr w:type="spellEnd"/>
      <w:r>
        <w:t>. Эта функция сообщает диспетчеру электропитания пороговые интервалы простоя устройства и указывает, в какое состояние сл</w:t>
      </w:r>
      <w:r>
        <w:t xml:space="preserve">едует переводить устройство, если оно простаивает. Драйвер задает два таймаута: </w:t>
      </w:r>
    </w:p>
    <w:p w:rsidR="0043064D" w:rsidRDefault="008B3C4B">
      <w:pPr>
        <w:ind w:left="293" w:right="3257"/>
      </w:pPr>
      <w:r>
        <w:rPr>
          <w:rFonts w:ascii="Segoe UI Symbol" w:eastAsia="Segoe UI Symbol" w:hAnsi="Segoe UI Symbol" w:cs="Segoe UI Symbol"/>
        </w:rPr>
        <w:t></w:t>
      </w:r>
      <w:r>
        <w:rPr>
          <w:rFonts w:ascii="Arial" w:eastAsia="Arial" w:hAnsi="Arial" w:cs="Arial"/>
        </w:rPr>
        <w:t xml:space="preserve"> </w:t>
      </w:r>
      <w:r>
        <w:t xml:space="preserve">первый — для энергосберегающей конфигурации, </w:t>
      </w:r>
      <w:r>
        <w:rPr>
          <w:rFonts w:ascii="Segoe UI Symbol" w:eastAsia="Segoe UI Symbol" w:hAnsi="Segoe UI Symbol" w:cs="Segoe UI Symbol"/>
        </w:rPr>
        <w:t></w:t>
      </w:r>
      <w:r>
        <w:rPr>
          <w:rFonts w:ascii="Arial" w:eastAsia="Arial" w:hAnsi="Arial" w:cs="Arial"/>
        </w:rPr>
        <w:t xml:space="preserve"> </w:t>
      </w:r>
      <w:r>
        <w:t xml:space="preserve">второй — для максимально производительной. </w:t>
      </w:r>
    </w:p>
    <w:p w:rsidR="0043064D" w:rsidRDefault="008B3C4B">
      <w:pPr>
        <w:spacing w:after="270"/>
        <w:ind w:left="-5" w:right="1"/>
      </w:pPr>
      <w:r>
        <w:t xml:space="preserve">Вызвав </w:t>
      </w:r>
      <w:proofErr w:type="spellStart"/>
      <w:r>
        <w:rPr>
          <w:rFonts w:ascii="Courier New" w:eastAsia="Courier New" w:hAnsi="Courier New" w:cs="Courier New"/>
        </w:rPr>
        <w:t>PoRegisterDeviceForldleDetection</w:t>
      </w:r>
      <w:proofErr w:type="spellEnd"/>
      <w:r>
        <w:t xml:space="preserve">, драйвер должен уведомлять диспетчер электропитания об активности устройства через функцию </w:t>
      </w:r>
      <w:proofErr w:type="spellStart"/>
      <w:r>
        <w:rPr>
          <w:rFonts w:ascii="Courier New" w:eastAsia="Courier New" w:hAnsi="Courier New" w:cs="Courier New"/>
        </w:rPr>
        <w:t>PoSetDeviceBusy</w:t>
      </w:r>
      <w:proofErr w:type="spellEnd"/>
      <w:r>
        <w:t xml:space="preserve">. </w:t>
      </w:r>
    </w:p>
    <w:p w:rsidR="0043064D" w:rsidRDefault="008B3C4B">
      <w:pPr>
        <w:pStyle w:val="1"/>
        <w:ind w:left="-5"/>
      </w:pPr>
      <w:bookmarkStart w:id="26" w:name="_Toc68674"/>
      <w:r>
        <w:t xml:space="preserve">Управление внешней памятью </w:t>
      </w:r>
      <w:bookmarkEnd w:id="26"/>
    </w:p>
    <w:p w:rsidR="0043064D" w:rsidRDefault="008B3C4B">
      <w:pPr>
        <w:spacing w:after="267"/>
        <w:ind w:left="-5" w:right="1"/>
      </w:pPr>
      <w:r>
        <w:t xml:space="preserve">Термин </w:t>
      </w:r>
      <w:r>
        <w:rPr>
          <w:b/>
        </w:rPr>
        <w:t>внешняя память</w:t>
      </w:r>
      <w:r>
        <w:t xml:space="preserve"> (</w:t>
      </w:r>
      <w:proofErr w:type="spellStart"/>
      <w:r>
        <w:t>storage</w:t>
      </w:r>
      <w:proofErr w:type="spellEnd"/>
      <w:r>
        <w:t>) относится к носителям, применяемым в самых разнообразных устройствах, в том числе к ма</w:t>
      </w:r>
      <w:r>
        <w:t>гнитным лентам, оптическим дискам, гибким дискам, локальным жестким дискам и сети устройств хранения данных (</w:t>
      </w:r>
      <w:proofErr w:type="spellStart"/>
      <w:r>
        <w:t>storage</w:t>
      </w:r>
      <w:proofErr w:type="spellEnd"/>
      <w:r>
        <w:t xml:space="preserve"> </w:t>
      </w:r>
      <w:proofErr w:type="spellStart"/>
      <w:r>
        <w:t>area</w:t>
      </w:r>
      <w:proofErr w:type="spellEnd"/>
      <w:r>
        <w:t xml:space="preserve"> </w:t>
      </w:r>
      <w:proofErr w:type="spellStart"/>
      <w:r>
        <w:t>networks</w:t>
      </w:r>
      <w:proofErr w:type="spellEnd"/>
      <w:r>
        <w:t xml:space="preserve">, SAN). </w:t>
      </w:r>
      <w:proofErr w:type="spellStart"/>
      <w:r>
        <w:t>Windows</w:t>
      </w:r>
      <w:proofErr w:type="spellEnd"/>
      <w:r>
        <w:t xml:space="preserve"> предоставляет специализированную поддержку для каждого класса носителей внешней памяти. </w:t>
      </w:r>
    </w:p>
    <w:p w:rsidR="0043064D" w:rsidRDefault="008B3C4B">
      <w:pPr>
        <w:pStyle w:val="2"/>
        <w:ind w:left="-5"/>
      </w:pPr>
      <w:bookmarkStart w:id="27" w:name="_Toc68675"/>
      <w:r>
        <w:t xml:space="preserve">Базовая терминология </w:t>
      </w:r>
      <w:bookmarkEnd w:id="27"/>
    </w:p>
    <w:p w:rsidR="0043064D" w:rsidRDefault="008B3C4B">
      <w:pPr>
        <w:spacing w:after="138"/>
        <w:ind w:left="-5" w:right="1"/>
      </w:pPr>
      <w:r>
        <w:t xml:space="preserve">Чтобы полностью усвоить материал следует четко понимать базовую терминологию. </w:t>
      </w:r>
    </w:p>
    <w:p w:rsidR="0043064D" w:rsidRDefault="008B3C4B">
      <w:pPr>
        <w:numPr>
          <w:ilvl w:val="0"/>
          <w:numId w:val="20"/>
        </w:numPr>
        <w:spacing w:after="22"/>
        <w:ind w:right="1" w:hanging="361"/>
      </w:pPr>
      <w:r>
        <w:rPr>
          <w:b/>
        </w:rPr>
        <w:t>Диск</w:t>
      </w:r>
      <w:r>
        <w:t xml:space="preserve"> — физическое устройство внешней памяти, </w:t>
      </w:r>
      <w:proofErr w:type="gramStart"/>
      <w:r>
        <w:t>например</w:t>
      </w:r>
      <w:proofErr w:type="gramEnd"/>
      <w:r>
        <w:t xml:space="preserve"> жесткий диск, 3,5дюймовая дискета или компакт-диск (CD-ROM).  </w:t>
      </w:r>
    </w:p>
    <w:p w:rsidR="0043064D" w:rsidRDefault="008B3C4B">
      <w:pPr>
        <w:numPr>
          <w:ilvl w:val="0"/>
          <w:numId w:val="20"/>
        </w:numPr>
        <w:spacing w:after="22"/>
        <w:ind w:right="1" w:hanging="361"/>
      </w:pPr>
      <w:r>
        <w:t xml:space="preserve">Диск делится на </w:t>
      </w:r>
      <w:r>
        <w:rPr>
          <w:b/>
        </w:rPr>
        <w:t>секторы</w:t>
      </w:r>
      <w:r>
        <w:t>, блоки фиксированного размера. Разм</w:t>
      </w:r>
      <w:r>
        <w:t xml:space="preserve">ер сектора определяется </w:t>
      </w:r>
      <w:proofErr w:type="spellStart"/>
      <w:r>
        <w:t>аппаратно</w:t>
      </w:r>
      <w:proofErr w:type="spellEnd"/>
      <w:r>
        <w:t xml:space="preserve">. Например, размер сектора жесткого диска, как правило, составляет 512 байтов, а размер сектора CD-ROM — обычно 2048 байт. </w:t>
      </w:r>
    </w:p>
    <w:p w:rsidR="0043064D" w:rsidRDefault="008B3C4B">
      <w:pPr>
        <w:numPr>
          <w:ilvl w:val="0"/>
          <w:numId w:val="20"/>
        </w:numPr>
        <w:spacing w:after="17"/>
        <w:ind w:right="1" w:hanging="361"/>
      </w:pPr>
      <w:r>
        <w:rPr>
          <w:b/>
        </w:rPr>
        <w:t>Раздел</w:t>
      </w:r>
      <w:r>
        <w:t xml:space="preserve"> (</w:t>
      </w:r>
      <w:proofErr w:type="spellStart"/>
      <w:r>
        <w:t>partition</w:t>
      </w:r>
      <w:proofErr w:type="spellEnd"/>
      <w:r>
        <w:t xml:space="preserve">) — набор непрерывных секторов на диске. Адрес начального сектора раздела, размер </w:t>
      </w:r>
      <w:r>
        <w:t xml:space="preserve">и другие характеристики раздела хранятся в таблице разделов или иной базе данных управления диском, которая размещается на том же диске, что и данный раздел. </w:t>
      </w:r>
    </w:p>
    <w:p w:rsidR="0043064D" w:rsidRDefault="008B3C4B">
      <w:pPr>
        <w:numPr>
          <w:ilvl w:val="0"/>
          <w:numId w:val="20"/>
        </w:numPr>
        <w:spacing w:after="21"/>
        <w:ind w:right="1" w:hanging="361"/>
      </w:pPr>
      <w:r>
        <w:rPr>
          <w:b/>
        </w:rPr>
        <w:t>Простой том</w:t>
      </w:r>
      <w:r>
        <w:t xml:space="preserve"> (</w:t>
      </w:r>
      <w:proofErr w:type="spellStart"/>
      <w:r>
        <w:t>simple</w:t>
      </w:r>
      <w:proofErr w:type="spellEnd"/>
      <w:r>
        <w:t xml:space="preserve"> </w:t>
      </w:r>
      <w:proofErr w:type="spellStart"/>
      <w:r>
        <w:t>volume</w:t>
      </w:r>
      <w:proofErr w:type="spellEnd"/>
      <w:r>
        <w:t>) — объект, представляющий секторы одного раздела, которым драйверы фай</w:t>
      </w:r>
      <w:r>
        <w:t xml:space="preserve">ловых систем управляют как единым целым. </w:t>
      </w:r>
    </w:p>
    <w:p w:rsidR="0043064D" w:rsidRDefault="008B3C4B">
      <w:pPr>
        <w:numPr>
          <w:ilvl w:val="0"/>
          <w:numId w:val="20"/>
        </w:numPr>
        <w:spacing w:after="267"/>
        <w:ind w:right="1" w:hanging="361"/>
      </w:pPr>
      <w:r>
        <w:rPr>
          <w:b/>
        </w:rPr>
        <w:t>Составной том</w:t>
      </w:r>
      <w:r>
        <w:t xml:space="preserve"> (</w:t>
      </w:r>
      <w:proofErr w:type="spellStart"/>
      <w:r>
        <w:t>multipartition</w:t>
      </w:r>
      <w:proofErr w:type="spellEnd"/>
      <w:r>
        <w:t xml:space="preserve"> </w:t>
      </w:r>
      <w:proofErr w:type="spellStart"/>
      <w:r>
        <w:t>volume</w:t>
      </w:r>
      <w:proofErr w:type="spellEnd"/>
      <w:r>
        <w:t>) — объект, представляющий секторы нескольких разделов, которыми драйверы файловых систем управляют как единым целым. По таким параметрам, как производительность, надежность и ги</w:t>
      </w:r>
      <w:r>
        <w:t xml:space="preserve">бкость в изменении размеров, составные тома превосходят простые. </w:t>
      </w:r>
    </w:p>
    <w:p w:rsidR="0043064D" w:rsidRDefault="008B3C4B">
      <w:pPr>
        <w:pStyle w:val="2"/>
        <w:ind w:left="-5"/>
      </w:pPr>
      <w:bookmarkStart w:id="28" w:name="_Toc68676"/>
      <w:r>
        <w:t xml:space="preserve">Драйверы дисков </w:t>
      </w:r>
      <w:bookmarkEnd w:id="28"/>
    </w:p>
    <w:p w:rsidR="0043064D" w:rsidRDefault="008B3C4B">
      <w:pPr>
        <w:ind w:left="-5" w:right="1"/>
      </w:pPr>
      <w:r>
        <w:t xml:space="preserve">Драйверы устройств, участвующие в управлении конкретным устройством внешней памяти (накопителем), обобщенно называются стеком </w:t>
      </w:r>
      <w:r>
        <w:rPr>
          <w:b/>
        </w:rPr>
        <w:t>драйверов внешней памяти</w:t>
      </w:r>
      <w:r>
        <w:t xml:space="preserve"> </w:t>
      </w:r>
      <w:r>
        <w:t>(</w:t>
      </w:r>
      <w:proofErr w:type="spellStart"/>
      <w:r>
        <w:t>storage</w:t>
      </w:r>
      <w:proofErr w:type="spellEnd"/>
      <w:r>
        <w:t xml:space="preserve"> </w:t>
      </w:r>
      <w:proofErr w:type="spellStart"/>
      <w:r>
        <w:t>stack</w:t>
      </w:r>
      <w:proofErr w:type="spellEnd"/>
      <w:r>
        <w:t xml:space="preserve">). На Рис. 27 показаны все типы драйверов, которые могут присутствовать в стеке. Опишем поведение драйверов устройств, расположенных в стеке ниже уровня файловой системы. </w:t>
      </w:r>
    </w:p>
    <w:p w:rsidR="0043064D" w:rsidRDefault="008B3C4B">
      <w:pPr>
        <w:pBdr>
          <w:top w:val="single" w:sz="2" w:space="0" w:color="000000"/>
          <w:left w:val="single" w:sz="2" w:space="0" w:color="000000"/>
          <w:bottom w:val="single" w:sz="2" w:space="0" w:color="000000"/>
          <w:right w:val="single" w:sz="2" w:space="0" w:color="000000"/>
        </w:pBdr>
        <w:spacing w:after="202" w:line="259" w:lineRule="auto"/>
        <w:ind w:left="0" w:right="657" w:firstLine="0"/>
        <w:jc w:val="center"/>
      </w:pPr>
      <w:r>
        <w:rPr>
          <w:rFonts w:ascii="Arial" w:eastAsia="Arial" w:hAnsi="Arial" w:cs="Arial"/>
          <w:sz w:val="17"/>
        </w:rPr>
        <w:t>Приложение</w:t>
      </w:r>
    </w:p>
    <w:p w:rsidR="0043064D" w:rsidRDefault="008B3C4B">
      <w:pPr>
        <w:spacing w:after="224" w:line="259" w:lineRule="auto"/>
        <w:ind w:left="3162" w:firstLine="0"/>
        <w:jc w:val="left"/>
      </w:pPr>
      <w:r>
        <w:rPr>
          <w:rFonts w:ascii="Calibri" w:eastAsia="Calibri" w:hAnsi="Calibri" w:cs="Calibri"/>
          <w:noProof/>
          <w:sz w:val="22"/>
        </w:rPr>
        <mc:AlternateContent>
          <mc:Choice Requires="wpg">
            <w:drawing>
              <wp:inline distT="0" distB="0" distL="0" distR="0">
                <wp:extent cx="1513991" cy="10682"/>
                <wp:effectExtent l="0" t="0" r="0" b="0"/>
                <wp:docPr id="65757" name="Group 65757"/>
                <wp:cNvGraphicFramePr/>
                <a:graphic xmlns:a="http://schemas.openxmlformats.org/drawingml/2006/main">
                  <a:graphicData uri="http://schemas.microsoft.com/office/word/2010/wordprocessingGroup">
                    <wpg:wgp>
                      <wpg:cNvGrpSpPr/>
                      <wpg:grpSpPr>
                        <a:xfrm>
                          <a:off x="0" y="0"/>
                          <a:ext cx="1513991" cy="10682"/>
                          <a:chOff x="0" y="0"/>
                          <a:chExt cx="1513991" cy="10682"/>
                        </a:xfrm>
                      </wpg:grpSpPr>
                      <wps:wsp>
                        <wps:cNvPr id="9184" name="Shape 9184"/>
                        <wps:cNvSpPr/>
                        <wps:spPr>
                          <a:xfrm>
                            <a:off x="0" y="0"/>
                            <a:ext cx="1513991" cy="0"/>
                          </a:xfrm>
                          <a:custGeom>
                            <a:avLst/>
                            <a:gdLst/>
                            <a:ahLst/>
                            <a:cxnLst/>
                            <a:rect l="0" t="0" r="0" b="0"/>
                            <a:pathLst>
                              <a:path w="1513991">
                                <a:moveTo>
                                  <a:pt x="0" y="0"/>
                                </a:moveTo>
                                <a:lnTo>
                                  <a:pt x="1513991" y="0"/>
                                </a:lnTo>
                              </a:path>
                            </a:pathLst>
                          </a:custGeom>
                          <a:ln w="10682" cap="rnd">
                            <a:round/>
                          </a:ln>
                        </wps:spPr>
                        <wps:style>
                          <a:lnRef idx="1">
                            <a:srgbClr val="000000"/>
                          </a:lnRef>
                          <a:fillRef idx="0">
                            <a:srgbClr val="000000">
                              <a:alpha val="0"/>
                            </a:srgbClr>
                          </a:fillRef>
                          <a:effectRef idx="0">
                            <a:scrgbClr r="0" g="0" b="0"/>
                          </a:effectRef>
                          <a:fontRef idx="none"/>
                        </wps:style>
                        <wps:bodyPr/>
                      </wps:wsp>
                    </wpg:wgp>
                  </a:graphicData>
                </a:graphic>
              </wp:inline>
            </w:drawing>
          </mc:Choice>
          <mc:Fallback xmlns:a="http://schemas.openxmlformats.org/drawingml/2006/main">
            <w:pict>
              <v:group id="Group 65757" style="width:119.212pt;height:0.8411pt;mso-position-horizontal-relative:char;mso-position-vertical-relative:line" coordsize="15139,106">
                <v:shape id="Shape 9184" style="position:absolute;width:15139;height:0;left:0;top:0;" coordsize="1513991,0" path="m0,0l1513991,0">
                  <v:stroke weight="0.8411pt" endcap="round" joinstyle="round" on="true" color="#000000"/>
                  <v:fill on="false" color="#000000" opacity="0"/>
                </v:shape>
              </v:group>
            </w:pict>
          </mc:Fallback>
        </mc:AlternateContent>
      </w:r>
    </w:p>
    <w:tbl>
      <w:tblPr>
        <w:tblStyle w:val="TableGrid"/>
        <w:tblpPr w:vertAnchor="text" w:tblpX="3560" w:tblpY="-25"/>
        <w:tblOverlap w:val="never"/>
        <w:tblW w:w="1590" w:type="dxa"/>
        <w:tblInd w:w="0" w:type="dxa"/>
        <w:tblCellMar>
          <w:top w:w="0" w:type="dxa"/>
          <w:left w:w="115" w:type="dxa"/>
          <w:bottom w:w="0" w:type="dxa"/>
          <w:right w:w="115" w:type="dxa"/>
        </w:tblCellMar>
        <w:tblLook w:val="04A0" w:firstRow="1" w:lastRow="0" w:firstColumn="1" w:lastColumn="0" w:noHBand="0" w:noVBand="1"/>
      </w:tblPr>
      <w:tblGrid>
        <w:gridCol w:w="1590"/>
      </w:tblGrid>
      <w:tr w:rsidR="0043064D">
        <w:trPr>
          <w:trHeight w:val="596"/>
        </w:trPr>
        <w:tc>
          <w:tcPr>
            <w:tcW w:w="1590" w:type="dxa"/>
            <w:tcBorders>
              <w:top w:val="single" w:sz="2" w:space="0" w:color="000000"/>
              <w:left w:val="single" w:sz="2" w:space="0" w:color="000000"/>
              <w:bottom w:val="single" w:sz="2" w:space="0" w:color="000000"/>
              <w:right w:val="single" w:sz="2" w:space="0" w:color="000000"/>
            </w:tcBorders>
            <w:vAlign w:val="center"/>
          </w:tcPr>
          <w:p w:rsidR="0043064D" w:rsidRDefault="008B3C4B">
            <w:pPr>
              <w:spacing w:after="0" w:line="259" w:lineRule="auto"/>
              <w:ind w:left="0" w:firstLine="0"/>
              <w:jc w:val="center"/>
            </w:pPr>
            <w:r>
              <w:rPr>
                <w:rFonts w:ascii="Arial" w:eastAsia="Arial" w:hAnsi="Arial" w:cs="Arial"/>
                <w:sz w:val="17"/>
              </w:rPr>
              <w:t>Подсистема ввода-вывода</w:t>
            </w:r>
          </w:p>
        </w:tc>
      </w:tr>
    </w:tbl>
    <w:p w:rsidR="0043064D" w:rsidRDefault="008B3C4B">
      <w:pPr>
        <w:spacing w:after="384" w:line="261" w:lineRule="auto"/>
        <w:ind w:left="3570" w:right="699"/>
        <w:jc w:val="left"/>
      </w:pPr>
      <w:r>
        <w:rPr>
          <w:rFonts w:ascii="Arial" w:eastAsia="Arial" w:hAnsi="Arial" w:cs="Arial"/>
          <w:sz w:val="17"/>
        </w:rPr>
        <w:t>Посылает запрос ввода-вывода фай</w:t>
      </w:r>
      <w:r>
        <w:rPr>
          <w:rFonts w:ascii="Arial" w:eastAsia="Arial" w:hAnsi="Arial" w:cs="Arial"/>
          <w:sz w:val="17"/>
        </w:rPr>
        <w:t>ловой системе</w:t>
      </w:r>
    </w:p>
    <w:tbl>
      <w:tblPr>
        <w:tblStyle w:val="TableGrid"/>
        <w:tblpPr w:vertAnchor="text" w:tblpX="3560" w:tblpY="-26"/>
        <w:tblOverlap w:val="never"/>
        <w:tblW w:w="1590" w:type="dxa"/>
        <w:tblInd w:w="0" w:type="dxa"/>
        <w:tblCellMar>
          <w:top w:w="0" w:type="dxa"/>
          <w:left w:w="60" w:type="dxa"/>
          <w:bottom w:w="0" w:type="dxa"/>
          <w:right w:w="60" w:type="dxa"/>
        </w:tblCellMar>
        <w:tblLook w:val="04A0" w:firstRow="1" w:lastRow="0" w:firstColumn="1" w:lastColumn="0" w:noHBand="0" w:noVBand="1"/>
      </w:tblPr>
      <w:tblGrid>
        <w:gridCol w:w="1590"/>
      </w:tblGrid>
      <w:tr w:rsidR="0043064D">
        <w:trPr>
          <w:trHeight w:val="596"/>
        </w:trPr>
        <w:tc>
          <w:tcPr>
            <w:tcW w:w="1590" w:type="dxa"/>
            <w:tcBorders>
              <w:top w:val="single" w:sz="2" w:space="0" w:color="000000"/>
              <w:left w:val="single" w:sz="2" w:space="0" w:color="000000"/>
              <w:bottom w:val="single" w:sz="2" w:space="0" w:color="000000"/>
              <w:right w:val="single" w:sz="2" w:space="0" w:color="000000"/>
            </w:tcBorders>
            <w:vAlign w:val="center"/>
          </w:tcPr>
          <w:p w:rsidR="0043064D" w:rsidRDefault="008B3C4B">
            <w:pPr>
              <w:spacing w:after="0" w:line="259" w:lineRule="auto"/>
              <w:ind w:left="0" w:firstLine="0"/>
            </w:pPr>
            <w:r>
              <w:rPr>
                <w:rFonts w:ascii="Arial" w:eastAsia="Arial" w:hAnsi="Arial" w:cs="Arial"/>
                <w:sz w:val="17"/>
              </w:rPr>
              <w:t>Файловая система</w:t>
            </w:r>
          </w:p>
        </w:tc>
      </w:tr>
    </w:tbl>
    <w:p w:rsidR="0043064D" w:rsidRDefault="008B3C4B">
      <w:pPr>
        <w:spacing w:after="543" w:line="261" w:lineRule="auto"/>
        <w:ind w:left="3570" w:right="874"/>
        <w:jc w:val="left"/>
      </w:pPr>
      <w:r>
        <w:rPr>
          <w:rFonts w:ascii="Arial" w:eastAsia="Arial" w:hAnsi="Arial" w:cs="Arial"/>
          <w:sz w:val="17"/>
        </w:rPr>
        <w:t xml:space="preserve">Накладывает файловую структуру на неформатированные тома </w:t>
      </w:r>
    </w:p>
    <w:tbl>
      <w:tblPr>
        <w:tblStyle w:val="TableGrid"/>
        <w:tblpPr w:vertAnchor="text" w:tblpX="3560" w:tblpY="-185"/>
        <w:tblOverlap w:val="never"/>
        <w:tblW w:w="1590" w:type="dxa"/>
        <w:tblInd w:w="0" w:type="dxa"/>
        <w:tblCellMar>
          <w:top w:w="0" w:type="dxa"/>
          <w:left w:w="115" w:type="dxa"/>
          <w:bottom w:w="0" w:type="dxa"/>
          <w:right w:w="115" w:type="dxa"/>
        </w:tblCellMar>
        <w:tblLook w:val="04A0" w:firstRow="1" w:lastRow="0" w:firstColumn="1" w:lastColumn="0" w:noHBand="0" w:noVBand="1"/>
      </w:tblPr>
      <w:tblGrid>
        <w:gridCol w:w="1590"/>
      </w:tblGrid>
      <w:tr w:rsidR="0043064D">
        <w:trPr>
          <w:trHeight w:val="596"/>
        </w:trPr>
        <w:tc>
          <w:tcPr>
            <w:tcW w:w="1590" w:type="dxa"/>
            <w:tcBorders>
              <w:top w:val="single" w:sz="2" w:space="0" w:color="000000"/>
              <w:left w:val="single" w:sz="2" w:space="0" w:color="000000"/>
              <w:bottom w:val="single" w:sz="2" w:space="0" w:color="000000"/>
              <w:right w:val="single" w:sz="2" w:space="0" w:color="000000"/>
            </w:tcBorders>
            <w:vAlign w:val="center"/>
          </w:tcPr>
          <w:p w:rsidR="0043064D" w:rsidRDefault="008B3C4B">
            <w:pPr>
              <w:spacing w:after="0" w:line="259" w:lineRule="auto"/>
              <w:ind w:left="0" w:firstLine="0"/>
              <w:jc w:val="center"/>
            </w:pPr>
            <w:r>
              <w:rPr>
                <w:rFonts w:ascii="Arial" w:eastAsia="Arial" w:hAnsi="Arial" w:cs="Arial"/>
                <w:sz w:val="17"/>
              </w:rPr>
              <w:t>Снимок тома</w:t>
            </w:r>
          </w:p>
        </w:tc>
      </w:tr>
    </w:tbl>
    <w:p w:rsidR="0043064D" w:rsidRDefault="008B3C4B">
      <w:pPr>
        <w:spacing w:after="406" w:line="261" w:lineRule="auto"/>
        <w:ind w:left="3570" w:right="699"/>
        <w:jc w:val="left"/>
      </w:pPr>
      <w:r>
        <w:rPr>
          <w:rFonts w:ascii="Arial" w:eastAsia="Arial" w:hAnsi="Arial" w:cs="Arial"/>
          <w:sz w:val="17"/>
        </w:rPr>
        <w:t xml:space="preserve">Управляет программными снимками </w:t>
      </w:r>
    </w:p>
    <w:tbl>
      <w:tblPr>
        <w:tblStyle w:val="TableGrid"/>
        <w:tblpPr w:vertAnchor="text" w:tblpX="3560" w:tblpY="24"/>
        <w:tblOverlap w:val="never"/>
        <w:tblW w:w="1590" w:type="dxa"/>
        <w:tblInd w:w="0" w:type="dxa"/>
        <w:tblCellMar>
          <w:top w:w="0" w:type="dxa"/>
          <w:left w:w="123" w:type="dxa"/>
          <w:bottom w:w="0" w:type="dxa"/>
          <w:right w:w="115" w:type="dxa"/>
        </w:tblCellMar>
        <w:tblLook w:val="04A0" w:firstRow="1" w:lastRow="0" w:firstColumn="1" w:lastColumn="0" w:noHBand="0" w:noVBand="1"/>
      </w:tblPr>
      <w:tblGrid>
        <w:gridCol w:w="1590"/>
      </w:tblGrid>
      <w:tr w:rsidR="0043064D">
        <w:trPr>
          <w:trHeight w:val="596"/>
        </w:trPr>
        <w:tc>
          <w:tcPr>
            <w:tcW w:w="1590" w:type="dxa"/>
            <w:tcBorders>
              <w:top w:val="single" w:sz="2" w:space="0" w:color="000000"/>
              <w:left w:val="single" w:sz="2" w:space="0" w:color="000000"/>
              <w:bottom w:val="single" w:sz="2" w:space="0" w:color="000000"/>
              <w:right w:val="single" w:sz="2" w:space="0" w:color="000000"/>
            </w:tcBorders>
            <w:vAlign w:val="center"/>
          </w:tcPr>
          <w:p w:rsidR="0043064D" w:rsidRDefault="008B3C4B">
            <w:pPr>
              <w:spacing w:after="0" w:line="259" w:lineRule="auto"/>
              <w:ind w:left="0" w:firstLine="0"/>
              <w:jc w:val="left"/>
            </w:pPr>
            <w:r>
              <w:rPr>
                <w:rFonts w:ascii="Arial" w:eastAsia="Arial" w:hAnsi="Arial" w:cs="Arial"/>
                <w:sz w:val="17"/>
              </w:rPr>
              <w:t>Диспетчер томов</w:t>
            </w:r>
          </w:p>
        </w:tc>
      </w:tr>
    </w:tbl>
    <w:p w:rsidR="0043064D" w:rsidRDefault="008B3C4B">
      <w:pPr>
        <w:spacing w:after="380" w:line="261" w:lineRule="auto"/>
        <w:ind w:left="3570" w:right="699"/>
        <w:jc w:val="left"/>
      </w:pPr>
      <w:r>
        <w:rPr>
          <w:rFonts w:ascii="Arial" w:eastAsia="Arial" w:hAnsi="Arial" w:cs="Arial"/>
          <w:sz w:val="17"/>
        </w:rPr>
        <w:t>Представляет тома (</w:t>
      </w:r>
      <w:proofErr w:type="gramStart"/>
      <w:r>
        <w:rPr>
          <w:rFonts w:ascii="Arial" w:eastAsia="Arial" w:hAnsi="Arial" w:cs="Arial"/>
          <w:sz w:val="17"/>
        </w:rPr>
        <w:t>С:,</w:t>
      </w:r>
      <w:proofErr w:type="gramEnd"/>
      <w:r>
        <w:rPr>
          <w:rFonts w:ascii="Arial" w:eastAsia="Arial" w:hAnsi="Arial" w:cs="Arial"/>
          <w:sz w:val="17"/>
        </w:rPr>
        <w:t xml:space="preserve"> D: ) пользователям; поддерживает базовые и динамические диски (RA|D)</w:t>
      </w:r>
    </w:p>
    <w:tbl>
      <w:tblPr>
        <w:tblStyle w:val="TableGrid"/>
        <w:tblpPr w:vertAnchor="text" w:tblpX="3560" w:tblpY="-185"/>
        <w:tblOverlap w:val="never"/>
        <w:tblW w:w="1590" w:type="dxa"/>
        <w:tblInd w:w="0" w:type="dxa"/>
        <w:tblCellMar>
          <w:top w:w="0" w:type="dxa"/>
          <w:left w:w="357" w:type="dxa"/>
          <w:bottom w:w="0" w:type="dxa"/>
          <w:right w:w="115" w:type="dxa"/>
        </w:tblCellMar>
        <w:tblLook w:val="04A0" w:firstRow="1" w:lastRow="0" w:firstColumn="1" w:lastColumn="0" w:noHBand="0" w:noVBand="1"/>
      </w:tblPr>
      <w:tblGrid>
        <w:gridCol w:w="1590"/>
      </w:tblGrid>
      <w:tr w:rsidR="0043064D">
        <w:trPr>
          <w:trHeight w:val="596"/>
        </w:trPr>
        <w:tc>
          <w:tcPr>
            <w:tcW w:w="1590" w:type="dxa"/>
            <w:tcBorders>
              <w:top w:val="single" w:sz="2" w:space="0" w:color="000000"/>
              <w:left w:val="single" w:sz="2" w:space="0" w:color="000000"/>
              <w:bottom w:val="single" w:sz="2" w:space="0" w:color="000000"/>
              <w:right w:val="single" w:sz="2" w:space="0" w:color="000000"/>
            </w:tcBorders>
            <w:vAlign w:val="center"/>
          </w:tcPr>
          <w:p w:rsidR="0043064D" w:rsidRDefault="008B3C4B">
            <w:pPr>
              <w:spacing w:after="0" w:line="259" w:lineRule="auto"/>
              <w:ind w:left="69" w:hanging="69"/>
              <w:jc w:val="left"/>
            </w:pPr>
            <w:r>
              <w:rPr>
                <w:rFonts w:ascii="Arial" w:eastAsia="Arial" w:hAnsi="Arial" w:cs="Arial"/>
                <w:sz w:val="17"/>
              </w:rPr>
              <w:lastRenderedPageBreak/>
              <w:t>Диспетчер разделов</w:t>
            </w:r>
          </w:p>
        </w:tc>
      </w:tr>
    </w:tbl>
    <w:p w:rsidR="0043064D" w:rsidRDefault="008B3C4B">
      <w:pPr>
        <w:spacing w:after="162" w:line="261" w:lineRule="auto"/>
        <w:ind w:left="3570" w:right="699"/>
        <w:jc w:val="left"/>
      </w:pPr>
      <w:r>
        <w:rPr>
          <w:rFonts w:ascii="Arial" w:eastAsia="Arial" w:hAnsi="Arial" w:cs="Arial"/>
          <w:sz w:val="17"/>
        </w:rPr>
        <w:t>Управляет разделами на дисках</w:t>
      </w:r>
    </w:p>
    <w:p w:rsidR="0043064D" w:rsidRDefault="008B3C4B">
      <w:pPr>
        <w:spacing w:after="63" w:line="259" w:lineRule="auto"/>
        <w:ind w:left="3162" w:firstLine="0"/>
        <w:jc w:val="left"/>
      </w:pPr>
      <w:r>
        <w:rPr>
          <w:rFonts w:ascii="Calibri" w:eastAsia="Calibri" w:hAnsi="Calibri" w:cs="Calibri"/>
          <w:noProof/>
          <w:sz w:val="22"/>
        </w:rPr>
        <mc:AlternateContent>
          <mc:Choice Requires="wpg">
            <w:drawing>
              <wp:inline distT="0" distB="0" distL="0" distR="0">
                <wp:extent cx="1513991" cy="10682"/>
                <wp:effectExtent l="0" t="0" r="0" b="0"/>
                <wp:docPr id="65758" name="Group 65758"/>
                <wp:cNvGraphicFramePr/>
                <a:graphic xmlns:a="http://schemas.openxmlformats.org/drawingml/2006/main">
                  <a:graphicData uri="http://schemas.microsoft.com/office/word/2010/wordprocessingGroup">
                    <wpg:wgp>
                      <wpg:cNvGrpSpPr/>
                      <wpg:grpSpPr>
                        <a:xfrm>
                          <a:off x="0" y="0"/>
                          <a:ext cx="1513991" cy="10682"/>
                          <a:chOff x="0" y="0"/>
                          <a:chExt cx="1513991" cy="10682"/>
                        </a:xfrm>
                      </wpg:grpSpPr>
                      <wps:wsp>
                        <wps:cNvPr id="9207" name="Shape 9207"/>
                        <wps:cNvSpPr/>
                        <wps:spPr>
                          <a:xfrm>
                            <a:off x="0" y="0"/>
                            <a:ext cx="1513991" cy="0"/>
                          </a:xfrm>
                          <a:custGeom>
                            <a:avLst/>
                            <a:gdLst/>
                            <a:ahLst/>
                            <a:cxnLst/>
                            <a:rect l="0" t="0" r="0" b="0"/>
                            <a:pathLst>
                              <a:path w="1513991">
                                <a:moveTo>
                                  <a:pt x="0" y="0"/>
                                </a:moveTo>
                                <a:lnTo>
                                  <a:pt x="1513991" y="0"/>
                                </a:lnTo>
                              </a:path>
                            </a:pathLst>
                          </a:custGeom>
                          <a:ln w="10682" cap="rnd">
                            <a:custDash>
                              <a:ds d="1261650" sp="756990"/>
                            </a:custDash>
                            <a:round/>
                          </a:ln>
                        </wps:spPr>
                        <wps:style>
                          <a:lnRef idx="1">
                            <a:srgbClr val="000000"/>
                          </a:lnRef>
                          <a:fillRef idx="0">
                            <a:srgbClr val="000000">
                              <a:alpha val="0"/>
                            </a:srgbClr>
                          </a:fillRef>
                          <a:effectRef idx="0">
                            <a:scrgbClr r="0" g="0" b="0"/>
                          </a:effectRef>
                          <a:fontRef idx="none"/>
                        </wps:style>
                        <wps:bodyPr/>
                      </wps:wsp>
                    </wpg:wgp>
                  </a:graphicData>
                </a:graphic>
              </wp:inline>
            </w:drawing>
          </mc:Choice>
          <mc:Fallback xmlns:a="http://schemas.openxmlformats.org/drawingml/2006/main">
            <w:pict>
              <v:group id="Group 65758" style="width:119.212pt;height:0.8411pt;mso-position-horizontal-relative:char;mso-position-vertical-relative:line" coordsize="15139,106">
                <v:shape id="Shape 9207" style="position:absolute;width:15139;height:0;left:0;top:0;" coordsize="1513991,0" path="m0,0l1513991,0">
                  <v:stroke weight="0.8411pt" endcap="round" dashstyle="15 9" joinstyle="round" on="true" color="#000000"/>
                  <v:fill on="false" color="#000000" opacity="0"/>
                </v:shape>
              </v:group>
            </w:pict>
          </mc:Fallback>
        </mc:AlternateContent>
      </w:r>
    </w:p>
    <w:tbl>
      <w:tblPr>
        <w:tblStyle w:val="TableGrid"/>
        <w:tblpPr w:vertAnchor="text" w:tblpX="3560" w:tblpY="17"/>
        <w:tblOverlap w:val="never"/>
        <w:tblW w:w="1590" w:type="dxa"/>
        <w:tblInd w:w="0" w:type="dxa"/>
        <w:tblCellMar>
          <w:top w:w="0" w:type="dxa"/>
          <w:left w:w="115" w:type="dxa"/>
          <w:bottom w:w="0" w:type="dxa"/>
          <w:right w:w="115" w:type="dxa"/>
        </w:tblCellMar>
        <w:tblLook w:val="04A0" w:firstRow="1" w:lastRow="0" w:firstColumn="1" w:lastColumn="0" w:noHBand="0" w:noVBand="1"/>
      </w:tblPr>
      <w:tblGrid>
        <w:gridCol w:w="1590"/>
      </w:tblGrid>
      <w:tr w:rsidR="0043064D">
        <w:trPr>
          <w:trHeight w:val="596"/>
        </w:trPr>
        <w:tc>
          <w:tcPr>
            <w:tcW w:w="1590" w:type="dxa"/>
            <w:tcBorders>
              <w:top w:val="single" w:sz="2" w:space="0" w:color="000000"/>
              <w:left w:val="single" w:sz="2" w:space="0" w:color="000000"/>
              <w:bottom w:val="single" w:sz="2" w:space="0" w:color="000000"/>
              <w:right w:val="single" w:sz="2" w:space="0" w:color="000000"/>
            </w:tcBorders>
            <w:shd w:val="clear" w:color="auto" w:fill="D9D9D9"/>
            <w:vAlign w:val="center"/>
          </w:tcPr>
          <w:p w:rsidR="0043064D" w:rsidRDefault="008B3C4B">
            <w:pPr>
              <w:spacing w:after="0" w:line="259" w:lineRule="auto"/>
              <w:ind w:left="0" w:firstLine="0"/>
              <w:jc w:val="center"/>
            </w:pPr>
            <w:r>
              <w:rPr>
                <w:rFonts w:ascii="Arial" w:eastAsia="Arial" w:hAnsi="Arial" w:cs="Arial"/>
                <w:sz w:val="17"/>
              </w:rPr>
              <w:t>Класс</w:t>
            </w:r>
          </w:p>
        </w:tc>
      </w:tr>
    </w:tbl>
    <w:p w:rsidR="0043064D" w:rsidRDefault="008B3C4B">
      <w:pPr>
        <w:spacing w:after="251" w:line="261" w:lineRule="auto"/>
        <w:ind w:left="3570" w:right="699"/>
        <w:jc w:val="left"/>
      </w:pPr>
      <w:r>
        <w:rPr>
          <w:rFonts w:ascii="Arial" w:eastAsia="Arial" w:hAnsi="Arial" w:cs="Arial"/>
          <w:sz w:val="17"/>
        </w:rPr>
        <w:t xml:space="preserve">Управляет конкретным типом устройств, </w:t>
      </w:r>
      <w:proofErr w:type="gramStart"/>
      <w:r>
        <w:rPr>
          <w:rFonts w:ascii="Arial" w:eastAsia="Arial" w:hAnsi="Arial" w:cs="Arial"/>
          <w:sz w:val="17"/>
        </w:rPr>
        <w:t>например</w:t>
      </w:r>
      <w:proofErr w:type="gramEnd"/>
      <w:r>
        <w:rPr>
          <w:rFonts w:ascii="Arial" w:eastAsia="Arial" w:hAnsi="Arial" w:cs="Arial"/>
          <w:sz w:val="17"/>
        </w:rPr>
        <w:t xml:space="preserve"> дисками и ленточными накопителями </w:t>
      </w:r>
    </w:p>
    <w:tbl>
      <w:tblPr>
        <w:tblStyle w:val="TableGrid"/>
        <w:tblpPr w:vertAnchor="text" w:tblpX="3560" w:tblpY="-3"/>
        <w:tblOverlap w:val="never"/>
        <w:tblW w:w="1589" w:type="dxa"/>
        <w:tblInd w:w="0" w:type="dxa"/>
        <w:tblCellMar>
          <w:top w:w="0" w:type="dxa"/>
          <w:left w:w="69" w:type="dxa"/>
          <w:bottom w:w="0" w:type="dxa"/>
          <w:right w:w="69" w:type="dxa"/>
        </w:tblCellMar>
        <w:tblLook w:val="04A0" w:firstRow="1" w:lastRow="0" w:firstColumn="1" w:lastColumn="0" w:noHBand="0" w:noVBand="1"/>
      </w:tblPr>
      <w:tblGrid>
        <w:gridCol w:w="545"/>
        <w:gridCol w:w="144"/>
        <w:gridCol w:w="923"/>
      </w:tblGrid>
      <w:tr w:rsidR="0043064D">
        <w:trPr>
          <w:trHeight w:val="596"/>
        </w:trPr>
        <w:tc>
          <w:tcPr>
            <w:tcW w:w="556" w:type="dxa"/>
            <w:tcBorders>
              <w:top w:val="single" w:sz="2" w:space="0" w:color="000000"/>
              <w:left w:val="single" w:sz="2" w:space="0" w:color="000000"/>
              <w:bottom w:val="single" w:sz="2" w:space="0" w:color="000000"/>
              <w:right w:val="single" w:sz="2" w:space="0" w:color="000000"/>
            </w:tcBorders>
            <w:shd w:val="clear" w:color="auto" w:fill="D9D9D9"/>
            <w:vAlign w:val="center"/>
          </w:tcPr>
          <w:p w:rsidR="0043064D" w:rsidRDefault="008B3C4B">
            <w:pPr>
              <w:spacing w:after="0" w:line="259" w:lineRule="auto"/>
              <w:ind w:left="17" w:firstLine="0"/>
            </w:pPr>
            <w:r>
              <w:rPr>
                <w:rFonts w:ascii="Arial" w:eastAsia="Arial" w:hAnsi="Arial" w:cs="Arial"/>
                <w:sz w:val="17"/>
              </w:rPr>
              <w:t>Порт</w:t>
            </w:r>
          </w:p>
        </w:tc>
        <w:tc>
          <w:tcPr>
            <w:tcW w:w="119" w:type="dxa"/>
            <w:tcBorders>
              <w:top w:val="nil"/>
              <w:left w:val="single" w:sz="2" w:space="0" w:color="000000"/>
              <w:bottom w:val="nil"/>
              <w:right w:val="single" w:sz="2" w:space="0" w:color="000000"/>
            </w:tcBorders>
          </w:tcPr>
          <w:p w:rsidR="0043064D" w:rsidRDefault="0043064D">
            <w:pPr>
              <w:spacing w:after="160" w:line="259" w:lineRule="auto"/>
              <w:ind w:left="0" w:firstLine="0"/>
              <w:jc w:val="left"/>
            </w:pPr>
          </w:p>
        </w:tc>
        <w:tc>
          <w:tcPr>
            <w:tcW w:w="914" w:type="dxa"/>
            <w:tcBorders>
              <w:top w:val="single" w:sz="2" w:space="0" w:color="000000"/>
              <w:left w:val="single" w:sz="2" w:space="0" w:color="000000"/>
              <w:bottom w:val="single" w:sz="2" w:space="0" w:color="000000"/>
              <w:right w:val="single" w:sz="2" w:space="0" w:color="000000"/>
            </w:tcBorders>
            <w:shd w:val="clear" w:color="auto" w:fill="D9D9D9"/>
            <w:vAlign w:val="center"/>
          </w:tcPr>
          <w:p w:rsidR="0043064D" w:rsidRDefault="008B3C4B">
            <w:pPr>
              <w:spacing w:after="0" w:line="259" w:lineRule="auto"/>
              <w:ind w:left="0" w:firstLine="0"/>
            </w:pPr>
            <w:proofErr w:type="spellStart"/>
            <w:r>
              <w:rPr>
                <w:rFonts w:ascii="Arial" w:eastAsia="Arial" w:hAnsi="Arial" w:cs="Arial"/>
                <w:sz w:val="17"/>
              </w:rPr>
              <w:t>Минипорт</w:t>
            </w:r>
            <w:proofErr w:type="spellEnd"/>
          </w:p>
        </w:tc>
      </w:tr>
    </w:tbl>
    <w:p w:rsidR="0043064D" w:rsidRDefault="008B3C4B">
      <w:pPr>
        <w:spacing w:after="30" w:line="318" w:lineRule="auto"/>
        <w:ind w:left="684" w:right="699"/>
        <w:jc w:val="left"/>
      </w:pPr>
      <w:r>
        <w:rPr>
          <w:rFonts w:ascii="Arial" w:eastAsia="Arial" w:hAnsi="Arial" w:cs="Arial"/>
          <w:sz w:val="17"/>
        </w:rPr>
        <w:t xml:space="preserve">Порт: управляет специфическим </w:t>
      </w:r>
      <w:proofErr w:type="spellStart"/>
      <w:r>
        <w:rPr>
          <w:rFonts w:ascii="Arial" w:eastAsia="Arial" w:hAnsi="Arial" w:cs="Arial"/>
          <w:sz w:val="17"/>
        </w:rPr>
        <w:t>Минипорт</w:t>
      </w:r>
      <w:proofErr w:type="spellEnd"/>
      <w:r>
        <w:rPr>
          <w:rFonts w:ascii="Arial" w:eastAsia="Arial" w:hAnsi="Arial" w:cs="Arial"/>
          <w:sz w:val="17"/>
        </w:rPr>
        <w:t xml:space="preserve">: поставляется транспортным протоколом изготовителем, </w:t>
      </w:r>
      <w:r>
        <w:rPr>
          <w:rFonts w:ascii="Arial" w:eastAsia="Arial" w:hAnsi="Arial" w:cs="Arial"/>
          <w:sz w:val="17"/>
        </w:rPr>
        <w:t xml:space="preserve">функционально связан </w:t>
      </w:r>
    </w:p>
    <w:p w:rsidR="0043064D" w:rsidRDefault="008B3C4B">
      <w:pPr>
        <w:spacing w:after="30" w:line="261" w:lineRule="auto"/>
        <w:ind w:left="684" w:right="699"/>
        <w:jc w:val="left"/>
      </w:pPr>
      <w:r>
        <w:rPr>
          <w:rFonts w:ascii="Arial" w:eastAsia="Arial" w:hAnsi="Arial" w:cs="Arial"/>
          <w:sz w:val="17"/>
        </w:rPr>
        <w:t>(</w:t>
      </w:r>
      <w:proofErr w:type="spellStart"/>
      <w:r>
        <w:rPr>
          <w:rFonts w:ascii="Arial" w:eastAsia="Arial" w:hAnsi="Arial" w:cs="Arial"/>
          <w:sz w:val="17"/>
        </w:rPr>
        <w:t>Scsiport</w:t>
      </w:r>
      <w:proofErr w:type="spellEnd"/>
      <w:r>
        <w:rPr>
          <w:rFonts w:ascii="Arial" w:eastAsia="Arial" w:hAnsi="Arial" w:cs="Arial"/>
          <w:sz w:val="17"/>
        </w:rPr>
        <w:t xml:space="preserve"> для SCSI, </w:t>
      </w:r>
      <w:proofErr w:type="spellStart"/>
      <w:r>
        <w:rPr>
          <w:rFonts w:ascii="Arial" w:eastAsia="Arial" w:hAnsi="Arial" w:cs="Arial"/>
          <w:sz w:val="17"/>
        </w:rPr>
        <w:t>Storport</w:t>
      </w:r>
      <w:proofErr w:type="spellEnd"/>
      <w:r>
        <w:rPr>
          <w:rFonts w:ascii="Arial" w:eastAsia="Arial" w:hAnsi="Arial" w:cs="Arial"/>
          <w:sz w:val="17"/>
        </w:rPr>
        <w:t xml:space="preserve"> для с соответствующим порт-драйвером, </w:t>
      </w:r>
    </w:p>
    <w:p w:rsidR="0043064D" w:rsidRDefault="008B3C4B">
      <w:pPr>
        <w:tabs>
          <w:tab w:val="center" w:pos="1337"/>
          <w:tab w:val="center" w:pos="5457"/>
        </w:tabs>
        <w:spacing w:after="0" w:line="261" w:lineRule="auto"/>
        <w:ind w:left="0" w:firstLine="0"/>
        <w:jc w:val="left"/>
      </w:pPr>
      <w:r>
        <w:rPr>
          <w:rFonts w:ascii="Calibri" w:eastAsia="Calibri" w:hAnsi="Calibri" w:cs="Calibri"/>
          <w:sz w:val="22"/>
        </w:rPr>
        <w:tab/>
      </w:r>
      <w:r>
        <w:rPr>
          <w:rFonts w:ascii="Arial" w:eastAsia="Arial" w:hAnsi="Arial" w:cs="Arial"/>
          <w:sz w:val="17"/>
        </w:rPr>
        <w:t xml:space="preserve">RAID и </w:t>
      </w:r>
      <w:proofErr w:type="gramStart"/>
      <w:r>
        <w:rPr>
          <w:rFonts w:ascii="Arial" w:eastAsia="Arial" w:hAnsi="Arial" w:cs="Arial"/>
          <w:sz w:val="17"/>
        </w:rPr>
        <w:t>FC</w:t>
      </w:r>
      <w:proofErr w:type="gramEnd"/>
      <w:r>
        <w:rPr>
          <w:rFonts w:ascii="Arial" w:eastAsia="Arial" w:hAnsi="Arial" w:cs="Arial"/>
          <w:sz w:val="17"/>
        </w:rPr>
        <w:t xml:space="preserve"> и т.д.)</w:t>
      </w:r>
      <w:r>
        <w:rPr>
          <w:rFonts w:ascii="Arial" w:eastAsia="Arial" w:hAnsi="Arial" w:cs="Arial"/>
          <w:sz w:val="17"/>
        </w:rPr>
        <w:tab/>
      </w:r>
      <w:r>
        <w:rPr>
          <w:rFonts w:ascii="Calibri" w:eastAsia="Calibri" w:hAnsi="Calibri" w:cs="Calibri"/>
          <w:noProof/>
          <w:sz w:val="22"/>
        </w:rPr>
        <mc:AlternateContent>
          <mc:Choice Requires="wpg">
            <w:drawing>
              <wp:inline distT="0" distB="0" distL="0" distR="0">
                <wp:extent cx="1513991" cy="10682"/>
                <wp:effectExtent l="0" t="0" r="0" b="0"/>
                <wp:docPr id="65759" name="Group 65759"/>
                <wp:cNvGraphicFramePr/>
                <a:graphic xmlns:a="http://schemas.openxmlformats.org/drawingml/2006/main">
                  <a:graphicData uri="http://schemas.microsoft.com/office/word/2010/wordprocessingGroup">
                    <wpg:wgp>
                      <wpg:cNvGrpSpPr/>
                      <wpg:grpSpPr>
                        <a:xfrm>
                          <a:off x="0" y="0"/>
                          <a:ext cx="1513991" cy="10682"/>
                          <a:chOff x="0" y="0"/>
                          <a:chExt cx="1513991" cy="10682"/>
                        </a:xfrm>
                      </wpg:grpSpPr>
                      <wps:wsp>
                        <wps:cNvPr id="9214" name="Shape 9214"/>
                        <wps:cNvSpPr/>
                        <wps:spPr>
                          <a:xfrm>
                            <a:off x="0" y="0"/>
                            <a:ext cx="1513991" cy="0"/>
                          </a:xfrm>
                          <a:custGeom>
                            <a:avLst/>
                            <a:gdLst/>
                            <a:ahLst/>
                            <a:cxnLst/>
                            <a:rect l="0" t="0" r="0" b="0"/>
                            <a:pathLst>
                              <a:path w="1513991">
                                <a:moveTo>
                                  <a:pt x="0" y="0"/>
                                </a:moveTo>
                                <a:lnTo>
                                  <a:pt x="1513991" y="0"/>
                                </a:lnTo>
                              </a:path>
                            </a:pathLst>
                          </a:custGeom>
                          <a:ln w="10682" cap="rnd">
                            <a:round/>
                          </a:ln>
                        </wps:spPr>
                        <wps:style>
                          <a:lnRef idx="1">
                            <a:srgbClr val="000000"/>
                          </a:lnRef>
                          <a:fillRef idx="0">
                            <a:srgbClr val="000000">
                              <a:alpha val="0"/>
                            </a:srgbClr>
                          </a:fillRef>
                          <a:effectRef idx="0">
                            <a:scrgbClr r="0" g="0" b="0"/>
                          </a:effectRef>
                          <a:fontRef idx="none"/>
                        </wps:style>
                        <wps:bodyPr/>
                      </wps:wsp>
                    </wpg:wgp>
                  </a:graphicData>
                </a:graphic>
              </wp:inline>
            </w:drawing>
          </mc:Choice>
          <mc:Fallback xmlns:a="http://schemas.openxmlformats.org/drawingml/2006/main">
            <w:pict>
              <v:group id="Group 65759" style="width:119.212pt;height:0.8411pt;mso-position-horizontal-relative:char;mso-position-vertical-relative:line" coordsize="15139,106">
                <v:shape id="Shape 9214" style="position:absolute;width:15139;height:0;left:0;top:0;" coordsize="1513991,0" path="m0,0l1513991,0">
                  <v:stroke weight="0.8411pt" endcap="round" joinstyle="round" on="true" color="#000000"/>
                  <v:fill on="false" color="#000000" opacity="0"/>
                </v:shape>
              </v:group>
            </w:pict>
          </mc:Fallback>
        </mc:AlternateContent>
      </w:r>
      <w:r>
        <w:rPr>
          <w:rFonts w:ascii="Arial" w:eastAsia="Arial" w:hAnsi="Arial" w:cs="Arial"/>
          <w:sz w:val="17"/>
        </w:rPr>
        <w:t xml:space="preserve">управляет специфическими </w:t>
      </w:r>
    </w:p>
    <w:tbl>
      <w:tblPr>
        <w:tblStyle w:val="TableGrid"/>
        <w:tblpPr w:vertAnchor="text" w:tblpX="3560" w:tblpY="7"/>
        <w:tblOverlap w:val="never"/>
        <w:tblW w:w="1590" w:type="dxa"/>
        <w:tblInd w:w="0" w:type="dxa"/>
        <w:tblCellMar>
          <w:top w:w="0" w:type="dxa"/>
          <w:left w:w="332" w:type="dxa"/>
          <w:bottom w:w="0" w:type="dxa"/>
          <w:right w:w="115" w:type="dxa"/>
        </w:tblCellMar>
        <w:tblLook w:val="04A0" w:firstRow="1" w:lastRow="0" w:firstColumn="1" w:lastColumn="0" w:noHBand="0" w:noVBand="1"/>
      </w:tblPr>
      <w:tblGrid>
        <w:gridCol w:w="1590"/>
      </w:tblGrid>
      <w:tr w:rsidR="0043064D">
        <w:trPr>
          <w:trHeight w:val="596"/>
        </w:trPr>
        <w:tc>
          <w:tcPr>
            <w:tcW w:w="1590" w:type="dxa"/>
            <w:tcBorders>
              <w:top w:val="single" w:sz="2" w:space="0" w:color="000000"/>
              <w:left w:val="single" w:sz="2" w:space="0" w:color="000000"/>
              <w:bottom w:val="single" w:sz="2" w:space="0" w:color="000000"/>
              <w:right w:val="single" w:sz="2" w:space="0" w:color="000000"/>
            </w:tcBorders>
            <w:shd w:val="clear" w:color="auto" w:fill="D9D9D9"/>
            <w:vAlign w:val="center"/>
          </w:tcPr>
          <w:p w:rsidR="0043064D" w:rsidRDefault="008B3C4B">
            <w:pPr>
              <w:spacing w:after="0" w:line="259" w:lineRule="auto"/>
              <w:ind w:left="0" w:firstLine="72"/>
              <w:jc w:val="left"/>
            </w:pPr>
            <w:r>
              <w:rPr>
                <w:rFonts w:ascii="Arial" w:eastAsia="Arial" w:hAnsi="Arial" w:cs="Arial"/>
                <w:sz w:val="17"/>
              </w:rPr>
              <w:t>Дисковая подсистема</w:t>
            </w:r>
          </w:p>
        </w:tc>
      </w:tr>
    </w:tbl>
    <w:p w:rsidR="0043064D" w:rsidRDefault="008B3C4B">
      <w:pPr>
        <w:spacing w:after="300" w:line="261" w:lineRule="auto"/>
        <w:ind w:left="3570" w:right="699"/>
        <w:jc w:val="left"/>
      </w:pPr>
      <w:r>
        <w:rPr>
          <w:rFonts w:ascii="Arial" w:eastAsia="Arial" w:hAnsi="Arial" w:cs="Arial"/>
          <w:sz w:val="17"/>
        </w:rPr>
        <w:t xml:space="preserve">возможностями оборудования  </w:t>
      </w:r>
    </w:p>
    <w:p w:rsidR="0043064D" w:rsidRDefault="008B3C4B">
      <w:pPr>
        <w:spacing w:after="297" w:line="259" w:lineRule="auto"/>
        <w:ind w:left="3560" w:right="531" w:firstLine="0"/>
        <w:jc w:val="right"/>
      </w:pPr>
      <w:r>
        <w:t xml:space="preserve"> </w:t>
      </w:r>
    </w:p>
    <w:p w:rsidR="0043064D" w:rsidRDefault="008B3C4B">
      <w:pPr>
        <w:spacing w:after="368" w:line="265" w:lineRule="auto"/>
        <w:ind w:right="13"/>
        <w:jc w:val="center"/>
      </w:pPr>
      <w:r>
        <w:t xml:space="preserve">Рис. 27. Стек драйверов устройств внешней памяти в </w:t>
      </w:r>
      <w:proofErr w:type="spellStart"/>
      <w:r>
        <w:t>Windows</w:t>
      </w:r>
      <w:proofErr w:type="spellEnd"/>
      <w:r>
        <w:t xml:space="preserve"> </w:t>
      </w:r>
    </w:p>
    <w:p w:rsidR="0043064D" w:rsidRDefault="008B3C4B">
      <w:pPr>
        <w:pStyle w:val="3"/>
        <w:spacing w:after="57" w:line="265" w:lineRule="auto"/>
        <w:ind w:left="-5"/>
      </w:pPr>
      <w:bookmarkStart w:id="29" w:name="_Toc68677"/>
      <w:proofErr w:type="spellStart"/>
      <w:r>
        <w:rPr>
          <w:rFonts w:ascii="Tahoma" w:eastAsia="Tahoma" w:hAnsi="Tahoma" w:cs="Tahoma"/>
          <w:b w:val="0"/>
        </w:rPr>
        <w:t>Ntldr</w:t>
      </w:r>
      <w:proofErr w:type="spellEnd"/>
      <w:r>
        <w:rPr>
          <w:rFonts w:ascii="Tahoma" w:eastAsia="Tahoma" w:hAnsi="Tahoma" w:cs="Tahoma"/>
          <w:b w:val="0"/>
        </w:rPr>
        <w:t xml:space="preserve"> </w:t>
      </w:r>
      <w:bookmarkEnd w:id="29"/>
    </w:p>
    <w:p w:rsidR="0043064D" w:rsidRDefault="008B3C4B">
      <w:pPr>
        <w:spacing w:after="7"/>
        <w:ind w:left="-5" w:right="1"/>
      </w:pPr>
      <w:r>
        <w:t xml:space="preserve">Первой частью процесса загрузки ОС </w:t>
      </w:r>
      <w:proofErr w:type="spellStart"/>
      <w:r>
        <w:t>Windows</w:t>
      </w:r>
      <w:proofErr w:type="spellEnd"/>
      <w:r>
        <w:t xml:space="preserve"> дирижирует </w:t>
      </w:r>
      <w:proofErr w:type="spellStart"/>
      <w:r>
        <w:t>Ntldr</w:t>
      </w:r>
      <w:proofErr w:type="spellEnd"/>
      <w:r>
        <w:t xml:space="preserve">. С технический точки зрения </w:t>
      </w:r>
      <w:proofErr w:type="spellStart"/>
      <w:r>
        <w:t>Ntldr</w:t>
      </w:r>
      <w:proofErr w:type="spellEnd"/>
      <w:r>
        <w:t xml:space="preserve"> не является частью стека внешней памяти, он участвует в управлении ею, поскольку предоставляет поддержку для доступа к дисковым устройствам до того, как начнет ра</w:t>
      </w:r>
      <w:r>
        <w:t xml:space="preserve">ботать подсистема ввода-вывода </w:t>
      </w:r>
      <w:proofErr w:type="spellStart"/>
      <w:r>
        <w:t>Windows</w:t>
      </w:r>
      <w:proofErr w:type="spellEnd"/>
      <w:r>
        <w:t xml:space="preserve">. Он находится на системном томе и запускается кодом, размещенным в загрузочном секторе этого тома. </w:t>
      </w:r>
      <w:proofErr w:type="spellStart"/>
      <w:r>
        <w:t>Ntldr</w:t>
      </w:r>
      <w:proofErr w:type="spellEnd"/>
      <w:r>
        <w:t xml:space="preserve"> считывает с системного тома файл Boot.ini и предлагает пользователю выбрать вариант загрузки. </w:t>
      </w:r>
    </w:p>
    <w:p w:rsidR="0043064D" w:rsidRDefault="008B3C4B">
      <w:pPr>
        <w:spacing w:after="257"/>
        <w:ind w:left="-5" w:right="1"/>
      </w:pPr>
      <w:r>
        <w:t xml:space="preserve">Имена разделов в </w:t>
      </w:r>
      <w:r>
        <w:t xml:space="preserve">Boot.ini представлены в виде </w:t>
      </w:r>
      <w:proofErr w:type="spellStart"/>
      <w:r>
        <w:rPr>
          <w:rFonts w:ascii="Courier New" w:eastAsia="Courier New" w:hAnsi="Courier New" w:cs="Courier New"/>
        </w:rPr>
        <w:t>multi</w:t>
      </w:r>
      <w:proofErr w:type="spellEnd"/>
      <w:r>
        <w:rPr>
          <w:rFonts w:ascii="Courier New" w:eastAsia="Courier New" w:hAnsi="Courier New" w:cs="Courier New"/>
        </w:rPr>
        <w:t>(</w:t>
      </w:r>
      <w:proofErr w:type="gramStart"/>
      <w:r>
        <w:rPr>
          <w:rFonts w:ascii="Courier New" w:eastAsia="Courier New" w:hAnsi="Courier New" w:cs="Courier New"/>
        </w:rPr>
        <w:t>0)</w:t>
      </w:r>
      <w:proofErr w:type="spellStart"/>
      <w:r>
        <w:rPr>
          <w:rFonts w:ascii="Courier New" w:eastAsia="Courier New" w:hAnsi="Courier New" w:cs="Courier New"/>
        </w:rPr>
        <w:t>disk</w:t>
      </w:r>
      <w:proofErr w:type="spellEnd"/>
      <w:proofErr w:type="gramEnd"/>
      <w:r>
        <w:rPr>
          <w:rFonts w:ascii="Courier New" w:eastAsia="Courier New" w:hAnsi="Courier New" w:cs="Courier New"/>
        </w:rPr>
        <w:t>(0)</w:t>
      </w:r>
      <w:proofErr w:type="spellStart"/>
      <w:r>
        <w:rPr>
          <w:rFonts w:ascii="Courier New" w:eastAsia="Courier New" w:hAnsi="Courier New" w:cs="Courier New"/>
        </w:rPr>
        <w:t>rdisk</w:t>
      </w:r>
      <w:proofErr w:type="spellEnd"/>
      <w:r>
        <w:rPr>
          <w:rFonts w:ascii="Courier New" w:eastAsia="Courier New" w:hAnsi="Courier New" w:cs="Courier New"/>
        </w:rPr>
        <w:t>(0)</w:t>
      </w:r>
      <w:proofErr w:type="spellStart"/>
      <w:r>
        <w:rPr>
          <w:rFonts w:ascii="Courier New" w:eastAsia="Courier New" w:hAnsi="Courier New" w:cs="Courier New"/>
        </w:rPr>
        <w:t>partition</w:t>
      </w:r>
      <w:proofErr w:type="spellEnd"/>
      <w:r>
        <w:rPr>
          <w:rFonts w:ascii="Courier New" w:eastAsia="Courier New" w:hAnsi="Courier New" w:cs="Courier New"/>
        </w:rPr>
        <w:t>(1)</w:t>
      </w:r>
      <w:r>
        <w:t xml:space="preserve">. Эти имена являются частью стандартной схемы именования разделов </w:t>
      </w:r>
      <w:proofErr w:type="spellStart"/>
      <w:r>
        <w:t>Advanced</w:t>
      </w:r>
      <w:proofErr w:type="spellEnd"/>
      <w:r>
        <w:t xml:space="preserve"> RISC </w:t>
      </w:r>
      <w:proofErr w:type="spellStart"/>
      <w:r>
        <w:t>Computing</w:t>
      </w:r>
      <w:proofErr w:type="spellEnd"/>
      <w:r>
        <w:t xml:space="preserve"> (ARC), используемой микрокодом </w:t>
      </w:r>
      <w:proofErr w:type="spellStart"/>
      <w:r>
        <w:t>Alpha</w:t>
      </w:r>
      <w:proofErr w:type="spellEnd"/>
      <w:r>
        <w:t xml:space="preserve"> и других RISC-процессоров. </w:t>
      </w:r>
      <w:proofErr w:type="spellStart"/>
      <w:r>
        <w:t>Ntldr</w:t>
      </w:r>
      <w:proofErr w:type="spellEnd"/>
      <w:r>
        <w:t xml:space="preserve"> транслирует имя выбранного польз</w:t>
      </w:r>
      <w:r>
        <w:t xml:space="preserve">ователем элемента Boot.ini в имя загрузочного раздела и загружает в память системные файлы </w:t>
      </w:r>
      <w:proofErr w:type="spellStart"/>
      <w:r>
        <w:t>Windows</w:t>
      </w:r>
      <w:proofErr w:type="spellEnd"/>
      <w:r>
        <w:t xml:space="preserve"> (начиная с реестра, Ntoskrnl.exe и загрузочных драйверов). Во всех случаях </w:t>
      </w:r>
      <w:proofErr w:type="spellStart"/>
      <w:r>
        <w:t>Ntldr</w:t>
      </w:r>
      <w:proofErr w:type="spellEnd"/>
      <w:r>
        <w:t xml:space="preserve"> использует BIOS для чтения диска, содержащего системный том, но, иногда пола</w:t>
      </w:r>
      <w:r>
        <w:t xml:space="preserve">гается на функции </w:t>
      </w:r>
      <w:proofErr w:type="spellStart"/>
      <w:r>
        <w:t>минипорт</w:t>
      </w:r>
      <w:proofErr w:type="spellEnd"/>
      <w:r>
        <w:t xml:space="preserve">-драйвера диска для чтения с диска, где находится загрузочный том. </w:t>
      </w:r>
    </w:p>
    <w:p w:rsidR="0043064D" w:rsidRDefault="008B3C4B">
      <w:pPr>
        <w:pStyle w:val="4"/>
        <w:ind w:left="-5"/>
      </w:pPr>
      <w:r>
        <w:t xml:space="preserve">Драйвер класса дисков, </w:t>
      </w:r>
      <w:proofErr w:type="gramStart"/>
      <w:r>
        <w:t>порт- и</w:t>
      </w:r>
      <w:proofErr w:type="gramEnd"/>
      <w:r>
        <w:t xml:space="preserve"> </w:t>
      </w:r>
      <w:proofErr w:type="spellStart"/>
      <w:r>
        <w:t>минипорт</w:t>
      </w:r>
      <w:proofErr w:type="spellEnd"/>
      <w:r>
        <w:t xml:space="preserve">-драйверы </w:t>
      </w:r>
    </w:p>
    <w:p w:rsidR="0043064D" w:rsidRDefault="008B3C4B">
      <w:pPr>
        <w:ind w:left="-5" w:right="1"/>
      </w:pPr>
      <w:r>
        <w:t>При инициализации диспетчер ввода-</w:t>
      </w:r>
      <w:r>
        <w:t xml:space="preserve">вывода запускает драйверы жестких дисков. Драйверы устройств внешней памяти в </w:t>
      </w:r>
      <w:proofErr w:type="spellStart"/>
      <w:r>
        <w:t>Windows</w:t>
      </w:r>
      <w:proofErr w:type="spellEnd"/>
      <w:r>
        <w:t xml:space="preserve"> соответствуют архитектуре «</w:t>
      </w:r>
      <w:proofErr w:type="spellStart"/>
      <w:r>
        <w:t>класспорт-минипорт</w:t>
      </w:r>
      <w:proofErr w:type="spellEnd"/>
      <w:r>
        <w:t xml:space="preserve">». Согласно этой архитектуре, </w:t>
      </w:r>
      <w:proofErr w:type="spellStart"/>
      <w:r>
        <w:t>Microsoft</w:t>
      </w:r>
      <w:proofErr w:type="spellEnd"/>
      <w:r>
        <w:t xml:space="preserve"> предоставляет драйвер класса внешней памяти, который реализует функциональность, общу</w:t>
      </w:r>
      <w:r>
        <w:t xml:space="preserve">ю для всех устройств внешней памяти, и порт-драйвер, который поддерживает функциональность, общую для конкретной шины, </w:t>
      </w:r>
      <w:proofErr w:type="gramStart"/>
      <w:r>
        <w:t>например</w:t>
      </w:r>
      <w:proofErr w:type="gramEnd"/>
      <w:r>
        <w:t xml:space="preserve"> SCSI (</w:t>
      </w:r>
      <w:proofErr w:type="spellStart"/>
      <w:r>
        <w:t>Small</w:t>
      </w:r>
      <w:proofErr w:type="spellEnd"/>
      <w:r>
        <w:t xml:space="preserve"> </w:t>
      </w:r>
      <w:proofErr w:type="spellStart"/>
      <w:r>
        <w:t>Computer</w:t>
      </w:r>
      <w:proofErr w:type="spellEnd"/>
      <w:r>
        <w:t xml:space="preserve"> </w:t>
      </w:r>
      <w:proofErr w:type="spellStart"/>
      <w:r>
        <w:t>System</w:t>
      </w:r>
      <w:proofErr w:type="spellEnd"/>
      <w:r>
        <w:t xml:space="preserve"> </w:t>
      </w:r>
      <w:proofErr w:type="spellStart"/>
      <w:r>
        <w:t>Interface</w:t>
      </w:r>
      <w:proofErr w:type="spellEnd"/>
      <w:r>
        <w:t>) или IDE (</w:t>
      </w:r>
      <w:proofErr w:type="spellStart"/>
      <w:r>
        <w:t>Integrated</w:t>
      </w:r>
      <w:proofErr w:type="spellEnd"/>
      <w:r>
        <w:t xml:space="preserve"> </w:t>
      </w:r>
      <w:proofErr w:type="spellStart"/>
      <w:r>
        <w:t>Device</w:t>
      </w:r>
      <w:proofErr w:type="spellEnd"/>
      <w:r>
        <w:t xml:space="preserve"> </w:t>
      </w:r>
      <w:proofErr w:type="spellStart"/>
      <w:r>
        <w:t>Electronics</w:t>
      </w:r>
      <w:proofErr w:type="spellEnd"/>
      <w:r>
        <w:t xml:space="preserve">). А изготовители оборудования поставляют </w:t>
      </w:r>
      <w:proofErr w:type="spellStart"/>
      <w:r>
        <w:t>минипортд</w:t>
      </w:r>
      <w:r>
        <w:t>райверы</w:t>
      </w:r>
      <w:proofErr w:type="spellEnd"/>
      <w:r>
        <w:t xml:space="preserve">, подключаемые к порт-драйверам и формирующие интерфейс между </w:t>
      </w:r>
      <w:proofErr w:type="spellStart"/>
      <w:r>
        <w:t>Windows</w:t>
      </w:r>
      <w:proofErr w:type="spellEnd"/>
      <w:r>
        <w:t xml:space="preserve"> и конкретными устройствами. </w:t>
      </w:r>
    </w:p>
    <w:p w:rsidR="0043064D" w:rsidRDefault="008B3C4B">
      <w:pPr>
        <w:ind w:left="-5" w:right="1"/>
      </w:pPr>
      <w:r>
        <w:t xml:space="preserve">В архитектуре драйверов дисковой памяти только драйверы класса имеют стандартные интерфейсы драйверов устройств </w:t>
      </w:r>
      <w:proofErr w:type="spellStart"/>
      <w:r>
        <w:t>Windows</w:t>
      </w:r>
      <w:proofErr w:type="spellEnd"/>
      <w:r>
        <w:t xml:space="preserve">. </w:t>
      </w:r>
      <w:proofErr w:type="spellStart"/>
      <w:r>
        <w:t>Минипорт</w:t>
      </w:r>
      <w:proofErr w:type="spellEnd"/>
      <w:r>
        <w:t>-драйверы вместо инте</w:t>
      </w:r>
      <w:r>
        <w:t xml:space="preserve">рфейса драйверов устройств используют интерфейс порт-драйверов, который просто реализует набор процедур, служащих интерфейсом между </w:t>
      </w:r>
      <w:proofErr w:type="spellStart"/>
      <w:r>
        <w:t>Windows</w:t>
      </w:r>
      <w:proofErr w:type="spellEnd"/>
      <w:r>
        <w:t xml:space="preserve"> и </w:t>
      </w:r>
      <w:proofErr w:type="spellStart"/>
      <w:r>
        <w:t>минипорт</w:t>
      </w:r>
      <w:proofErr w:type="spellEnd"/>
      <w:r>
        <w:t xml:space="preserve">-драйверами. </w:t>
      </w:r>
    </w:p>
    <w:p w:rsidR="0043064D" w:rsidRDefault="008B3C4B">
      <w:pPr>
        <w:ind w:left="-5" w:right="1"/>
      </w:pPr>
      <w:r>
        <w:t xml:space="preserve">Такой подход упрощает разработку </w:t>
      </w:r>
      <w:proofErr w:type="spellStart"/>
      <w:r>
        <w:t>минипорт</w:t>
      </w:r>
      <w:proofErr w:type="spellEnd"/>
      <w:r>
        <w:t xml:space="preserve">-драйверов, поскольку </w:t>
      </w:r>
      <w:proofErr w:type="spellStart"/>
      <w:r>
        <w:t>Microsoft</w:t>
      </w:r>
      <w:proofErr w:type="spellEnd"/>
      <w:r>
        <w:t xml:space="preserve"> предоставляет порт-</w:t>
      </w:r>
      <w:r>
        <w:t xml:space="preserve">драйверы, специфичные для ОС, а также обеспечивает переносимость </w:t>
      </w:r>
      <w:proofErr w:type="spellStart"/>
      <w:r>
        <w:t>минипорт</w:t>
      </w:r>
      <w:proofErr w:type="spellEnd"/>
      <w:r>
        <w:t xml:space="preserve">-драйверов на уровне двоичного кода между </w:t>
      </w:r>
      <w:proofErr w:type="spellStart"/>
      <w:r>
        <w:t>Windows</w:t>
      </w:r>
      <w:proofErr w:type="spellEnd"/>
      <w:r>
        <w:t xml:space="preserve"> 98, </w:t>
      </w:r>
      <w:proofErr w:type="spellStart"/>
      <w:r>
        <w:t>Windows</w:t>
      </w:r>
      <w:proofErr w:type="spellEnd"/>
      <w:r>
        <w:t xml:space="preserve"> </w:t>
      </w:r>
      <w:proofErr w:type="spellStart"/>
      <w:r>
        <w:t>Millennium</w:t>
      </w:r>
      <w:proofErr w:type="spellEnd"/>
      <w:r>
        <w:t xml:space="preserve"> </w:t>
      </w:r>
      <w:proofErr w:type="spellStart"/>
      <w:r>
        <w:t>Edition</w:t>
      </w:r>
      <w:proofErr w:type="spellEnd"/>
      <w:r>
        <w:t xml:space="preserve"> и </w:t>
      </w:r>
      <w:proofErr w:type="spellStart"/>
      <w:r>
        <w:t>Windows</w:t>
      </w:r>
      <w:proofErr w:type="spellEnd"/>
      <w:r>
        <w:t xml:space="preserve">. </w:t>
      </w:r>
    </w:p>
    <w:p w:rsidR="0043064D" w:rsidRDefault="008B3C4B">
      <w:pPr>
        <w:ind w:left="-5" w:right="1"/>
      </w:pPr>
      <w:proofErr w:type="spellStart"/>
      <w:r>
        <w:t>Windows</w:t>
      </w:r>
      <w:proofErr w:type="spellEnd"/>
      <w:r>
        <w:t xml:space="preserve"> включает драйвер класса дисков (</w:t>
      </w:r>
      <w:r>
        <w:rPr>
          <w:rFonts w:ascii="Courier New" w:eastAsia="Courier New" w:hAnsi="Courier New" w:cs="Courier New"/>
        </w:rPr>
        <w:t>\</w:t>
      </w:r>
      <w:proofErr w:type="spellStart"/>
      <w:r>
        <w:rPr>
          <w:rFonts w:ascii="Courier New" w:eastAsia="Courier New" w:hAnsi="Courier New" w:cs="Courier New"/>
        </w:rPr>
        <w:t>Windows</w:t>
      </w:r>
      <w:proofErr w:type="spellEnd"/>
      <w:r>
        <w:rPr>
          <w:rFonts w:ascii="Courier New" w:eastAsia="Courier New" w:hAnsi="Courier New" w:cs="Courier New"/>
        </w:rPr>
        <w:t>\System32\</w:t>
      </w:r>
      <w:proofErr w:type="spellStart"/>
      <w:r>
        <w:rPr>
          <w:rFonts w:ascii="Courier New" w:eastAsia="Courier New" w:hAnsi="Courier New" w:cs="Courier New"/>
        </w:rPr>
        <w:t>Drivers</w:t>
      </w:r>
      <w:proofErr w:type="spellEnd"/>
      <w:r>
        <w:rPr>
          <w:rFonts w:ascii="Courier New" w:eastAsia="Courier New" w:hAnsi="Courier New" w:cs="Courier New"/>
        </w:rPr>
        <w:t>\</w:t>
      </w:r>
      <w:proofErr w:type="spellStart"/>
      <w:r>
        <w:rPr>
          <w:rFonts w:ascii="Courier New" w:eastAsia="Courier New" w:hAnsi="Courier New" w:cs="Courier New"/>
        </w:rPr>
        <w:t>Disksys</w:t>
      </w:r>
      <w:proofErr w:type="spellEnd"/>
      <w:r>
        <w:t>), реализующий ст</w:t>
      </w:r>
      <w:r>
        <w:t xml:space="preserve">андартную функциональность дисков </w:t>
      </w:r>
      <w:proofErr w:type="spellStart"/>
      <w:r>
        <w:t>Windows</w:t>
      </w:r>
      <w:proofErr w:type="spellEnd"/>
      <w:r>
        <w:t xml:space="preserve"> также предоставляет разнообразные порт-драйверы дисков. Например, </w:t>
      </w:r>
      <w:r>
        <w:rPr>
          <w:rFonts w:ascii="Courier New" w:eastAsia="Courier New" w:hAnsi="Courier New" w:cs="Courier New"/>
        </w:rPr>
        <w:t>Scsi-port.sys</w:t>
      </w:r>
      <w:r>
        <w:t xml:space="preserve"> — это порт-драйвер дисков, подключаемых к SCSI-шине, a </w:t>
      </w:r>
      <w:r>
        <w:rPr>
          <w:rFonts w:ascii="Courier New" w:eastAsia="Courier New" w:hAnsi="Courier New" w:cs="Courier New"/>
        </w:rPr>
        <w:t>Atapi.sys</w:t>
      </w:r>
      <w:r>
        <w:t xml:space="preserve"> — порт-драйвер для систем на базе IDE. В </w:t>
      </w:r>
      <w:proofErr w:type="spellStart"/>
      <w:r>
        <w:t>Windows</w:t>
      </w:r>
      <w:proofErr w:type="spellEnd"/>
      <w:r>
        <w:t xml:space="preserve"> </w:t>
      </w:r>
      <w:proofErr w:type="spellStart"/>
      <w:r>
        <w:t>Server</w:t>
      </w:r>
      <w:proofErr w:type="spellEnd"/>
      <w:r>
        <w:t xml:space="preserve"> 2003 введен </w:t>
      </w:r>
      <w:proofErr w:type="spellStart"/>
      <w:r>
        <w:t>п</w:t>
      </w:r>
      <w:r>
        <w:t>ортдрайвер</w:t>
      </w:r>
      <w:proofErr w:type="spellEnd"/>
      <w:r>
        <w:t xml:space="preserve"> </w:t>
      </w:r>
      <w:r>
        <w:rPr>
          <w:rFonts w:ascii="Courier New" w:eastAsia="Courier New" w:hAnsi="Courier New" w:cs="Courier New"/>
        </w:rPr>
        <w:t>Storport.sys</w:t>
      </w:r>
      <w:r>
        <w:t xml:space="preserve">, заменяющий </w:t>
      </w:r>
      <w:r>
        <w:rPr>
          <w:rFonts w:ascii="Courier New" w:eastAsia="Courier New" w:hAnsi="Courier New" w:cs="Courier New"/>
        </w:rPr>
        <w:t>Scsiport.sys</w:t>
      </w:r>
      <w:r>
        <w:t xml:space="preserve">, </w:t>
      </w:r>
      <w:r>
        <w:rPr>
          <w:rFonts w:ascii="Courier New" w:eastAsia="Courier New" w:hAnsi="Courier New" w:cs="Courier New"/>
        </w:rPr>
        <w:t>Storport.sys</w:t>
      </w:r>
      <w:r>
        <w:t xml:space="preserve"> был разработан для реализации функциональности высокопроизводительных аппаратных RAID-контроллеров и адаптеров </w:t>
      </w:r>
      <w:proofErr w:type="spellStart"/>
      <w:r>
        <w:t>Fibre</w:t>
      </w:r>
      <w:proofErr w:type="spellEnd"/>
      <w:r>
        <w:t xml:space="preserve"> </w:t>
      </w:r>
      <w:proofErr w:type="spellStart"/>
      <w:r>
        <w:t>Channel</w:t>
      </w:r>
      <w:proofErr w:type="spellEnd"/>
      <w:r>
        <w:t xml:space="preserve">. Модель </w:t>
      </w:r>
      <w:proofErr w:type="spellStart"/>
      <w:r>
        <w:rPr>
          <w:rFonts w:ascii="Courier New" w:eastAsia="Courier New" w:hAnsi="Courier New" w:cs="Courier New"/>
        </w:rPr>
        <w:t>Storport</w:t>
      </w:r>
      <w:proofErr w:type="spellEnd"/>
      <w:r>
        <w:t xml:space="preserve"> аналогична </w:t>
      </w:r>
      <w:proofErr w:type="spellStart"/>
      <w:r>
        <w:rPr>
          <w:rFonts w:ascii="Courier New" w:eastAsia="Courier New" w:hAnsi="Courier New" w:cs="Courier New"/>
        </w:rPr>
        <w:t>Scsiport</w:t>
      </w:r>
      <w:proofErr w:type="spellEnd"/>
      <w:r>
        <w:t>, что упрощает изготовителям зад</w:t>
      </w:r>
      <w:r>
        <w:t>ачу переноса существующих SCSI-</w:t>
      </w:r>
      <w:proofErr w:type="spellStart"/>
      <w:r>
        <w:t>минипортов</w:t>
      </w:r>
      <w:proofErr w:type="spellEnd"/>
      <w:r>
        <w:t xml:space="preserve"> под </w:t>
      </w:r>
      <w:proofErr w:type="spellStart"/>
      <w:r>
        <w:rPr>
          <w:rFonts w:ascii="Courier New" w:eastAsia="Courier New" w:hAnsi="Courier New" w:cs="Courier New"/>
        </w:rPr>
        <w:t>Storport</w:t>
      </w:r>
      <w:proofErr w:type="spellEnd"/>
      <w:r>
        <w:t xml:space="preserve">. </w:t>
      </w:r>
      <w:proofErr w:type="spellStart"/>
      <w:r>
        <w:t>Минипорт</w:t>
      </w:r>
      <w:proofErr w:type="spellEnd"/>
      <w:r>
        <w:t xml:space="preserve">-драйверы, создаваемые </w:t>
      </w:r>
      <w:r>
        <w:lastRenderedPageBreak/>
        <w:t xml:space="preserve">разработчиками для использования </w:t>
      </w:r>
      <w:proofErr w:type="spellStart"/>
      <w:r>
        <w:rPr>
          <w:rFonts w:ascii="Courier New" w:eastAsia="Courier New" w:hAnsi="Courier New" w:cs="Courier New"/>
        </w:rPr>
        <w:t>Storport</w:t>
      </w:r>
      <w:proofErr w:type="spellEnd"/>
      <w:r>
        <w:t xml:space="preserve">; используют преимущества нескольких механизмов </w:t>
      </w:r>
      <w:proofErr w:type="spellStart"/>
      <w:r>
        <w:rPr>
          <w:rFonts w:ascii="Courier New" w:eastAsia="Courier New" w:hAnsi="Courier New" w:cs="Courier New"/>
        </w:rPr>
        <w:t>Storport</w:t>
      </w:r>
      <w:proofErr w:type="spellEnd"/>
      <w:r>
        <w:t>, повышающих производительность, в частности поддержки параллельной иниц</w:t>
      </w:r>
      <w:r>
        <w:t xml:space="preserve">иации и завершения запросов на ввод-вывод в </w:t>
      </w:r>
      <w:proofErr w:type="spellStart"/>
      <w:r>
        <w:t>multi</w:t>
      </w:r>
      <w:proofErr w:type="spellEnd"/>
      <w:r>
        <w:t>-CPU системах, более управляемой архитектуры очереди запросов на ввод-вывод и выполнения большей части кода при более низком уровне IRQL, чтобы свести к минимуму длительность маскирования аппаратных прерыван</w:t>
      </w:r>
      <w:r>
        <w:t xml:space="preserve">ий. </w:t>
      </w:r>
    </w:p>
    <w:p w:rsidR="0043064D" w:rsidRDefault="008B3C4B">
      <w:pPr>
        <w:spacing w:after="87"/>
        <w:ind w:left="-5" w:right="1"/>
      </w:pPr>
      <w:r>
        <w:t xml:space="preserve">Драйверы </w:t>
      </w:r>
      <w:r>
        <w:rPr>
          <w:rFonts w:ascii="Courier New" w:eastAsia="Courier New" w:hAnsi="Courier New" w:cs="Courier New"/>
        </w:rPr>
        <w:t>Scsiport.sys</w:t>
      </w:r>
      <w:r>
        <w:t xml:space="preserve"> и </w:t>
      </w:r>
      <w:r>
        <w:rPr>
          <w:rFonts w:ascii="Courier New" w:eastAsia="Courier New" w:hAnsi="Courier New" w:cs="Courier New"/>
        </w:rPr>
        <w:t>Atapi.sys</w:t>
      </w:r>
      <w:r>
        <w:t xml:space="preserve"> реализуют версию алгоритма планирования дисковых операций, известную под названием </w:t>
      </w:r>
      <w:r>
        <w:rPr>
          <w:b/>
        </w:rPr>
        <w:t>C-LOOK</w:t>
      </w:r>
      <w:r>
        <w:t>. Эти драйверы помещают запросы на дисковый ввод вывод в списки с сортировкой по первому сектору, которому адресован запрос; это</w:t>
      </w:r>
      <w:r>
        <w:t xml:space="preserve">т сектор также называется </w:t>
      </w:r>
      <w:r>
        <w:rPr>
          <w:b/>
        </w:rPr>
        <w:t>номером логического блока</w:t>
      </w:r>
      <w:r>
        <w:t xml:space="preserve"> (</w:t>
      </w:r>
      <w:proofErr w:type="spellStart"/>
      <w:r>
        <w:t>logical</w:t>
      </w:r>
      <w:proofErr w:type="spellEnd"/>
      <w:r>
        <w:t xml:space="preserve"> </w:t>
      </w:r>
      <w:proofErr w:type="spellStart"/>
      <w:r>
        <w:t>block</w:t>
      </w:r>
      <w:proofErr w:type="spellEnd"/>
      <w:r>
        <w:t xml:space="preserve"> </w:t>
      </w:r>
      <w:proofErr w:type="spellStart"/>
      <w:r>
        <w:t>number</w:t>
      </w:r>
      <w:proofErr w:type="spellEnd"/>
      <w:r>
        <w:t xml:space="preserve">, LBN). С помощью функций </w:t>
      </w:r>
      <w:proofErr w:type="spellStart"/>
      <w:r>
        <w:rPr>
          <w:rFonts w:ascii="Courier New" w:eastAsia="Courier New" w:hAnsi="Courier New" w:cs="Courier New"/>
        </w:rPr>
        <w:t>KelnsertByKeyDeviceQueue</w:t>
      </w:r>
      <w:proofErr w:type="spellEnd"/>
      <w:r>
        <w:t xml:space="preserve"> и </w:t>
      </w:r>
      <w:proofErr w:type="spellStart"/>
      <w:r>
        <w:rPr>
          <w:rFonts w:ascii="Courier New" w:eastAsia="Courier New" w:hAnsi="Courier New" w:cs="Courier New"/>
        </w:rPr>
        <w:t>KeRemoveByKeyDeviceQueue</w:t>
      </w:r>
      <w:proofErr w:type="spellEnd"/>
      <w:r>
        <w:t xml:space="preserve"> (документированных в </w:t>
      </w:r>
      <w:proofErr w:type="spellStart"/>
      <w:r>
        <w:t>Windows</w:t>
      </w:r>
      <w:proofErr w:type="spellEnd"/>
      <w:r>
        <w:t xml:space="preserve"> DDK) они представляют запросы ввода-вывода как элементы (</w:t>
      </w:r>
      <w:proofErr w:type="spellStart"/>
      <w:r>
        <w:t>items</w:t>
      </w:r>
      <w:proofErr w:type="spellEnd"/>
      <w:r>
        <w:t>) и используют</w:t>
      </w:r>
      <w:r>
        <w:t xml:space="preserve"> начальный сектор запроса в качестве ключа, требуемого этими функциями. Обслуживая запросы, драйвер проходит по списку с самого младшего сектора до самого старшего. Достигнув конца списка, он возвращается в его начало, так как за это время в список могли б</w:t>
      </w:r>
      <w:r>
        <w:t xml:space="preserve">ыть вставлены новые запросы. Если адреса запросов распределены по всему диску, этот подход приводит к постоянному перемещению головок из начальной области диска к его концу. </w:t>
      </w:r>
      <w:r>
        <w:rPr>
          <w:rFonts w:ascii="Courier New" w:eastAsia="Courier New" w:hAnsi="Courier New" w:cs="Courier New"/>
        </w:rPr>
        <w:t>Storport.sys</w:t>
      </w:r>
      <w:r>
        <w:t xml:space="preserve"> не реализует планирование дисковых операций, поскольку он в основном </w:t>
      </w:r>
      <w:r>
        <w:t xml:space="preserve">применяется для управления вводом-выводом, адресованным массивам накопителей, где нет четкого определения начала и конца диска. </w:t>
      </w:r>
      <w:r>
        <w:rPr>
          <w:rFonts w:ascii="Calibri" w:eastAsia="Calibri" w:hAnsi="Calibri" w:cs="Calibri"/>
          <w:b/>
          <w:sz w:val="24"/>
        </w:rPr>
        <w:t xml:space="preserve">Драйверы </w:t>
      </w:r>
      <w:proofErr w:type="spellStart"/>
      <w:r>
        <w:rPr>
          <w:rFonts w:ascii="Calibri" w:eastAsia="Calibri" w:hAnsi="Calibri" w:cs="Calibri"/>
          <w:b/>
          <w:sz w:val="24"/>
        </w:rPr>
        <w:t>iSCSI</w:t>
      </w:r>
      <w:proofErr w:type="spellEnd"/>
      <w:r>
        <w:rPr>
          <w:rFonts w:ascii="Calibri" w:eastAsia="Calibri" w:hAnsi="Calibri" w:cs="Calibri"/>
          <w:b/>
          <w:sz w:val="24"/>
        </w:rPr>
        <w:t xml:space="preserve"> </w:t>
      </w:r>
    </w:p>
    <w:p w:rsidR="0043064D" w:rsidRDefault="008B3C4B">
      <w:pPr>
        <w:ind w:left="-5" w:right="1"/>
      </w:pPr>
      <w:proofErr w:type="spellStart"/>
      <w:r>
        <w:t>iSCSI</w:t>
      </w:r>
      <w:proofErr w:type="spellEnd"/>
      <w:r>
        <w:t xml:space="preserve"> — </w:t>
      </w:r>
      <w:r>
        <w:t xml:space="preserve">это транспортный протокол для дисковых устройств, который интегрирует протокол SCSI с TCP/IP, благодаря чему компьютеры могут взаимодействовать с блочными накопителями, включая диски, по IP-сетям. Архитектура </w:t>
      </w:r>
      <w:r>
        <w:rPr>
          <w:b/>
        </w:rPr>
        <w:t>сети устройств хранения данных</w:t>
      </w:r>
      <w:r>
        <w:t xml:space="preserve"> (</w:t>
      </w:r>
      <w:proofErr w:type="spellStart"/>
      <w:r>
        <w:t>storage</w:t>
      </w:r>
      <w:proofErr w:type="spellEnd"/>
      <w:r>
        <w:t xml:space="preserve"> </w:t>
      </w:r>
      <w:proofErr w:type="spellStart"/>
      <w:r>
        <w:t>area</w:t>
      </w:r>
      <w:proofErr w:type="spellEnd"/>
      <w:r>
        <w:t xml:space="preserve"> </w:t>
      </w:r>
      <w:proofErr w:type="spellStart"/>
      <w:r>
        <w:t>ne</w:t>
      </w:r>
      <w:r>
        <w:t>tworking</w:t>
      </w:r>
      <w:proofErr w:type="spellEnd"/>
      <w:r>
        <w:t xml:space="preserve">, SAN) обычно базируется на сети </w:t>
      </w:r>
      <w:proofErr w:type="spellStart"/>
      <w:r>
        <w:t>Fibre</w:t>
      </w:r>
      <w:proofErr w:type="spellEnd"/>
      <w:r>
        <w:t xml:space="preserve"> </w:t>
      </w:r>
      <w:proofErr w:type="spellStart"/>
      <w:r>
        <w:t>Channel</w:t>
      </w:r>
      <w:proofErr w:type="spellEnd"/>
      <w:r>
        <w:t xml:space="preserve">, но администраторы могут использовать </w:t>
      </w:r>
      <w:proofErr w:type="spellStart"/>
      <w:r>
        <w:t>iSCSI</w:t>
      </w:r>
      <w:proofErr w:type="spellEnd"/>
      <w:r>
        <w:t xml:space="preserve"> для создания сравнительно недорогих SAN на основе таких сетевых технологий, как гигабитная </w:t>
      </w:r>
      <w:proofErr w:type="spellStart"/>
      <w:r>
        <w:t>Ethernet</w:t>
      </w:r>
      <w:proofErr w:type="spellEnd"/>
      <w:r>
        <w:t>, что позволяет обеспечить масштабируемость, защиту от кат</w:t>
      </w:r>
      <w:r>
        <w:t xml:space="preserve">астроф, эффективное резервное копирование и защиту данных. В </w:t>
      </w:r>
      <w:proofErr w:type="spellStart"/>
      <w:r>
        <w:t>Windows</w:t>
      </w:r>
      <w:proofErr w:type="spellEnd"/>
      <w:r>
        <w:t xml:space="preserve"> поддержка </w:t>
      </w:r>
      <w:proofErr w:type="spellStart"/>
      <w:r>
        <w:t>iSCSI</w:t>
      </w:r>
      <w:proofErr w:type="spellEnd"/>
      <w:r>
        <w:t xml:space="preserve"> реализуется в виде </w:t>
      </w:r>
      <w:proofErr w:type="spellStart"/>
      <w:r>
        <w:t>Microsoft</w:t>
      </w:r>
      <w:proofErr w:type="spellEnd"/>
      <w:r>
        <w:t xml:space="preserve"> </w:t>
      </w:r>
      <w:proofErr w:type="spellStart"/>
      <w:r>
        <w:t>iSCSI</w:t>
      </w:r>
      <w:proofErr w:type="spellEnd"/>
      <w:r>
        <w:t xml:space="preserve"> </w:t>
      </w:r>
      <w:proofErr w:type="spellStart"/>
      <w:r>
        <w:t>Software</w:t>
      </w:r>
      <w:proofErr w:type="spellEnd"/>
      <w:r>
        <w:t xml:space="preserve"> </w:t>
      </w:r>
      <w:proofErr w:type="spellStart"/>
      <w:r>
        <w:t>Initiator</w:t>
      </w:r>
      <w:proofErr w:type="spellEnd"/>
      <w:r>
        <w:t xml:space="preserve">, который можно скачать с сайта </w:t>
      </w:r>
      <w:proofErr w:type="spellStart"/>
      <w:r>
        <w:t>Microsoft</w:t>
      </w:r>
      <w:proofErr w:type="spellEnd"/>
      <w:r>
        <w:t xml:space="preserve"> и который работает в </w:t>
      </w:r>
      <w:proofErr w:type="spellStart"/>
      <w:r>
        <w:t>Windows</w:t>
      </w:r>
      <w:proofErr w:type="spellEnd"/>
      <w:r>
        <w:t xml:space="preserve"> 2000, </w:t>
      </w:r>
      <w:proofErr w:type="spellStart"/>
      <w:r>
        <w:t>Windows</w:t>
      </w:r>
      <w:proofErr w:type="spellEnd"/>
      <w:r>
        <w:t xml:space="preserve"> ХР и </w:t>
      </w:r>
      <w:proofErr w:type="spellStart"/>
      <w:r>
        <w:t>Windows</w:t>
      </w:r>
      <w:proofErr w:type="spellEnd"/>
      <w:r>
        <w:t xml:space="preserve"> </w:t>
      </w:r>
      <w:proofErr w:type="spellStart"/>
      <w:r>
        <w:t>Server</w:t>
      </w:r>
      <w:proofErr w:type="spellEnd"/>
      <w:r>
        <w:t xml:space="preserve"> 2003. </w:t>
      </w:r>
    </w:p>
    <w:p w:rsidR="0043064D" w:rsidRDefault="008B3C4B">
      <w:pPr>
        <w:spacing w:after="133"/>
        <w:ind w:left="-5" w:right="1"/>
      </w:pPr>
      <w:proofErr w:type="spellStart"/>
      <w:r>
        <w:t>Micros</w:t>
      </w:r>
      <w:r>
        <w:t>oft</w:t>
      </w:r>
      <w:proofErr w:type="spellEnd"/>
      <w:r>
        <w:t xml:space="preserve"> </w:t>
      </w:r>
      <w:proofErr w:type="spellStart"/>
      <w:r>
        <w:t>iSCSI</w:t>
      </w:r>
      <w:proofErr w:type="spellEnd"/>
      <w:r>
        <w:t xml:space="preserve"> </w:t>
      </w:r>
      <w:proofErr w:type="spellStart"/>
      <w:r>
        <w:t>Software</w:t>
      </w:r>
      <w:proofErr w:type="spellEnd"/>
      <w:r>
        <w:t xml:space="preserve"> </w:t>
      </w:r>
      <w:proofErr w:type="spellStart"/>
      <w:r>
        <w:t>Initiator</w:t>
      </w:r>
      <w:proofErr w:type="spellEnd"/>
      <w:r>
        <w:t xml:space="preserve"> включает несколько компонентов. </w:t>
      </w:r>
    </w:p>
    <w:p w:rsidR="0043064D" w:rsidRDefault="008B3C4B">
      <w:pPr>
        <w:numPr>
          <w:ilvl w:val="0"/>
          <w:numId w:val="21"/>
        </w:numPr>
        <w:spacing w:after="18"/>
        <w:ind w:right="1" w:hanging="361"/>
      </w:pPr>
      <w:proofErr w:type="spellStart"/>
      <w:r>
        <w:rPr>
          <w:b/>
        </w:rPr>
        <w:t>Initiator</w:t>
      </w:r>
      <w:proofErr w:type="spellEnd"/>
      <w:r>
        <w:t xml:space="preserve"> (инициатор). Этот необязательный компонент, состоящий из </w:t>
      </w:r>
      <w:proofErr w:type="spellStart"/>
      <w:r>
        <w:t>портдрайвера</w:t>
      </w:r>
      <w:proofErr w:type="spellEnd"/>
      <w:r>
        <w:t xml:space="preserve"> </w:t>
      </w:r>
      <w:proofErr w:type="spellStart"/>
      <w:r>
        <w:t>iSCSI</w:t>
      </w:r>
      <w:proofErr w:type="spellEnd"/>
      <w:r>
        <w:t xml:space="preserve"> (</w:t>
      </w:r>
      <w:r>
        <w:rPr>
          <w:rFonts w:ascii="Courier New" w:eastAsia="Courier New" w:hAnsi="Courier New" w:cs="Courier New"/>
        </w:rPr>
        <w:t>\</w:t>
      </w:r>
      <w:proofErr w:type="spellStart"/>
      <w:r>
        <w:rPr>
          <w:rFonts w:ascii="Courier New" w:eastAsia="Courier New" w:hAnsi="Courier New" w:cs="Courier New"/>
        </w:rPr>
        <w:t>Windows</w:t>
      </w:r>
      <w:proofErr w:type="spellEnd"/>
      <w:r>
        <w:rPr>
          <w:rFonts w:ascii="Courier New" w:eastAsia="Courier New" w:hAnsi="Courier New" w:cs="Courier New"/>
        </w:rPr>
        <w:t>\Systern32\</w:t>
      </w:r>
      <w:proofErr w:type="spellStart"/>
      <w:r>
        <w:rPr>
          <w:rFonts w:ascii="Courier New" w:eastAsia="Courier New" w:hAnsi="Courier New" w:cs="Courier New"/>
        </w:rPr>
        <w:t>Drivers</w:t>
      </w:r>
      <w:proofErr w:type="spellEnd"/>
      <w:r>
        <w:rPr>
          <w:rFonts w:ascii="Courier New" w:eastAsia="Courier New" w:hAnsi="Courier New" w:cs="Courier New"/>
        </w:rPr>
        <w:t>\Iscsiprt.sys</w:t>
      </w:r>
      <w:r>
        <w:t>) и мини-</w:t>
      </w:r>
      <w:proofErr w:type="spellStart"/>
      <w:r>
        <w:t>портдрайвера</w:t>
      </w:r>
      <w:proofErr w:type="spellEnd"/>
      <w:r>
        <w:t xml:space="preserve"> (</w:t>
      </w:r>
      <w:r>
        <w:rPr>
          <w:rFonts w:ascii="Courier New" w:eastAsia="Courier New" w:hAnsi="Courier New" w:cs="Courier New"/>
        </w:rPr>
        <w:t>\</w:t>
      </w:r>
      <w:proofErr w:type="spellStart"/>
      <w:r>
        <w:rPr>
          <w:rFonts w:ascii="Courier New" w:eastAsia="Courier New" w:hAnsi="Courier New" w:cs="Courier New"/>
        </w:rPr>
        <w:t>Windows</w:t>
      </w:r>
      <w:proofErr w:type="spellEnd"/>
      <w:r>
        <w:rPr>
          <w:rFonts w:ascii="Courier New" w:eastAsia="Courier New" w:hAnsi="Courier New" w:cs="Courier New"/>
        </w:rPr>
        <w:t>\System32\</w:t>
      </w:r>
      <w:proofErr w:type="spellStart"/>
      <w:r>
        <w:rPr>
          <w:rFonts w:ascii="Courier New" w:eastAsia="Courier New" w:hAnsi="Courier New" w:cs="Courier New"/>
        </w:rPr>
        <w:t>Drivers</w:t>
      </w:r>
      <w:proofErr w:type="spellEnd"/>
      <w:r>
        <w:rPr>
          <w:rFonts w:ascii="Courier New" w:eastAsia="Courier New" w:hAnsi="Courier New" w:cs="Courier New"/>
        </w:rPr>
        <w:t>\Msiscis.sys</w:t>
      </w:r>
      <w:r>
        <w:t>), испол</w:t>
      </w:r>
      <w:r>
        <w:t xml:space="preserve">ьзует драйвер TCP/IP для реализации программного </w:t>
      </w:r>
      <w:proofErr w:type="spellStart"/>
      <w:r>
        <w:t>iSCSI</w:t>
      </w:r>
      <w:proofErr w:type="spellEnd"/>
      <w:r>
        <w:t xml:space="preserve"> поверх стандартных </w:t>
      </w:r>
      <w:proofErr w:type="spellStart"/>
      <w:r>
        <w:t>Ethernet</w:t>
      </w:r>
      <w:proofErr w:type="spellEnd"/>
      <w:r>
        <w:t xml:space="preserve"> и TCP/IP при наличии сетевых адаптеров с аппаратным ускорением сетевых операций. </w:t>
      </w:r>
    </w:p>
    <w:p w:rsidR="0043064D" w:rsidRDefault="008B3C4B">
      <w:pPr>
        <w:numPr>
          <w:ilvl w:val="0"/>
          <w:numId w:val="21"/>
        </w:numPr>
        <w:spacing w:after="9"/>
        <w:ind w:right="1" w:hanging="361"/>
      </w:pPr>
      <w:proofErr w:type="spellStart"/>
      <w:r>
        <w:rPr>
          <w:b/>
        </w:rPr>
        <w:t>Initiator</w:t>
      </w:r>
      <w:proofErr w:type="spellEnd"/>
      <w:r>
        <w:rPr>
          <w:b/>
        </w:rPr>
        <w:t xml:space="preserve"> </w:t>
      </w:r>
      <w:proofErr w:type="spellStart"/>
      <w:r>
        <w:rPr>
          <w:b/>
        </w:rPr>
        <w:t>Service</w:t>
      </w:r>
      <w:proofErr w:type="spellEnd"/>
      <w:r>
        <w:t xml:space="preserve"> (служба инициатора). Эта служба, реализованная в </w:t>
      </w:r>
      <w:r>
        <w:rPr>
          <w:rFonts w:ascii="Courier New" w:eastAsia="Courier New" w:hAnsi="Courier New" w:cs="Courier New"/>
        </w:rPr>
        <w:t>\</w:t>
      </w:r>
      <w:proofErr w:type="spellStart"/>
      <w:r>
        <w:rPr>
          <w:rFonts w:ascii="Courier New" w:eastAsia="Courier New" w:hAnsi="Courier New" w:cs="Courier New"/>
        </w:rPr>
        <w:t>Windows</w:t>
      </w:r>
      <w:proofErr w:type="spellEnd"/>
      <w:r>
        <w:rPr>
          <w:rFonts w:ascii="Courier New" w:eastAsia="Courier New" w:hAnsi="Courier New" w:cs="Courier New"/>
        </w:rPr>
        <w:t>\System32\Iscsie</w:t>
      </w:r>
      <w:r>
        <w:rPr>
          <w:rFonts w:ascii="Courier New" w:eastAsia="Courier New" w:hAnsi="Courier New" w:cs="Courier New"/>
        </w:rPr>
        <w:t>xe.exe</w:t>
      </w:r>
      <w:r>
        <w:t xml:space="preserve">, управляет обнаружением и защитой всех инициаторов </w:t>
      </w:r>
      <w:proofErr w:type="spellStart"/>
      <w:r>
        <w:t>iSCSI</w:t>
      </w:r>
      <w:proofErr w:type="spellEnd"/>
      <w:r>
        <w:t xml:space="preserve">, а также инициацией и завершением сеансов. </w:t>
      </w:r>
    </w:p>
    <w:p w:rsidR="0043064D" w:rsidRDefault="008B3C4B">
      <w:pPr>
        <w:spacing w:after="13"/>
        <w:ind w:left="654" w:right="1"/>
      </w:pPr>
      <w:r>
        <w:t xml:space="preserve">Функциональность обнаружения устройств </w:t>
      </w:r>
      <w:proofErr w:type="spellStart"/>
      <w:r>
        <w:t>iSCST</w:t>
      </w:r>
      <w:proofErr w:type="spellEnd"/>
      <w:r>
        <w:t xml:space="preserve"> реализована в </w:t>
      </w:r>
      <w:r>
        <w:rPr>
          <w:rFonts w:ascii="Courier New" w:eastAsia="Courier New" w:hAnsi="Courier New" w:cs="Courier New"/>
        </w:rPr>
        <w:t>\</w:t>
      </w:r>
      <w:proofErr w:type="spellStart"/>
      <w:r>
        <w:rPr>
          <w:rFonts w:ascii="Courier New" w:eastAsia="Courier New" w:hAnsi="Courier New" w:cs="Courier New"/>
        </w:rPr>
        <w:t>Windows</w:t>
      </w:r>
      <w:proofErr w:type="spellEnd"/>
      <w:r>
        <w:rPr>
          <w:rFonts w:ascii="Courier New" w:eastAsia="Courier New" w:hAnsi="Courier New" w:cs="Courier New"/>
        </w:rPr>
        <w:t>\System32\Iscsiurii.dll</w:t>
      </w:r>
      <w:r>
        <w:t xml:space="preserve"> и соответствует спецификации протокола </w:t>
      </w:r>
      <w:proofErr w:type="spellStart"/>
      <w:r>
        <w:t>Internet</w:t>
      </w:r>
      <w:proofErr w:type="spellEnd"/>
      <w:r>
        <w:t xml:space="preserve"> </w:t>
      </w:r>
      <w:proofErr w:type="spellStart"/>
      <w:r>
        <w:t>Storage</w:t>
      </w:r>
      <w:proofErr w:type="spellEnd"/>
      <w:r>
        <w:t xml:space="preserve"> </w:t>
      </w:r>
      <w:proofErr w:type="spellStart"/>
      <w:r>
        <w:t>N</w:t>
      </w:r>
      <w:r>
        <w:t>ame</w:t>
      </w:r>
      <w:proofErr w:type="spellEnd"/>
      <w:r>
        <w:t xml:space="preserve"> </w:t>
      </w:r>
      <w:proofErr w:type="spellStart"/>
      <w:r>
        <w:t>Service</w:t>
      </w:r>
      <w:proofErr w:type="spellEnd"/>
      <w:r>
        <w:t xml:space="preserve"> (</w:t>
      </w:r>
      <w:proofErr w:type="spellStart"/>
      <w:r>
        <w:t>iSNS</w:t>
      </w:r>
      <w:proofErr w:type="spellEnd"/>
      <w:r>
        <w:t xml:space="preserve">). </w:t>
      </w:r>
    </w:p>
    <w:p w:rsidR="0043064D" w:rsidRDefault="008B3C4B">
      <w:pPr>
        <w:numPr>
          <w:ilvl w:val="0"/>
          <w:numId w:val="21"/>
        </w:numPr>
        <w:ind w:right="1" w:hanging="361"/>
      </w:pPr>
      <w:r>
        <w:rPr>
          <w:b/>
        </w:rPr>
        <w:t>Управляющие приложения</w:t>
      </w:r>
      <w:r>
        <w:t xml:space="preserve">. К ним относятся Iscsicli.exe (утилита командной строки для управления соединениями </w:t>
      </w:r>
      <w:proofErr w:type="spellStart"/>
      <w:r>
        <w:t>iSCSI</w:t>
      </w:r>
      <w:proofErr w:type="spellEnd"/>
      <w:r>
        <w:t xml:space="preserve">-устройств и их защитой) и соответствующий апплет для </w:t>
      </w:r>
      <w:proofErr w:type="spellStart"/>
      <w:r>
        <w:t>Control</w:t>
      </w:r>
      <w:proofErr w:type="spellEnd"/>
      <w:r>
        <w:t xml:space="preserve"> </w:t>
      </w:r>
      <w:proofErr w:type="spellStart"/>
      <w:r>
        <w:t>Panel</w:t>
      </w:r>
      <w:proofErr w:type="spellEnd"/>
      <w:r>
        <w:t xml:space="preserve"> (Панель управления). </w:t>
      </w:r>
    </w:p>
    <w:p w:rsidR="0043064D" w:rsidRDefault="008B3C4B">
      <w:pPr>
        <w:pStyle w:val="4"/>
        <w:ind w:left="-5"/>
      </w:pPr>
      <w:r>
        <w:t xml:space="preserve">MPIO-драйверы </w:t>
      </w:r>
    </w:p>
    <w:p w:rsidR="0043064D" w:rsidRDefault="008B3C4B">
      <w:pPr>
        <w:ind w:left="-5" w:right="1"/>
      </w:pPr>
      <w:r>
        <w:t>У большинства диск</w:t>
      </w:r>
      <w:r>
        <w:t>овых устройств только один путь (</w:t>
      </w:r>
      <w:proofErr w:type="spellStart"/>
      <w:r>
        <w:t>path</w:t>
      </w:r>
      <w:proofErr w:type="spellEnd"/>
      <w:r>
        <w:t>) между ними и компьютером — набор адаптеров, кабелей и коммутаторов. В серверах, требующих высокого уровня готовности к работе, применяются решения с несколькими путями — между компьютером и диском существует более одн</w:t>
      </w:r>
      <w:r>
        <w:t xml:space="preserve">ого набора соединительного оборудования, чтобы при аварии одного пути система все равно могла бы обращаться к диску пи альтернативному пути. Однако без поддержки со стороны ОС или драйверов диск с двумя путями будет виден как два разных диска. </w:t>
      </w:r>
      <w:proofErr w:type="spellStart"/>
      <w:r>
        <w:t>Windows</w:t>
      </w:r>
      <w:proofErr w:type="spellEnd"/>
      <w:r>
        <w:t xml:space="preserve"> вклю</w:t>
      </w:r>
      <w:r>
        <w:t xml:space="preserve">чает поддержку </w:t>
      </w:r>
      <w:r>
        <w:rPr>
          <w:b/>
        </w:rPr>
        <w:t>ввода-вывода по нескольким путям</w:t>
      </w:r>
      <w:r>
        <w:t xml:space="preserve"> (</w:t>
      </w:r>
      <w:proofErr w:type="spellStart"/>
      <w:r>
        <w:t>multipath</w:t>
      </w:r>
      <w:proofErr w:type="spellEnd"/>
      <w:r>
        <w:t xml:space="preserve"> I/O, MPIO) для управления дисками с несколькими путями как одним диском; эта поддержка опирается на сторонние драйверы — модули, специфичные для конкретного устройства (</w:t>
      </w:r>
      <w:proofErr w:type="spellStart"/>
      <w:r>
        <w:t>device-specific</w:t>
      </w:r>
      <w:proofErr w:type="spellEnd"/>
      <w:r>
        <w:t xml:space="preserve"> </w:t>
      </w:r>
      <w:proofErr w:type="spellStart"/>
      <w:r>
        <w:t>modules</w:t>
      </w:r>
      <w:proofErr w:type="spellEnd"/>
      <w:r>
        <w:t>, DSM</w:t>
      </w:r>
      <w:r>
        <w:t xml:space="preserve">). Эти модули берут на себя всю специфику управления путями, в том числе политику балансировки нагрузки, на основе которой выбирается путь передачи запросов ввода вывода, и механизмы обнаружения ошибок, уведомляющие </w:t>
      </w:r>
      <w:proofErr w:type="spellStart"/>
      <w:r>
        <w:t>Windows</w:t>
      </w:r>
      <w:proofErr w:type="spellEnd"/>
      <w:r>
        <w:t xml:space="preserve"> об аварии того или иного пути. </w:t>
      </w:r>
      <w:r>
        <w:lastRenderedPageBreak/>
        <w:t>П</w:t>
      </w:r>
      <w:r>
        <w:t xml:space="preserve">оддержка MPIO доступна для </w:t>
      </w:r>
      <w:proofErr w:type="spellStart"/>
      <w:r>
        <w:t>Windows</w:t>
      </w:r>
      <w:proofErr w:type="spellEnd"/>
      <w:r>
        <w:t xml:space="preserve"> 2000 </w:t>
      </w:r>
      <w:proofErr w:type="spellStart"/>
      <w:r>
        <w:t>Server</w:t>
      </w:r>
      <w:proofErr w:type="spellEnd"/>
      <w:r>
        <w:t xml:space="preserve">, </w:t>
      </w:r>
      <w:proofErr w:type="spellStart"/>
      <w:r>
        <w:t>Advanced</w:t>
      </w:r>
      <w:proofErr w:type="spellEnd"/>
      <w:r>
        <w:t xml:space="preserve"> </w:t>
      </w:r>
      <w:proofErr w:type="spellStart"/>
      <w:r>
        <w:t>Server</w:t>
      </w:r>
      <w:proofErr w:type="spellEnd"/>
      <w:r>
        <w:t xml:space="preserve">, </w:t>
      </w:r>
      <w:proofErr w:type="spellStart"/>
      <w:r>
        <w:t>Datacenter</w:t>
      </w:r>
      <w:proofErr w:type="spellEnd"/>
      <w:r>
        <w:t xml:space="preserve"> </w:t>
      </w:r>
      <w:proofErr w:type="spellStart"/>
      <w:r>
        <w:t>Server</w:t>
      </w:r>
      <w:proofErr w:type="spellEnd"/>
      <w:r>
        <w:t xml:space="preserve"> и </w:t>
      </w:r>
      <w:proofErr w:type="spellStart"/>
      <w:r>
        <w:t>Windows</w:t>
      </w:r>
      <w:proofErr w:type="spellEnd"/>
      <w:r>
        <w:t xml:space="preserve"> </w:t>
      </w:r>
      <w:proofErr w:type="spellStart"/>
      <w:r>
        <w:t>Server</w:t>
      </w:r>
      <w:proofErr w:type="spellEnd"/>
      <w:r>
        <w:t xml:space="preserve"> 2003 в виде </w:t>
      </w:r>
      <w:proofErr w:type="spellStart"/>
      <w:r>
        <w:t>Microsoft</w:t>
      </w:r>
      <w:proofErr w:type="spellEnd"/>
      <w:r>
        <w:t xml:space="preserve"> MPIO </w:t>
      </w:r>
      <w:proofErr w:type="spellStart"/>
      <w:r>
        <w:t>Driver</w:t>
      </w:r>
      <w:proofErr w:type="spellEnd"/>
      <w:r>
        <w:t xml:space="preserve"> </w:t>
      </w:r>
      <w:proofErr w:type="spellStart"/>
      <w:r>
        <w:t>Development</w:t>
      </w:r>
      <w:proofErr w:type="spellEnd"/>
      <w:r>
        <w:t xml:space="preserve"> </w:t>
      </w:r>
      <w:proofErr w:type="spellStart"/>
      <w:r>
        <w:t>Kit</w:t>
      </w:r>
      <w:proofErr w:type="spellEnd"/>
      <w:r>
        <w:t xml:space="preserve">, который лицензируется поставщиками аппаратного и программного обеспечения. </w:t>
      </w:r>
    </w:p>
    <w:p w:rsidR="0043064D" w:rsidRDefault="008B3C4B">
      <w:pPr>
        <w:spacing w:after="22"/>
        <w:ind w:left="-5" w:right="1"/>
      </w:pPr>
      <w:r>
        <w:t>В стеке драйверов внешней пам</w:t>
      </w:r>
      <w:r>
        <w:t xml:space="preserve">яти </w:t>
      </w:r>
      <w:proofErr w:type="spellStart"/>
      <w:r>
        <w:t>Windows</w:t>
      </w:r>
      <w:proofErr w:type="spellEnd"/>
      <w:r>
        <w:t xml:space="preserve"> MPIO (Рис. 28) </w:t>
      </w:r>
      <w:proofErr w:type="spellStart"/>
      <w:r>
        <w:t>Multipath</w:t>
      </w:r>
      <w:proofErr w:type="spellEnd"/>
      <w:r>
        <w:t xml:space="preserve"> </w:t>
      </w:r>
      <w:proofErr w:type="spellStart"/>
      <w:r>
        <w:t>Disk</w:t>
      </w:r>
      <w:proofErr w:type="spellEnd"/>
      <w:r>
        <w:t xml:space="preserve"> </w:t>
      </w:r>
      <w:proofErr w:type="spellStart"/>
      <w:r>
        <w:t>Driver</w:t>
      </w:r>
      <w:proofErr w:type="spellEnd"/>
      <w:r>
        <w:t xml:space="preserve"> </w:t>
      </w:r>
      <w:proofErr w:type="spellStart"/>
      <w:r>
        <w:t>Replacement</w:t>
      </w:r>
      <w:proofErr w:type="spellEnd"/>
      <w:r>
        <w:t xml:space="preserve"> (</w:t>
      </w:r>
      <w:r>
        <w:rPr>
          <w:rFonts w:ascii="Courier New" w:eastAsia="Courier New" w:hAnsi="Courier New" w:cs="Courier New"/>
        </w:rPr>
        <w:t>\</w:t>
      </w:r>
      <w:proofErr w:type="spellStart"/>
      <w:r>
        <w:rPr>
          <w:rFonts w:ascii="Courier New" w:eastAsia="Courier New" w:hAnsi="Courier New" w:cs="Courier New"/>
        </w:rPr>
        <w:t>Windows</w:t>
      </w:r>
      <w:proofErr w:type="spellEnd"/>
      <w:r>
        <w:rPr>
          <w:rFonts w:ascii="Courier New" w:eastAsia="Courier New" w:hAnsi="Courier New" w:cs="Courier New"/>
        </w:rPr>
        <w:t>\Systern32\</w:t>
      </w:r>
      <w:proofErr w:type="spellStart"/>
      <w:r>
        <w:rPr>
          <w:rFonts w:ascii="Courier New" w:eastAsia="Courier New" w:hAnsi="Courier New" w:cs="Courier New"/>
        </w:rPr>
        <w:t>Drivers</w:t>
      </w:r>
      <w:proofErr w:type="spellEnd"/>
      <w:r>
        <w:rPr>
          <w:rFonts w:ascii="Courier New" w:eastAsia="Courier New" w:hAnsi="Courier New" w:cs="Courier New"/>
        </w:rPr>
        <w:t>\Mpdev.sys</w:t>
      </w:r>
      <w:r>
        <w:t xml:space="preserve">) заменяет функциональность стандартного драйвера класса </w:t>
      </w:r>
      <w:r>
        <w:rPr>
          <w:rFonts w:ascii="Courier New" w:eastAsia="Courier New" w:hAnsi="Courier New" w:cs="Courier New"/>
        </w:rPr>
        <w:t>Disk.sys</w:t>
      </w:r>
      <w:r>
        <w:t xml:space="preserve">. </w:t>
      </w:r>
      <w:r>
        <w:rPr>
          <w:rFonts w:ascii="Courier New" w:eastAsia="Courier New" w:hAnsi="Courier New" w:cs="Courier New"/>
        </w:rPr>
        <w:t>Mpdev.sys</w:t>
      </w:r>
      <w:r>
        <w:t xml:space="preserve"> захватывает во владение объект </w:t>
      </w:r>
    </w:p>
    <w:p w:rsidR="0043064D" w:rsidRDefault="008B3C4B">
      <w:pPr>
        <w:spacing w:after="7"/>
        <w:ind w:left="-5" w:right="1"/>
      </w:pPr>
      <w:r>
        <w:t xml:space="preserve">«устройство», представляющий диски с несколькими </w:t>
      </w:r>
      <w:r>
        <w:t xml:space="preserve">путями, чтобы для таких дисков существовал лишь один объект «устройство». Кроме того, этот драйвер отвечает за поиск подходящего DSM для управления путями к устройству. </w:t>
      </w:r>
      <w:proofErr w:type="spellStart"/>
      <w:r>
        <w:t>Multipath</w:t>
      </w:r>
      <w:proofErr w:type="spellEnd"/>
      <w:r>
        <w:t xml:space="preserve"> </w:t>
      </w:r>
      <w:proofErr w:type="spellStart"/>
      <w:r>
        <w:t>Bus</w:t>
      </w:r>
      <w:proofErr w:type="spellEnd"/>
      <w:r>
        <w:t xml:space="preserve"> </w:t>
      </w:r>
      <w:proofErr w:type="spellStart"/>
      <w:r>
        <w:t>Driver</w:t>
      </w:r>
      <w:proofErr w:type="spellEnd"/>
      <w:r>
        <w:t xml:space="preserve"> </w:t>
      </w:r>
    </w:p>
    <w:p w:rsidR="0043064D" w:rsidRDefault="008B3C4B">
      <w:pPr>
        <w:spacing w:after="15"/>
        <w:ind w:left="-5" w:right="1"/>
      </w:pPr>
      <w:r>
        <w:t>(</w:t>
      </w:r>
      <w:r>
        <w:rPr>
          <w:rFonts w:ascii="Courier New" w:eastAsia="Courier New" w:hAnsi="Courier New" w:cs="Courier New"/>
        </w:rPr>
        <w:t>\</w:t>
      </w:r>
      <w:proofErr w:type="spellStart"/>
      <w:r>
        <w:rPr>
          <w:rFonts w:ascii="Courier New" w:eastAsia="Courier New" w:hAnsi="Courier New" w:cs="Courier New"/>
        </w:rPr>
        <w:t>Windows</w:t>
      </w:r>
      <w:proofErr w:type="spellEnd"/>
      <w:r>
        <w:rPr>
          <w:rFonts w:ascii="Courier New" w:eastAsia="Courier New" w:hAnsi="Courier New" w:cs="Courier New"/>
        </w:rPr>
        <w:t>\System32 \</w:t>
      </w:r>
      <w:proofErr w:type="spellStart"/>
      <w:r>
        <w:rPr>
          <w:rFonts w:ascii="Courier New" w:eastAsia="Courier New" w:hAnsi="Courier New" w:cs="Courier New"/>
        </w:rPr>
        <w:t>Drivers</w:t>
      </w:r>
      <w:proofErr w:type="spellEnd"/>
      <w:r>
        <w:rPr>
          <w:rFonts w:ascii="Courier New" w:eastAsia="Courier New" w:hAnsi="Courier New" w:cs="Courier New"/>
        </w:rPr>
        <w:t>\Mpio.sys</w:t>
      </w:r>
      <w:r>
        <w:t xml:space="preserve">) управляет соединениями между компьютером и устройством, в том числе обеспечивая управление электропитанием данного устройства. </w:t>
      </w:r>
      <w:r>
        <w:rPr>
          <w:rFonts w:ascii="Courier New" w:eastAsia="Courier New" w:hAnsi="Courier New" w:cs="Courier New"/>
        </w:rPr>
        <w:t>Mpdcv.sys</w:t>
      </w:r>
      <w:r>
        <w:t xml:space="preserve"> уведомляет </w:t>
      </w:r>
      <w:r>
        <w:rPr>
          <w:rFonts w:ascii="Courier New" w:eastAsia="Courier New" w:hAnsi="Courier New" w:cs="Courier New"/>
        </w:rPr>
        <w:t>Mpio.sys</w:t>
      </w:r>
      <w:r>
        <w:t xml:space="preserve"> о наличии устройств, которые тот должен контролировать. Наконец, </w:t>
      </w:r>
      <w:proofErr w:type="spellStart"/>
      <w:r>
        <w:t>Multipath</w:t>
      </w:r>
      <w:proofErr w:type="spellEnd"/>
      <w:r>
        <w:t xml:space="preserve"> </w:t>
      </w:r>
      <w:proofErr w:type="spellStart"/>
      <w:r>
        <w:t>Port</w:t>
      </w:r>
      <w:proofErr w:type="spellEnd"/>
      <w:r>
        <w:t xml:space="preserve"> </w:t>
      </w:r>
      <w:proofErr w:type="spellStart"/>
      <w:r>
        <w:t>Filter</w:t>
      </w:r>
      <w:proofErr w:type="spellEnd"/>
      <w:r>
        <w:t xml:space="preserve"> </w:t>
      </w:r>
      <w:r>
        <w:rPr>
          <w:rFonts w:ascii="Courier New" w:eastAsia="Courier New" w:hAnsi="Courier New" w:cs="Courier New"/>
        </w:rPr>
        <w:t>(\</w:t>
      </w:r>
      <w:proofErr w:type="spellStart"/>
      <w:r>
        <w:rPr>
          <w:rFonts w:ascii="Courier New" w:eastAsia="Courier New" w:hAnsi="Courier New" w:cs="Courier New"/>
        </w:rPr>
        <w:t>Windows</w:t>
      </w:r>
      <w:proofErr w:type="spellEnd"/>
      <w:r>
        <w:rPr>
          <w:rFonts w:ascii="Courier New" w:eastAsia="Courier New" w:hAnsi="Courier New" w:cs="Courier New"/>
        </w:rPr>
        <w:t>\</w:t>
      </w:r>
      <w:r>
        <w:rPr>
          <w:rFonts w:ascii="Courier New" w:eastAsia="Courier New" w:hAnsi="Courier New" w:cs="Courier New"/>
        </w:rPr>
        <w:t>System32\</w:t>
      </w:r>
      <w:proofErr w:type="spellStart"/>
      <w:r>
        <w:rPr>
          <w:rFonts w:ascii="Courier New" w:eastAsia="Courier New" w:hAnsi="Courier New" w:cs="Courier New"/>
        </w:rPr>
        <w:t>Drivers</w:t>
      </w:r>
      <w:proofErr w:type="spellEnd"/>
      <w:r>
        <w:rPr>
          <w:rFonts w:ascii="Courier New" w:eastAsia="Courier New" w:hAnsi="Courier New" w:cs="Courier New"/>
        </w:rPr>
        <w:t>\ Mpsfltr.sys</w:t>
      </w:r>
      <w:r>
        <w:t xml:space="preserve">) размещается поверх порт-драйвера для диска с несколькими путями и управляет информацией, передаваемой вверх по стеку устройств. </w:t>
      </w:r>
    </w:p>
    <w:p w:rsidR="0043064D" w:rsidRDefault="008B3C4B">
      <w:pPr>
        <w:spacing w:after="0" w:line="259" w:lineRule="auto"/>
        <w:ind w:left="1523" w:firstLine="0"/>
        <w:jc w:val="left"/>
      </w:pPr>
      <w:r>
        <w:rPr>
          <w:rFonts w:ascii="Calibri" w:eastAsia="Calibri" w:hAnsi="Calibri" w:cs="Calibri"/>
          <w:noProof/>
          <w:sz w:val="22"/>
        </w:rPr>
        <mc:AlternateContent>
          <mc:Choice Requires="wpg">
            <w:drawing>
              <wp:inline distT="0" distB="0" distL="0" distR="0">
                <wp:extent cx="4002096" cy="3347635"/>
                <wp:effectExtent l="0" t="0" r="0" b="0"/>
                <wp:docPr id="66462" name="Group 66462"/>
                <wp:cNvGraphicFramePr/>
                <a:graphic xmlns:a="http://schemas.openxmlformats.org/drawingml/2006/main">
                  <a:graphicData uri="http://schemas.microsoft.com/office/word/2010/wordprocessingGroup">
                    <wpg:wgp>
                      <wpg:cNvGrpSpPr/>
                      <wpg:grpSpPr>
                        <a:xfrm>
                          <a:off x="0" y="0"/>
                          <a:ext cx="4002096" cy="3347635"/>
                          <a:chOff x="0" y="0"/>
                          <a:chExt cx="4002096" cy="3347635"/>
                        </a:xfrm>
                      </wpg:grpSpPr>
                      <wps:wsp>
                        <wps:cNvPr id="9889" name="Shape 9889"/>
                        <wps:cNvSpPr/>
                        <wps:spPr>
                          <a:xfrm>
                            <a:off x="1120117" y="0"/>
                            <a:ext cx="880971" cy="377163"/>
                          </a:xfrm>
                          <a:custGeom>
                            <a:avLst/>
                            <a:gdLst/>
                            <a:ahLst/>
                            <a:cxnLst/>
                            <a:rect l="0" t="0" r="0" b="0"/>
                            <a:pathLst>
                              <a:path w="880971" h="377163">
                                <a:moveTo>
                                  <a:pt x="0" y="377163"/>
                                </a:moveTo>
                                <a:lnTo>
                                  <a:pt x="880971" y="377163"/>
                                </a:lnTo>
                                <a:lnTo>
                                  <a:pt x="880971" y="0"/>
                                </a:lnTo>
                                <a:lnTo>
                                  <a:pt x="0" y="0"/>
                                </a:lnTo>
                                <a:close/>
                              </a:path>
                            </a:pathLst>
                          </a:custGeom>
                          <a:ln w="2129" cap="rnd">
                            <a:round/>
                          </a:ln>
                        </wps:spPr>
                        <wps:style>
                          <a:lnRef idx="1">
                            <a:srgbClr val="000000"/>
                          </a:lnRef>
                          <a:fillRef idx="0">
                            <a:srgbClr val="000000">
                              <a:alpha val="0"/>
                            </a:srgbClr>
                          </a:fillRef>
                          <a:effectRef idx="0">
                            <a:scrgbClr r="0" g="0" b="0"/>
                          </a:effectRef>
                          <a:fontRef idx="none"/>
                        </wps:style>
                        <wps:bodyPr/>
                      </wps:wsp>
                      <wps:wsp>
                        <wps:cNvPr id="9890" name="Rectangle 9890"/>
                        <wps:cNvSpPr/>
                        <wps:spPr>
                          <a:xfrm>
                            <a:off x="1305966" y="124181"/>
                            <a:ext cx="425370" cy="15785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7"/>
                                </w:rPr>
                                <w:t>Mpdev</w:t>
                              </w:r>
                              <w:proofErr w:type="spellEnd"/>
                            </w:p>
                          </w:txbxContent>
                        </wps:txbx>
                        <wps:bodyPr horzOverflow="overflow" vert="horz" lIns="0" tIns="0" rIns="0" bIns="0" rtlCol="0">
                          <a:noAutofit/>
                        </wps:bodyPr>
                      </wps:wsp>
                      <wps:wsp>
                        <wps:cNvPr id="9891" name="Rectangle 9891"/>
                        <wps:cNvSpPr/>
                        <wps:spPr>
                          <a:xfrm>
                            <a:off x="1625809" y="124181"/>
                            <a:ext cx="39375" cy="1578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9892" name="Rectangle 9892"/>
                        <wps:cNvSpPr/>
                        <wps:spPr>
                          <a:xfrm>
                            <a:off x="1655378" y="124181"/>
                            <a:ext cx="212583" cy="15785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7"/>
                                </w:rPr>
                                <w:t>sys</w:t>
                              </w:r>
                              <w:proofErr w:type="spellEnd"/>
                            </w:p>
                          </w:txbxContent>
                        </wps:txbx>
                        <wps:bodyPr horzOverflow="overflow" vert="horz" lIns="0" tIns="0" rIns="0" bIns="0" rtlCol="0">
                          <a:noAutofit/>
                        </wps:bodyPr>
                      </wps:wsp>
                      <wps:wsp>
                        <wps:cNvPr id="9894" name="Shape 9894"/>
                        <wps:cNvSpPr/>
                        <wps:spPr>
                          <a:xfrm>
                            <a:off x="2630358" y="0"/>
                            <a:ext cx="880971" cy="377163"/>
                          </a:xfrm>
                          <a:custGeom>
                            <a:avLst/>
                            <a:gdLst/>
                            <a:ahLst/>
                            <a:cxnLst/>
                            <a:rect l="0" t="0" r="0" b="0"/>
                            <a:pathLst>
                              <a:path w="880971" h="377163">
                                <a:moveTo>
                                  <a:pt x="0" y="377163"/>
                                </a:moveTo>
                                <a:lnTo>
                                  <a:pt x="880971" y="377163"/>
                                </a:lnTo>
                                <a:lnTo>
                                  <a:pt x="880971" y="0"/>
                                </a:lnTo>
                                <a:lnTo>
                                  <a:pt x="0" y="0"/>
                                </a:lnTo>
                                <a:close/>
                              </a:path>
                            </a:pathLst>
                          </a:custGeom>
                          <a:ln w="2129" cap="rnd">
                            <a:round/>
                          </a:ln>
                        </wps:spPr>
                        <wps:style>
                          <a:lnRef idx="1">
                            <a:srgbClr val="000000"/>
                          </a:lnRef>
                          <a:fillRef idx="0">
                            <a:srgbClr val="000000">
                              <a:alpha val="0"/>
                            </a:srgbClr>
                          </a:fillRef>
                          <a:effectRef idx="0">
                            <a:scrgbClr r="0" g="0" b="0"/>
                          </a:effectRef>
                          <a:fontRef idx="none"/>
                        </wps:style>
                        <wps:bodyPr/>
                      </wps:wsp>
                      <wps:wsp>
                        <wps:cNvPr id="9895" name="Rectangle 9895"/>
                        <wps:cNvSpPr/>
                        <wps:spPr>
                          <a:xfrm>
                            <a:off x="2868775" y="60315"/>
                            <a:ext cx="314927" cy="1578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DSM</w:t>
                              </w:r>
                            </w:p>
                          </w:txbxContent>
                        </wps:txbx>
                        <wps:bodyPr horzOverflow="overflow" vert="horz" lIns="0" tIns="0" rIns="0" bIns="0" rtlCol="0">
                          <a:noAutofit/>
                        </wps:bodyPr>
                      </wps:wsp>
                      <wps:wsp>
                        <wps:cNvPr id="9896" name="Rectangle 9896"/>
                        <wps:cNvSpPr/>
                        <wps:spPr>
                          <a:xfrm>
                            <a:off x="3105594" y="60315"/>
                            <a:ext cx="39375" cy="1578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9897" name="Rectangle 9897"/>
                        <wps:cNvSpPr/>
                        <wps:spPr>
                          <a:xfrm>
                            <a:off x="3135163" y="79153"/>
                            <a:ext cx="183125" cy="13306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от </w:t>
                              </w:r>
                            </w:p>
                          </w:txbxContent>
                        </wps:txbx>
                        <wps:bodyPr horzOverflow="overflow" vert="horz" lIns="0" tIns="0" rIns="0" bIns="0" rtlCol="0">
                          <a:noAutofit/>
                        </wps:bodyPr>
                      </wps:wsp>
                      <wps:wsp>
                        <wps:cNvPr id="9898" name="Rectangle 9898"/>
                        <wps:cNvSpPr/>
                        <wps:spPr>
                          <a:xfrm>
                            <a:off x="2741442" y="206885"/>
                            <a:ext cx="876067" cy="13306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изготовителя</w:t>
                              </w:r>
                            </w:p>
                          </w:txbxContent>
                        </wps:txbx>
                        <wps:bodyPr horzOverflow="overflow" vert="horz" lIns="0" tIns="0" rIns="0" bIns="0" rtlCol="0">
                          <a:noAutofit/>
                        </wps:bodyPr>
                      </wps:wsp>
                      <wps:wsp>
                        <wps:cNvPr id="9899" name="Shape 9899"/>
                        <wps:cNvSpPr/>
                        <wps:spPr>
                          <a:xfrm>
                            <a:off x="2080179" y="188582"/>
                            <a:ext cx="471062" cy="0"/>
                          </a:xfrm>
                          <a:custGeom>
                            <a:avLst/>
                            <a:gdLst/>
                            <a:ahLst/>
                            <a:cxnLst/>
                            <a:rect l="0" t="0" r="0" b="0"/>
                            <a:pathLst>
                              <a:path w="471062">
                                <a:moveTo>
                                  <a:pt x="0" y="0"/>
                                </a:moveTo>
                                <a:lnTo>
                                  <a:pt x="471062" y="0"/>
                                </a:lnTo>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00" name="Shape 9900"/>
                        <wps:cNvSpPr/>
                        <wps:spPr>
                          <a:xfrm>
                            <a:off x="2001061" y="159842"/>
                            <a:ext cx="86310" cy="57479"/>
                          </a:xfrm>
                          <a:custGeom>
                            <a:avLst/>
                            <a:gdLst/>
                            <a:ahLst/>
                            <a:cxnLst/>
                            <a:rect l="0" t="0" r="0" b="0"/>
                            <a:pathLst>
                              <a:path w="86310" h="57479">
                                <a:moveTo>
                                  <a:pt x="86310" y="0"/>
                                </a:moveTo>
                                <a:lnTo>
                                  <a:pt x="86310" y="57479"/>
                                </a:lnTo>
                                <a:lnTo>
                                  <a:pt x="0" y="28740"/>
                                </a:lnTo>
                                <a:lnTo>
                                  <a:pt x="8631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01" name="Shape 9901"/>
                        <wps:cNvSpPr/>
                        <wps:spPr>
                          <a:xfrm>
                            <a:off x="2544048" y="159842"/>
                            <a:ext cx="86310" cy="57479"/>
                          </a:xfrm>
                          <a:custGeom>
                            <a:avLst/>
                            <a:gdLst/>
                            <a:ahLst/>
                            <a:cxnLst/>
                            <a:rect l="0" t="0" r="0" b="0"/>
                            <a:pathLst>
                              <a:path w="86310" h="57479">
                                <a:moveTo>
                                  <a:pt x="0" y="0"/>
                                </a:moveTo>
                                <a:lnTo>
                                  <a:pt x="86310" y="28740"/>
                                </a:lnTo>
                                <a:lnTo>
                                  <a:pt x="0" y="5747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03" name="Shape 9903"/>
                        <wps:cNvSpPr/>
                        <wps:spPr>
                          <a:xfrm>
                            <a:off x="1120117" y="754273"/>
                            <a:ext cx="880971" cy="251437"/>
                          </a:xfrm>
                          <a:custGeom>
                            <a:avLst/>
                            <a:gdLst/>
                            <a:ahLst/>
                            <a:cxnLst/>
                            <a:rect l="0" t="0" r="0" b="0"/>
                            <a:pathLst>
                              <a:path w="880971" h="251437">
                                <a:moveTo>
                                  <a:pt x="0" y="251437"/>
                                </a:moveTo>
                                <a:lnTo>
                                  <a:pt x="880971" y="251437"/>
                                </a:lnTo>
                                <a:lnTo>
                                  <a:pt x="880971" y="0"/>
                                </a:lnTo>
                                <a:lnTo>
                                  <a:pt x="0" y="0"/>
                                </a:lnTo>
                                <a:close/>
                              </a:path>
                            </a:pathLst>
                          </a:custGeom>
                          <a:ln w="2129" cap="rnd">
                            <a:round/>
                          </a:ln>
                        </wps:spPr>
                        <wps:style>
                          <a:lnRef idx="1">
                            <a:srgbClr val="000000"/>
                          </a:lnRef>
                          <a:fillRef idx="0">
                            <a:srgbClr val="000000">
                              <a:alpha val="0"/>
                            </a:srgbClr>
                          </a:fillRef>
                          <a:effectRef idx="0">
                            <a:scrgbClr r="0" g="0" b="0"/>
                          </a:effectRef>
                          <a:fontRef idx="none"/>
                        </wps:style>
                        <wps:bodyPr/>
                      </wps:wsp>
                      <wps:wsp>
                        <wps:cNvPr id="9904" name="Rectangle 9904"/>
                        <wps:cNvSpPr/>
                        <wps:spPr>
                          <a:xfrm>
                            <a:off x="1323726" y="815617"/>
                            <a:ext cx="377972" cy="15785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7"/>
                                </w:rPr>
                                <w:t>Mpsflt</w:t>
                              </w:r>
                              <w:proofErr w:type="spellEnd"/>
                            </w:p>
                          </w:txbxContent>
                        </wps:txbx>
                        <wps:bodyPr horzOverflow="overflow" vert="horz" lIns="0" tIns="0" rIns="0" bIns="0" rtlCol="0">
                          <a:noAutofit/>
                        </wps:bodyPr>
                      </wps:wsp>
                      <wps:wsp>
                        <wps:cNvPr id="9905" name="Rectangle 9905"/>
                        <wps:cNvSpPr/>
                        <wps:spPr>
                          <a:xfrm>
                            <a:off x="1607962" y="815617"/>
                            <a:ext cx="39375" cy="1578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9906" name="Rectangle 9906"/>
                        <wps:cNvSpPr/>
                        <wps:spPr>
                          <a:xfrm>
                            <a:off x="1637530" y="815617"/>
                            <a:ext cx="212583" cy="15785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7"/>
                                </w:rPr>
                                <w:t>sys</w:t>
                              </w:r>
                              <w:proofErr w:type="spellEnd"/>
                            </w:p>
                          </w:txbxContent>
                        </wps:txbx>
                        <wps:bodyPr horzOverflow="overflow" vert="horz" lIns="0" tIns="0" rIns="0" bIns="0" rtlCol="0">
                          <a:noAutofit/>
                        </wps:bodyPr>
                      </wps:wsp>
                      <wps:wsp>
                        <wps:cNvPr id="9907" name="Shape 9907"/>
                        <wps:cNvSpPr/>
                        <wps:spPr>
                          <a:xfrm>
                            <a:off x="1560544" y="456197"/>
                            <a:ext cx="0" cy="219095"/>
                          </a:xfrm>
                          <a:custGeom>
                            <a:avLst/>
                            <a:gdLst/>
                            <a:ahLst/>
                            <a:cxnLst/>
                            <a:rect l="0" t="0" r="0" b="0"/>
                            <a:pathLst>
                              <a:path h="219095">
                                <a:moveTo>
                                  <a:pt x="0" y="0"/>
                                </a:moveTo>
                                <a:lnTo>
                                  <a:pt x="0" y="219095"/>
                                </a:lnTo>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08" name="Shape 9908"/>
                        <wps:cNvSpPr/>
                        <wps:spPr>
                          <a:xfrm>
                            <a:off x="1531774" y="377163"/>
                            <a:ext cx="57540" cy="86219"/>
                          </a:xfrm>
                          <a:custGeom>
                            <a:avLst/>
                            <a:gdLst/>
                            <a:ahLst/>
                            <a:cxnLst/>
                            <a:rect l="0" t="0" r="0" b="0"/>
                            <a:pathLst>
                              <a:path w="57540" h="86219">
                                <a:moveTo>
                                  <a:pt x="28770" y="0"/>
                                </a:moveTo>
                                <a:lnTo>
                                  <a:pt x="57540" y="86219"/>
                                </a:lnTo>
                                <a:lnTo>
                                  <a:pt x="0" y="86219"/>
                                </a:lnTo>
                                <a:lnTo>
                                  <a:pt x="2877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09" name="Shape 9909"/>
                        <wps:cNvSpPr/>
                        <wps:spPr>
                          <a:xfrm>
                            <a:off x="1531774" y="668107"/>
                            <a:ext cx="57540" cy="86219"/>
                          </a:xfrm>
                          <a:custGeom>
                            <a:avLst/>
                            <a:gdLst/>
                            <a:ahLst/>
                            <a:cxnLst/>
                            <a:rect l="0" t="0" r="0" b="0"/>
                            <a:pathLst>
                              <a:path w="57540" h="86219">
                                <a:moveTo>
                                  <a:pt x="0" y="0"/>
                                </a:moveTo>
                                <a:lnTo>
                                  <a:pt x="57540" y="0"/>
                                </a:lnTo>
                                <a:lnTo>
                                  <a:pt x="28770" y="8621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11" name="Shape 9911"/>
                        <wps:cNvSpPr/>
                        <wps:spPr>
                          <a:xfrm>
                            <a:off x="2630358" y="1257216"/>
                            <a:ext cx="880971" cy="251437"/>
                          </a:xfrm>
                          <a:custGeom>
                            <a:avLst/>
                            <a:gdLst/>
                            <a:ahLst/>
                            <a:cxnLst/>
                            <a:rect l="0" t="0" r="0" b="0"/>
                            <a:pathLst>
                              <a:path w="880971" h="251437">
                                <a:moveTo>
                                  <a:pt x="0" y="251437"/>
                                </a:moveTo>
                                <a:lnTo>
                                  <a:pt x="880971" y="251437"/>
                                </a:lnTo>
                                <a:lnTo>
                                  <a:pt x="880971" y="0"/>
                                </a:lnTo>
                                <a:lnTo>
                                  <a:pt x="0" y="0"/>
                                </a:lnTo>
                                <a:close/>
                              </a:path>
                            </a:pathLst>
                          </a:custGeom>
                          <a:ln w="2129" cap="rnd">
                            <a:round/>
                          </a:ln>
                        </wps:spPr>
                        <wps:style>
                          <a:lnRef idx="1">
                            <a:srgbClr val="000000"/>
                          </a:lnRef>
                          <a:fillRef idx="0">
                            <a:srgbClr val="000000">
                              <a:alpha val="0"/>
                            </a:srgbClr>
                          </a:fillRef>
                          <a:effectRef idx="0">
                            <a:scrgbClr r="0" g="0" b="0"/>
                          </a:effectRef>
                          <a:fontRef idx="none"/>
                        </wps:style>
                        <wps:bodyPr/>
                      </wps:wsp>
                      <wps:wsp>
                        <wps:cNvPr id="9912" name="Rectangle 9912"/>
                        <wps:cNvSpPr/>
                        <wps:spPr>
                          <a:xfrm>
                            <a:off x="2860606" y="1318472"/>
                            <a:ext cx="307179" cy="15785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7"/>
                                </w:rPr>
                                <w:t>Mpio</w:t>
                              </w:r>
                              <w:proofErr w:type="spellEnd"/>
                            </w:p>
                          </w:txbxContent>
                        </wps:txbx>
                        <wps:bodyPr horzOverflow="overflow" vert="horz" lIns="0" tIns="0" rIns="0" bIns="0" rtlCol="0">
                          <a:noAutofit/>
                        </wps:bodyPr>
                      </wps:wsp>
                      <wps:wsp>
                        <wps:cNvPr id="9913" name="Rectangle 9913"/>
                        <wps:cNvSpPr/>
                        <wps:spPr>
                          <a:xfrm>
                            <a:off x="3091564" y="1318472"/>
                            <a:ext cx="39375" cy="1578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9914" name="Rectangle 9914"/>
                        <wps:cNvSpPr/>
                        <wps:spPr>
                          <a:xfrm>
                            <a:off x="3121133" y="1318472"/>
                            <a:ext cx="212583" cy="157853"/>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7"/>
                                </w:rPr>
                                <w:t>sys</w:t>
                              </w:r>
                              <w:proofErr w:type="spellEnd"/>
                            </w:p>
                          </w:txbxContent>
                        </wps:txbx>
                        <wps:bodyPr horzOverflow="overflow" vert="horz" lIns="0" tIns="0" rIns="0" bIns="0" rtlCol="0">
                          <a:noAutofit/>
                        </wps:bodyPr>
                      </wps:wsp>
                      <wps:wsp>
                        <wps:cNvPr id="9916" name="Shape 9916"/>
                        <wps:cNvSpPr/>
                        <wps:spPr>
                          <a:xfrm>
                            <a:off x="1120117" y="1257154"/>
                            <a:ext cx="880971" cy="502882"/>
                          </a:xfrm>
                          <a:custGeom>
                            <a:avLst/>
                            <a:gdLst/>
                            <a:ahLst/>
                            <a:cxnLst/>
                            <a:rect l="0" t="0" r="0" b="0"/>
                            <a:pathLst>
                              <a:path w="880971" h="502882">
                                <a:moveTo>
                                  <a:pt x="0" y="502882"/>
                                </a:moveTo>
                                <a:lnTo>
                                  <a:pt x="880971" y="502882"/>
                                </a:lnTo>
                                <a:lnTo>
                                  <a:pt x="880971" y="0"/>
                                </a:lnTo>
                                <a:lnTo>
                                  <a:pt x="0" y="0"/>
                                </a:lnTo>
                                <a:close/>
                              </a:path>
                            </a:pathLst>
                          </a:custGeom>
                          <a:ln w="2129" cap="rnd">
                            <a:round/>
                          </a:ln>
                        </wps:spPr>
                        <wps:style>
                          <a:lnRef idx="1">
                            <a:srgbClr val="000000"/>
                          </a:lnRef>
                          <a:fillRef idx="0">
                            <a:srgbClr val="000000">
                              <a:alpha val="0"/>
                            </a:srgbClr>
                          </a:fillRef>
                          <a:effectRef idx="0">
                            <a:scrgbClr r="0" g="0" b="0"/>
                          </a:effectRef>
                          <a:fontRef idx="none"/>
                        </wps:style>
                        <wps:bodyPr/>
                      </wps:wsp>
                      <wps:wsp>
                        <wps:cNvPr id="9917" name="Rectangle 9917"/>
                        <wps:cNvSpPr/>
                        <wps:spPr>
                          <a:xfrm>
                            <a:off x="1213175" y="1335359"/>
                            <a:ext cx="324402" cy="13306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орт</w:t>
                              </w:r>
                            </w:p>
                          </w:txbxContent>
                        </wps:txbx>
                        <wps:bodyPr horzOverflow="overflow" vert="horz" lIns="0" tIns="0" rIns="0" bIns="0" rtlCol="0">
                          <a:noAutofit/>
                        </wps:bodyPr>
                      </wps:wsp>
                      <wps:wsp>
                        <wps:cNvPr id="9918" name="Rectangle 9918"/>
                        <wps:cNvSpPr/>
                        <wps:spPr>
                          <a:xfrm>
                            <a:off x="1457097" y="1316521"/>
                            <a:ext cx="47194" cy="1578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w:t>
                              </w:r>
                            </w:p>
                          </w:txbxContent>
                        </wps:txbx>
                        <wps:bodyPr horzOverflow="overflow" vert="horz" lIns="0" tIns="0" rIns="0" bIns="0" rtlCol="0">
                          <a:noAutofit/>
                        </wps:bodyPr>
                      </wps:wsp>
                      <wps:wsp>
                        <wps:cNvPr id="9919" name="Rectangle 9919"/>
                        <wps:cNvSpPr/>
                        <wps:spPr>
                          <a:xfrm>
                            <a:off x="1492616" y="1335359"/>
                            <a:ext cx="552399" cy="13306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райвер</w:t>
                              </w:r>
                            </w:p>
                          </w:txbxContent>
                        </wps:txbx>
                        <wps:bodyPr horzOverflow="overflow" vert="horz" lIns="0" tIns="0" rIns="0" bIns="0" rtlCol="0">
                          <a:noAutofit/>
                        </wps:bodyPr>
                      </wps:wsp>
                      <wps:wsp>
                        <wps:cNvPr id="69521" name="Shape 69521"/>
                        <wps:cNvSpPr/>
                        <wps:spPr>
                          <a:xfrm>
                            <a:off x="1245940" y="1508626"/>
                            <a:ext cx="629262" cy="176013"/>
                          </a:xfrm>
                          <a:custGeom>
                            <a:avLst/>
                            <a:gdLst/>
                            <a:ahLst/>
                            <a:cxnLst/>
                            <a:rect l="0" t="0" r="0" b="0"/>
                            <a:pathLst>
                              <a:path w="629262" h="176013">
                                <a:moveTo>
                                  <a:pt x="0" y="0"/>
                                </a:moveTo>
                                <a:lnTo>
                                  <a:pt x="629262" y="0"/>
                                </a:lnTo>
                                <a:lnTo>
                                  <a:pt x="629262" y="176013"/>
                                </a:lnTo>
                                <a:lnTo>
                                  <a:pt x="0" y="176013"/>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9921" name="Shape 9921"/>
                        <wps:cNvSpPr/>
                        <wps:spPr>
                          <a:xfrm>
                            <a:off x="1245940" y="1508626"/>
                            <a:ext cx="629262" cy="176013"/>
                          </a:xfrm>
                          <a:custGeom>
                            <a:avLst/>
                            <a:gdLst/>
                            <a:ahLst/>
                            <a:cxnLst/>
                            <a:rect l="0" t="0" r="0" b="0"/>
                            <a:pathLst>
                              <a:path w="629262" h="176013">
                                <a:moveTo>
                                  <a:pt x="0" y="176013"/>
                                </a:moveTo>
                                <a:lnTo>
                                  <a:pt x="629262" y="176013"/>
                                </a:lnTo>
                                <a:lnTo>
                                  <a:pt x="629262" y="0"/>
                                </a:lnTo>
                                <a:lnTo>
                                  <a:pt x="0" y="0"/>
                                </a:lnTo>
                                <a:close/>
                              </a:path>
                            </a:pathLst>
                          </a:custGeom>
                          <a:ln w="2129" cap="rnd">
                            <a:round/>
                          </a:ln>
                        </wps:spPr>
                        <wps:style>
                          <a:lnRef idx="1">
                            <a:srgbClr val="000000"/>
                          </a:lnRef>
                          <a:fillRef idx="0">
                            <a:srgbClr val="000000">
                              <a:alpha val="0"/>
                            </a:srgbClr>
                          </a:fillRef>
                          <a:effectRef idx="0">
                            <a:scrgbClr r="0" g="0" b="0"/>
                          </a:effectRef>
                          <a:fontRef idx="none"/>
                        </wps:style>
                        <wps:bodyPr/>
                      </wps:wsp>
                      <wps:wsp>
                        <wps:cNvPr id="9922" name="Rectangle 9922"/>
                        <wps:cNvSpPr/>
                        <wps:spPr>
                          <a:xfrm>
                            <a:off x="1314757" y="1551084"/>
                            <a:ext cx="653937" cy="133069"/>
                          </a:xfrm>
                          <a:prstGeom prst="rect">
                            <a:avLst/>
                          </a:prstGeom>
                          <a:ln>
                            <a:noFill/>
                          </a:ln>
                        </wps:spPr>
                        <wps:txbx>
                          <w:txbxContent>
                            <w:p w:rsidR="0043064D" w:rsidRDefault="008B3C4B">
                              <w:pPr>
                                <w:spacing w:after="160" w:line="259" w:lineRule="auto"/>
                                <w:ind w:left="0" w:firstLine="0"/>
                                <w:jc w:val="left"/>
                              </w:pPr>
                              <w:proofErr w:type="spellStart"/>
                              <w:r>
                                <w:rPr>
                                  <w:rFonts w:ascii="Arial" w:eastAsia="Arial" w:hAnsi="Arial" w:cs="Arial"/>
                                  <w:sz w:val="17"/>
                                </w:rPr>
                                <w:t>Минипорт</w:t>
                              </w:r>
                              <w:proofErr w:type="spellEnd"/>
                            </w:p>
                          </w:txbxContent>
                        </wps:txbx>
                        <wps:bodyPr horzOverflow="overflow" vert="horz" lIns="0" tIns="0" rIns="0" bIns="0" rtlCol="0">
                          <a:noAutofit/>
                        </wps:bodyPr>
                      </wps:wsp>
                      <wps:wsp>
                        <wps:cNvPr id="9923" name="Shape 9923"/>
                        <wps:cNvSpPr/>
                        <wps:spPr>
                          <a:xfrm>
                            <a:off x="2062153" y="427369"/>
                            <a:ext cx="947541" cy="779607"/>
                          </a:xfrm>
                          <a:custGeom>
                            <a:avLst/>
                            <a:gdLst/>
                            <a:ahLst/>
                            <a:cxnLst/>
                            <a:rect l="0" t="0" r="0" b="0"/>
                            <a:pathLst>
                              <a:path w="947541" h="779607">
                                <a:moveTo>
                                  <a:pt x="0" y="0"/>
                                </a:moveTo>
                                <a:lnTo>
                                  <a:pt x="947541" y="779607"/>
                                </a:lnTo>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24" name="Shape 9924"/>
                        <wps:cNvSpPr/>
                        <wps:spPr>
                          <a:xfrm>
                            <a:off x="2001061" y="377163"/>
                            <a:ext cx="84889" cy="76994"/>
                          </a:xfrm>
                          <a:custGeom>
                            <a:avLst/>
                            <a:gdLst/>
                            <a:ahLst/>
                            <a:cxnLst/>
                            <a:rect l="0" t="0" r="0" b="0"/>
                            <a:pathLst>
                              <a:path w="84889" h="76994">
                                <a:moveTo>
                                  <a:pt x="0" y="0"/>
                                </a:moveTo>
                                <a:lnTo>
                                  <a:pt x="84889" y="32554"/>
                                </a:lnTo>
                                <a:lnTo>
                                  <a:pt x="48306" y="7699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25" name="Shape 9925"/>
                        <wps:cNvSpPr/>
                        <wps:spPr>
                          <a:xfrm>
                            <a:off x="2985897" y="1180187"/>
                            <a:ext cx="84889" cy="76994"/>
                          </a:xfrm>
                          <a:custGeom>
                            <a:avLst/>
                            <a:gdLst/>
                            <a:ahLst/>
                            <a:cxnLst/>
                            <a:rect l="0" t="0" r="0" b="0"/>
                            <a:pathLst>
                              <a:path w="84889" h="76994">
                                <a:moveTo>
                                  <a:pt x="36584" y="0"/>
                                </a:moveTo>
                                <a:lnTo>
                                  <a:pt x="84889" y="76994"/>
                                </a:lnTo>
                                <a:lnTo>
                                  <a:pt x="0" y="44352"/>
                                </a:lnTo>
                                <a:lnTo>
                                  <a:pt x="36584"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26" name="Shape 9926"/>
                        <wps:cNvSpPr/>
                        <wps:spPr>
                          <a:xfrm>
                            <a:off x="1560544" y="1084743"/>
                            <a:ext cx="0" cy="93404"/>
                          </a:xfrm>
                          <a:custGeom>
                            <a:avLst/>
                            <a:gdLst/>
                            <a:ahLst/>
                            <a:cxnLst/>
                            <a:rect l="0" t="0" r="0" b="0"/>
                            <a:pathLst>
                              <a:path h="93404">
                                <a:moveTo>
                                  <a:pt x="0" y="0"/>
                                </a:moveTo>
                                <a:lnTo>
                                  <a:pt x="0" y="93404"/>
                                </a:lnTo>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27" name="Shape 9927"/>
                        <wps:cNvSpPr/>
                        <wps:spPr>
                          <a:xfrm>
                            <a:off x="1531774" y="1005709"/>
                            <a:ext cx="57540" cy="86219"/>
                          </a:xfrm>
                          <a:custGeom>
                            <a:avLst/>
                            <a:gdLst/>
                            <a:ahLst/>
                            <a:cxnLst/>
                            <a:rect l="0" t="0" r="0" b="0"/>
                            <a:pathLst>
                              <a:path w="57540" h="86219">
                                <a:moveTo>
                                  <a:pt x="28770" y="0"/>
                                </a:moveTo>
                                <a:lnTo>
                                  <a:pt x="57540" y="86219"/>
                                </a:lnTo>
                                <a:lnTo>
                                  <a:pt x="0" y="86219"/>
                                </a:lnTo>
                                <a:lnTo>
                                  <a:pt x="2877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28" name="Shape 9928"/>
                        <wps:cNvSpPr/>
                        <wps:spPr>
                          <a:xfrm>
                            <a:off x="1531774" y="1170962"/>
                            <a:ext cx="57540" cy="86219"/>
                          </a:xfrm>
                          <a:custGeom>
                            <a:avLst/>
                            <a:gdLst/>
                            <a:ahLst/>
                            <a:cxnLst/>
                            <a:rect l="0" t="0" r="0" b="0"/>
                            <a:pathLst>
                              <a:path w="57540" h="86219">
                                <a:moveTo>
                                  <a:pt x="0" y="0"/>
                                </a:moveTo>
                                <a:lnTo>
                                  <a:pt x="57540" y="0"/>
                                </a:lnTo>
                                <a:lnTo>
                                  <a:pt x="28770" y="8621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9522" name="Shape 69522"/>
                        <wps:cNvSpPr/>
                        <wps:spPr>
                          <a:xfrm>
                            <a:off x="0" y="2011543"/>
                            <a:ext cx="742530" cy="251436"/>
                          </a:xfrm>
                          <a:custGeom>
                            <a:avLst/>
                            <a:gdLst/>
                            <a:ahLst/>
                            <a:cxnLst/>
                            <a:rect l="0" t="0" r="0" b="0"/>
                            <a:pathLst>
                              <a:path w="742530" h="251436">
                                <a:moveTo>
                                  <a:pt x="0" y="0"/>
                                </a:moveTo>
                                <a:lnTo>
                                  <a:pt x="742530" y="0"/>
                                </a:lnTo>
                                <a:lnTo>
                                  <a:pt x="742530" y="251436"/>
                                </a:lnTo>
                                <a:lnTo>
                                  <a:pt x="0" y="251436"/>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9930" name="Shape 9930"/>
                        <wps:cNvSpPr/>
                        <wps:spPr>
                          <a:xfrm>
                            <a:off x="0" y="2011543"/>
                            <a:ext cx="742530" cy="251436"/>
                          </a:xfrm>
                          <a:custGeom>
                            <a:avLst/>
                            <a:gdLst/>
                            <a:ahLst/>
                            <a:cxnLst/>
                            <a:rect l="0" t="0" r="0" b="0"/>
                            <a:pathLst>
                              <a:path w="742530" h="251436">
                                <a:moveTo>
                                  <a:pt x="0" y="251436"/>
                                </a:moveTo>
                                <a:lnTo>
                                  <a:pt x="742530" y="251436"/>
                                </a:lnTo>
                                <a:lnTo>
                                  <a:pt x="742530" y="0"/>
                                </a:lnTo>
                                <a:lnTo>
                                  <a:pt x="0" y="0"/>
                                </a:lnTo>
                                <a:close/>
                              </a:path>
                            </a:pathLst>
                          </a:custGeom>
                          <a:ln w="2129" cap="rnd">
                            <a:round/>
                          </a:ln>
                        </wps:spPr>
                        <wps:style>
                          <a:lnRef idx="1">
                            <a:srgbClr val="000000"/>
                          </a:lnRef>
                          <a:fillRef idx="0">
                            <a:srgbClr val="000000">
                              <a:alpha val="0"/>
                            </a:srgbClr>
                          </a:fillRef>
                          <a:effectRef idx="0">
                            <a:scrgbClr r="0" g="0" b="0"/>
                          </a:effectRef>
                          <a:fontRef idx="none"/>
                        </wps:style>
                        <wps:bodyPr/>
                      </wps:wsp>
                      <wps:wsp>
                        <wps:cNvPr id="9931" name="Rectangle 9931"/>
                        <wps:cNvSpPr/>
                        <wps:spPr>
                          <a:xfrm>
                            <a:off x="118063" y="2091637"/>
                            <a:ext cx="594727" cy="13306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Адаптер </w:t>
                              </w:r>
                            </w:p>
                          </w:txbxContent>
                        </wps:txbx>
                        <wps:bodyPr horzOverflow="overflow" vert="horz" lIns="0" tIns="0" rIns="0" bIns="0" rtlCol="0">
                          <a:noAutofit/>
                        </wps:bodyPr>
                      </wps:wsp>
                      <wps:wsp>
                        <wps:cNvPr id="9932" name="Rectangle 9932"/>
                        <wps:cNvSpPr/>
                        <wps:spPr>
                          <a:xfrm>
                            <a:off x="565213" y="2072799"/>
                            <a:ext cx="78819" cy="1578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1</w:t>
                              </w:r>
                            </w:p>
                          </w:txbxContent>
                        </wps:txbx>
                        <wps:bodyPr horzOverflow="overflow" vert="horz" lIns="0" tIns="0" rIns="0" bIns="0" rtlCol="0">
                          <a:noAutofit/>
                        </wps:bodyPr>
                      </wps:wsp>
                      <wps:wsp>
                        <wps:cNvPr id="9933" name="Shape 9933"/>
                        <wps:cNvSpPr/>
                        <wps:spPr>
                          <a:xfrm>
                            <a:off x="813291" y="1795428"/>
                            <a:ext cx="361879" cy="180687"/>
                          </a:xfrm>
                          <a:custGeom>
                            <a:avLst/>
                            <a:gdLst/>
                            <a:ahLst/>
                            <a:cxnLst/>
                            <a:rect l="0" t="0" r="0" b="0"/>
                            <a:pathLst>
                              <a:path w="361879" h="180687">
                                <a:moveTo>
                                  <a:pt x="0" y="180687"/>
                                </a:moveTo>
                                <a:lnTo>
                                  <a:pt x="361879" y="0"/>
                                </a:lnTo>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34" name="Shape 9934"/>
                        <wps:cNvSpPr/>
                        <wps:spPr>
                          <a:xfrm>
                            <a:off x="742530" y="1947198"/>
                            <a:ext cx="90066" cy="64309"/>
                          </a:xfrm>
                          <a:custGeom>
                            <a:avLst/>
                            <a:gdLst/>
                            <a:ahLst/>
                            <a:cxnLst/>
                            <a:rect l="0" t="0" r="0" b="0"/>
                            <a:pathLst>
                              <a:path w="90066" h="64309">
                                <a:moveTo>
                                  <a:pt x="64333" y="0"/>
                                </a:moveTo>
                                <a:lnTo>
                                  <a:pt x="90066" y="51447"/>
                                </a:lnTo>
                                <a:lnTo>
                                  <a:pt x="0" y="64309"/>
                                </a:lnTo>
                                <a:lnTo>
                                  <a:pt x="64333"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35" name="Shape 9935"/>
                        <wps:cNvSpPr/>
                        <wps:spPr>
                          <a:xfrm>
                            <a:off x="1155901" y="1760036"/>
                            <a:ext cx="90039" cy="64309"/>
                          </a:xfrm>
                          <a:custGeom>
                            <a:avLst/>
                            <a:gdLst/>
                            <a:ahLst/>
                            <a:cxnLst/>
                            <a:rect l="0" t="0" r="0" b="0"/>
                            <a:pathLst>
                              <a:path w="90039" h="64309">
                                <a:moveTo>
                                  <a:pt x="90039" y="0"/>
                                </a:moveTo>
                                <a:lnTo>
                                  <a:pt x="25751" y="64309"/>
                                </a:lnTo>
                                <a:lnTo>
                                  <a:pt x="0" y="12862"/>
                                </a:lnTo>
                                <a:lnTo>
                                  <a:pt x="90039"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36" name="Shape 9936"/>
                        <wps:cNvSpPr/>
                        <wps:spPr>
                          <a:xfrm>
                            <a:off x="818903" y="1529232"/>
                            <a:ext cx="2175518" cy="587388"/>
                          </a:xfrm>
                          <a:custGeom>
                            <a:avLst/>
                            <a:gdLst/>
                            <a:ahLst/>
                            <a:cxnLst/>
                            <a:rect l="0" t="0" r="0" b="0"/>
                            <a:pathLst>
                              <a:path w="2175518" h="587388">
                                <a:moveTo>
                                  <a:pt x="0" y="587388"/>
                                </a:moveTo>
                                <a:lnTo>
                                  <a:pt x="2175518" y="0"/>
                                </a:lnTo>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37" name="Shape 9937"/>
                        <wps:cNvSpPr/>
                        <wps:spPr>
                          <a:xfrm>
                            <a:off x="742530" y="2086994"/>
                            <a:ext cx="90829" cy="55438"/>
                          </a:xfrm>
                          <a:custGeom>
                            <a:avLst/>
                            <a:gdLst/>
                            <a:ahLst/>
                            <a:cxnLst/>
                            <a:rect l="0" t="0" r="0" b="0"/>
                            <a:pathLst>
                              <a:path w="90829" h="55438">
                                <a:moveTo>
                                  <a:pt x="75814" y="0"/>
                                </a:moveTo>
                                <a:lnTo>
                                  <a:pt x="90829" y="55438"/>
                                </a:lnTo>
                                <a:lnTo>
                                  <a:pt x="0" y="50205"/>
                                </a:lnTo>
                                <a:lnTo>
                                  <a:pt x="75814"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38" name="Shape 9938"/>
                        <wps:cNvSpPr/>
                        <wps:spPr>
                          <a:xfrm>
                            <a:off x="2979948" y="1503331"/>
                            <a:ext cx="90838" cy="55528"/>
                          </a:xfrm>
                          <a:custGeom>
                            <a:avLst/>
                            <a:gdLst/>
                            <a:ahLst/>
                            <a:cxnLst/>
                            <a:rect l="0" t="0" r="0" b="0"/>
                            <a:pathLst>
                              <a:path w="90838" h="55528">
                                <a:moveTo>
                                  <a:pt x="0" y="0"/>
                                </a:moveTo>
                                <a:lnTo>
                                  <a:pt x="90838" y="5322"/>
                                </a:lnTo>
                                <a:lnTo>
                                  <a:pt x="15006" y="5552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9523" name="Shape 69523"/>
                        <wps:cNvSpPr/>
                        <wps:spPr>
                          <a:xfrm>
                            <a:off x="3259566" y="2011543"/>
                            <a:ext cx="742530" cy="251436"/>
                          </a:xfrm>
                          <a:custGeom>
                            <a:avLst/>
                            <a:gdLst/>
                            <a:ahLst/>
                            <a:cxnLst/>
                            <a:rect l="0" t="0" r="0" b="0"/>
                            <a:pathLst>
                              <a:path w="742530" h="251436">
                                <a:moveTo>
                                  <a:pt x="0" y="0"/>
                                </a:moveTo>
                                <a:lnTo>
                                  <a:pt x="742530" y="0"/>
                                </a:lnTo>
                                <a:lnTo>
                                  <a:pt x="742530" y="251436"/>
                                </a:lnTo>
                                <a:lnTo>
                                  <a:pt x="0" y="251436"/>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9940" name="Shape 9940"/>
                        <wps:cNvSpPr/>
                        <wps:spPr>
                          <a:xfrm>
                            <a:off x="3259566" y="2011543"/>
                            <a:ext cx="742530" cy="251436"/>
                          </a:xfrm>
                          <a:custGeom>
                            <a:avLst/>
                            <a:gdLst/>
                            <a:ahLst/>
                            <a:cxnLst/>
                            <a:rect l="0" t="0" r="0" b="0"/>
                            <a:pathLst>
                              <a:path w="742530" h="251436">
                                <a:moveTo>
                                  <a:pt x="0" y="251436"/>
                                </a:moveTo>
                                <a:lnTo>
                                  <a:pt x="742530" y="251436"/>
                                </a:lnTo>
                                <a:lnTo>
                                  <a:pt x="742530" y="0"/>
                                </a:lnTo>
                                <a:lnTo>
                                  <a:pt x="0" y="0"/>
                                </a:lnTo>
                                <a:close/>
                              </a:path>
                            </a:pathLst>
                          </a:custGeom>
                          <a:ln w="2129" cap="rnd">
                            <a:round/>
                          </a:ln>
                        </wps:spPr>
                        <wps:style>
                          <a:lnRef idx="1">
                            <a:srgbClr val="000000"/>
                          </a:lnRef>
                          <a:fillRef idx="0">
                            <a:srgbClr val="000000">
                              <a:alpha val="0"/>
                            </a:srgbClr>
                          </a:fillRef>
                          <a:effectRef idx="0">
                            <a:scrgbClr r="0" g="0" b="0"/>
                          </a:effectRef>
                          <a:fontRef idx="none"/>
                        </wps:style>
                        <wps:bodyPr/>
                      </wps:wsp>
                      <wps:wsp>
                        <wps:cNvPr id="9941" name="Rectangle 9941"/>
                        <wps:cNvSpPr/>
                        <wps:spPr>
                          <a:xfrm>
                            <a:off x="3377665" y="2091637"/>
                            <a:ext cx="594726" cy="13306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Адаптер </w:t>
                              </w:r>
                            </w:p>
                          </w:txbxContent>
                        </wps:txbx>
                        <wps:bodyPr horzOverflow="overflow" vert="horz" lIns="0" tIns="0" rIns="0" bIns="0" rtlCol="0">
                          <a:noAutofit/>
                        </wps:bodyPr>
                      </wps:wsp>
                      <wps:wsp>
                        <wps:cNvPr id="9942" name="Rectangle 9942"/>
                        <wps:cNvSpPr/>
                        <wps:spPr>
                          <a:xfrm>
                            <a:off x="3824752" y="2072799"/>
                            <a:ext cx="78818" cy="157852"/>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2</w:t>
                              </w:r>
                            </w:p>
                          </w:txbxContent>
                        </wps:txbx>
                        <wps:bodyPr horzOverflow="overflow" vert="horz" lIns="0" tIns="0" rIns="0" bIns="0" rtlCol="0">
                          <a:noAutofit/>
                        </wps:bodyPr>
                      </wps:wsp>
                      <wps:wsp>
                        <wps:cNvPr id="9943" name="Shape 9943"/>
                        <wps:cNvSpPr/>
                        <wps:spPr>
                          <a:xfrm>
                            <a:off x="3189329" y="1564891"/>
                            <a:ext cx="385907" cy="390379"/>
                          </a:xfrm>
                          <a:custGeom>
                            <a:avLst/>
                            <a:gdLst/>
                            <a:ahLst/>
                            <a:cxnLst/>
                            <a:rect l="0" t="0" r="0" b="0"/>
                            <a:pathLst>
                              <a:path w="385907" h="390379">
                                <a:moveTo>
                                  <a:pt x="0" y="0"/>
                                </a:moveTo>
                                <a:lnTo>
                                  <a:pt x="385907" y="390379"/>
                                </a:lnTo>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44" name="Shape 9944"/>
                        <wps:cNvSpPr/>
                        <wps:spPr>
                          <a:xfrm>
                            <a:off x="3133742" y="1508653"/>
                            <a:ext cx="81071" cy="81518"/>
                          </a:xfrm>
                          <a:custGeom>
                            <a:avLst/>
                            <a:gdLst/>
                            <a:ahLst/>
                            <a:cxnLst/>
                            <a:rect l="0" t="0" r="0" b="0"/>
                            <a:pathLst>
                              <a:path w="81071" h="81518">
                                <a:moveTo>
                                  <a:pt x="0" y="0"/>
                                </a:moveTo>
                                <a:lnTo>
                                  <a:pt x="81071" y="41158"/>
                                </a:lnTo>
                                <a:lnTo>
                                  <a:pt x="40136" y="8151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45" name="Shape 9945"/>
                        <wps:cNvSpPr/>
                        <wps:spPr>
                          <a:xfrm>
                            <a:off x="3549751" y="1929990"/>
                            <a:ext cx="81071" cy="81518"/>
                          </a:xfrm>
                          <a:custGeom>
                            <a:avLst/>
                            <a:gdLst/>
                            <a:ahLst/>
                            <a:cxnLst/>
                            <a:rect l="0" t="0" r="0" b="0"/>
                            <a:pathLst>
                              <a:path w="81071" h="81518">
                                <a:moveTo>
                                  <a:pt x="40935" y="0"/>
                                </a:moveTo>
                                <a:lnTo>
                                  <a:pt x="81071" y="81518"/>
                                </a:lnTo>
                                <a:lnTo>
                                  <a:pt x="0" y="40360"/>
                                </a:lnTo>
                                <a:lnTo>
                                  <a:pt x="4093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46" name="Shape 9946"/>
                        <wps:cNvSpPr/>
                        <wps:spPr>
                          <a:xfrm>
                            <a:off x="1637797" y="1777244"/>
                            <a:ext cx="1544517" cy="342835"/>
                          </a:xfrm>
                          <a:custGeom>
                            <a:avLst/>
                            <a:gdLst/>
                            <a:ahLst/>
                            <a:cxnLst/>
                            <a:rect l="0" t="0" r="0" b="0"/>
                            <a:pathLst>
                              <a:path w="1544517" h="342835">
                                <a:moveTo>
                                  <a:pt x="0" y="0"/>
                                </a:moveTo>
                                <a:lnTo>
                                  <a:pt x="1544517" y="342835"/>
                                </a:lnTo>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47" name="Shape 9947"/>
                        <wps:cNvSpPr/>
                        <wps:spPr>
                          <a:xfrm>
                            <a:off x="1560544" y="1750722"/>
                            <a:ext cx="90483" cy="56060"/>
                          </a:xfrm>
                          <a:custGeom>
                            <a:avLst/>
                            <a:gdLst/>
                            <a:ahLst/>
                            <a:cxnLst/>
                            <a:rect l="0" t="0" r="0" b="0"/>
                            <a:pathLst>
                              <a:path w="90483" h="56060">
                                <a:moveTo>
                                  <a:pt x="90483" y="0"/>
                                </a:moveTo>
                                <a:lnTo>
                                  <a:pt x="78052" y="56060"/>
                                </a:lnTo>
                                <a:lnTo>
                                  <a:pt x="0" y="9314"/>
                                </a:lnTo>
                                <a:lnTo>
                                  <a:pt x="90483"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48" name="Shape 9948"/>
                        <wps:cNvSpPr/>
                        <wps:spPr>
                          <a:xfrm>
                            <a:off x="3169083" y="2090453"/>
                            <a:ext cx="90483" cy="56149"/>
                          </a:xfrm>
                          <a:custGeom>
                            <a:avLst/>
                            <a:gdLst/>
                            <a:ahLst/>
                            <a:cxnLst/>
                            <a:rect l="0" t="0" r="0" b="0"/>
                            <a:pathLst>
                              <a:path w="90483" h="56149">
                                <a:moveTo>
                                  <a:pt x="12521" y="0"/>
                                </a:moveTo>
                                <a:lnTo>
                                  <a:pt x="90483" y="46746"/>
                                </a:lnTo>
                                <a:lnTo>
                                  <a:pt x="0" y="56149"/>
                                </a:lnTo>
                                <a:lnTo>
                                  <a:pt x="12521"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49" name="Shape 9949"/>
                        <wps:cNvSpPr/>
                        <wps:spPr>
                          <a:xfrm>
                            <a:off x="1749325" y="2697737"/>
                            <a:ext cx="34985" cy="482959"/>
                          </a:xfrm>
                          <a:custGeom>
                            <a:avLst/>
                            <a:gdLst/>
                            <a:ahLst/>
                            <a:cxnLst/>
                            <a:rect l="0" t="0" r="0" b="0"/>
                            <a:pathLst>
                              <a:path w="34985" h="482959">
                                <a:moveTo>
                                  <a:pt x="0" y="0"/>
                                </a:moveTo>
                                <a:lnTo>
                                  <a:pt x="34985" y="70208"/>
                                </a:lnTo>
                                <a:lnTo>
                                  <a:pt x="34985" y="482959"/>
                                </a:lnTo>
                                <a:lnTo>
                                  <a:pt x="0" y="412742"/>
                                </a:lnTo>
                                <a:lnTo>
                                  <a:pt x="0" y="0"/>
                                </a:ln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9950" name="Shape 9950"/>
                        <wps:cNvSpPr/>
                        <wps:spPr>
                          <a:xfrm>
                            <a:off x="1749325" y="2697737"/>
                            <a:ext cx="34985" cy="482959"/>
                          </a:xfrm>
                          <a:custGeom>
                            <a:avLst/>
                            <a:gdLst/>
                            <a:ahLst/>
                            <a:cxnLst/>
                            <a:rect l="0" t="0" r="0" b="0"/>
                            <a:pathLst>
                              <a:path w="34985" h="482959">
                                <a:moveTo>
                                  <a:pt x="34985" y="70208"/>
                                </a:moveTo>
                                <a:lnTo>
                                  <a:pt x="0" y="0"/>
                                </a:lnTo>
                                <a:lnTo>
                                  <a:pt x="0" y="412742"/>
                                </a:lnTo>
                                <a:lnTo>
                                  <a:pt x="34985" y="482959"/>
                                </a:lnTo>
                                <a:lnTo>
                                  <a:pt x="34985" y="70208"/>
                                </a:lnTo>
                                <a:close/>
                              </a:path>
                            </a:pathLst>
                          </a:custGeom>
                          <a:ln w="6387" cap="rnd">
                            <a:round/>
                          </a:ln>
                        </wps:spPr>
                        <wps:style>
                          <a:lnRef idx="1">
                            <a:srgbClr val="000000"/>
                          </a:lnRef>
                          <a:fillRef idx="0">
                            <a:srgbClr val="000000">
                              <a:alpha val="0"/>
                            </a:srgbClr>
                          </a:fillRef>
                          <a:effectRef idx="0">
                            <a:scrgbClr r="0" g="0" b="0"/>
                          </a:effectRef>
                          <a:fontRef idx="none"/>
                        </wps:style>
                        <wps:bodyPr/>
                      </wps:wsp>
                      <wps:wsp>
                        <wps:cNvPr id="69524" name="Shape 69524"/>
                        <wps:cNvSpPr/>
                        <wps:spPr>
                          <a:xfrm>
                            <a:off x="1784310" y="2767945"/>
                            <a:ext cx="180460" cy="412751"/>
                          </a:xfrm>
                          <a:custGeom>
                            <a:avLst/>
                            <a:gdLst/>
                            <a:ahLst/>
                            <a:cxnLst/>
                            <a:rect l="0" t="0" r="0" b="0"/>
                            <a:pathLst>
                              <a:path w="180460" h="412751">
                                <a:moveTo>
                                  <a:pt x="0" y="0"/>
                                </a:moveTo>
                                <a:lnTo>
                                  <a:pt x="180460" y="0"/>
                                </a:lnTo>
                                <a:lnTo>
                                  <a:pt x="180460" y="412751"/>
                                </a:lnTo>
                                <a:lnTo>
                                  <a:pt x="0" y="412751"/>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9952" name="Shape 9952"/>
                        <wps:cNvSpPr/>
                        <wps:spPr>
                          <a:xfrm>
                            <a:off x="1784310" y="2767945"/>
                            <a:ext cx="180460" cy="412751"/>
                          </a:xfrm>
                          <a:custGeom>
                            <a:avLst/>
                            <a:gdLst/>
                            <a:ahLst/>
                            <a:cxnLst/>
                            <a:rect l="0" t="0" r="0" b="0"/>
                            <a:pathLst>
                              <a:path w="180460" h="412751">
                                <a:moveTo>
                                  <a:pt x="0" y="412751"/>
                                </a:moveTo>
                                <a:lnTo>
                                  <a:pt x="180460" y="412751"/>
                                </a:lnTo>
                                <a:lnTo>
                                  <a:pt x="180460" y="0"/>
                                </a:lnTo>
                                <a:lnTo>
                                  <a:pt x="0" y="0"/>
                                </a:lnTo>
                                <a:close/>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53" name="Shape 9953"/>
                        <wps:cNvSpPr/>
                        <wps:spPr>
                          <a:xfrm>
                            <a:off x="1964744" y="2697737"/>
                            <a:ext cx="145536" cy="482959"/>
                          </a:xfrm>
                          <a:custGeom>
                            <a:avLst/>
                            <a:gdLst/>
                            <a:ahLst/>
                            <a:cxnLst/>
                            <a:rect l="0" t="0" r="0" b="0"/>
                            <a:pathLst>
                              <a:path w="145536" h="482959">
                                <a:moveTo>
                                  <a:pt x="145536" y="0"/>
                                </a:moveTo>
                                <a:lnTo>
                                  <a:pt x="145536" y="412742"/>
                                </a:lnTo>
                                <a:lnTo>
                                  <a:pt x="0" y="482959"/>
                                </a:lnTo>
                                <a:lnTo>
                                  <a:pt x="0" y="70208"/>
                                </a:lnTo>
                                <a:lnTo>
                                  <a:pt x="145536" y="0"/>
                                </a:ln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9954" name="Shape 9954"/>
                        <wps:cNvSpPr/>
                        <wps:spPr>
                          <a:xfrm>
                            <a:off x="1964744" y="2697737"/>
                            <a:ext cx="145536" cy="482959"/>
                          </a:xfrm>
                          <a:custGeom>
                            <a:avLst/>
                            <a:gdLst/>
                            <a:ahLst/>
                            <a:cxnLst/>
                            <a:rect l="0" t="0" r="0" b="0"/>
                            <a:pathLst>
                              <a:path w="145536" h="482959">
                                <a:moveTo>
                                  <a:pt x="145536" y="0"/>
                                </a:moveTo>
                                <a:lnTo>
                                  <a:pt x="0" y="70208"/>
                                </a:lnTo>
                                <a:lnTo>
                                  <a:pt x="0" y="482959"/>
                                </a:lnTo>
                                <a:lnTo>
                                  <a:pt x="145536" y="412742"/>
                                </a:lnTo>
                                <a:lnTo>
                                  <a:pt x="145536" y="0"/>
                                </a:lnTo>
                                <a:close/>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55" name="Shape 9955"/>
                        <wps:cNvSpPr/>
                        <wps:spPr>
                          <a:xfrm>
                            <a:off x="1749325" y="2627520"/>
                            <a:ext cx="360956" cy="140425"/>
                          </a:xfrm>
                          <a:custGeom>
                            <a:avLst/>
                            <a:gdLst/>
                            <a:ahLst/>
                            <a:cxnLst/>
                            <a:rect l="0" t="0" r="0" b="0"/>
                            <a:pathLst>
                              <a:path w="360956" h="140425">
                                <a:moveTo>
                                  <a:pt x="145536" y="0"/>
                                </a:moveTo>
                                <a:lnTo>
                                  <a:pt x="325970" y="0"/>
                                </a:lnTo>
                                <a:lnTo>
                                  <a:pt x="360956" y="70217"/>
                                </a:lnTo>
                                <a:lnTo>
                                  <a:pt x="215419" y="140425"/>
                                </a:lnTo>
                                <a:lnTo>
                                  <a:pt x="34985" y="140425"/>
                                </a:lnTo>
                                <a:lnTo>
                                  <a:pt x="0" y="70217"/>
                                </a:lnTo>
                                <a:lnTo>
                                  <a:pt x="145536" y="0"/>
                                </a:ln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9956" name="Shape 9956"/>
                        <wps:cNvSpPr/>
                        <wps:spPr>
                          <a:xfrm>
                            <a:off x="1749325" y="2627520"/>
                            <a:ext cx="360956" cy="140425"/>
                          </a:xfrm>
                          <a:custGeom>
                            <a:avLst/>
                            <a:gdLst/>
                            <a:ahLst/>
                            <a:cxnLst/>
                            <a:rect l="0" t="0" r="0" b="0"/>
                            <a:pathLst>
                              <a:path w="360956" h="140425">
                                <a:moveTo>
                                  <a:pt x="360956" y="70217"/>
                                </a:moveTo>
                                <a:lnTo>
                                  <a:pt x="325970" y="0"/>
                                </a:lnTo>
                                <a:lnTo>
                                  <a:pt x="145536" y="0"/>
                                </a:lnTo>
                                <a:lnTo>
                                  <a:pt x="0" y="70217"/>
                                </a:lnTo>
                                <a:lnTo>
                                  <a:pt x="34985" y="140425"/>
                                </a:lnTo>
                                <a:lnTo>
                                  <a:pt x="215419" y="140425"/>
                                </a:lnTo>
                                <a:lnTo>
                                  <a:pt x="360956" y="70217"/>
                                </a:lnTo>
                                <a:close/>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57" name="Shape 9957"/>
                        <wps:cNvSpPr/>
                        <wps:spPr>
                          <a:xfrm>
                            <a:off x="2185402" y="2287816"/>
                            <a:ext cx="1370299" cy="453163"/>
                          </a:xfrm>
                          <a:custGeom>
                            <a:avLst/>
                            <a:gdLst/>
                            <a:ahLst/>
                            <a:cxnLst/>
                            <a:rect l="0" t="0" r="0" b="0"/>
                            <a:pathLst>
                              <a:path w="1370299" h="453163">
                                <a:moveTo>
                                  <a:pt x="0" y="453163"/>
                                </a:moveTo>
                                <a:lnTo>
                                  <a:pt x="1370299" y="0"/>
                                </a:lnTo>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58" name="Shape 9958"/>
                        <wps:cNvSpPr/>
                        <wps:spPr>
                          <a:xfrm>
                            <a:off x="2110280" y="2711433"/>
                            <a:ext cx="90927" cy="54570"/>
                          </a:xfrm>
                          <a:custGeom>
                            <a:avLst/>
                            <a:gdLst/>
                            <a:ahLst/>
                            <a:cxnLst/>
                            <a:rect l="0" t="0" r="0" b="0"/>
                            <a:pathLst>
                              <a:path w="90927" h="54570">
                                <a:moveTo>
                                  <a:pt x="72901" y="0"/>
                                </a:moveTo>
                                <a:lnTo>
                                  <a:pt x="90927" y="54570"/>
                                </a:lnTo>
                                <a:lnTo>
                                  <a:pt x="0" y="54384"/>
                                </a:lnTo>
                                <a:lnTo>
                                  <a:pt x="72901"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59" name="Shape 9959"/>
                        <wps:cNvSpPr/>
                        <wps:spPr>
                          <a:xfrm>
                            <a:off x="3539895" y="2262713"/>
                            <a:ext cx="90927" cy="54641"/>
                          </a:xfrm>
                          <a:custGeom>
                            <a:avLst/>
                            <a:gdLst/>
                            <a:ahLst/>
                            <a:cxnLst/>
                            <a:rect l="0" t="0" r="0" b="0"/>
                            <a:pathLst>
                              <a:path w="90927" h="54641">
                                <a:moveTo>
                                  <a:pt x="0" y="0"/>
                                </a:moveTo>
                                <a:lnTo>
                                  <a:pt x="90927" y="266"/>
                                </a:lnTo>
                                <a:lnTo>
                                  <a:pt x="18026" y="54641"/>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60" name="Shape 9960"/>
                        <wps:cNvSpPr/>
                        <wps:spPr>
                          <a:xfrm>
                            <a:off x="445756" y="2289590"/>
                            <a:ext cx="1264055" cy="451736"/>
                          </a:xfrm>
                          <a:custGeom>
                            <a:avLst/>
                            <a:gdLst/>
                            <a:ahLst/>
                            <a:cxnLst/>
                            <a:rect l="0" t="0" r="0" b="0"/>
                            <a:pathLst>
                              <a:path w="1264055" h="451736">
                                <a:moveTo>
                                  <a:pt x="1264055" y="451736"/>
                                </a:moveTo>
                                <a:lnTo>
                                  <a:pt x="0" y="0"/>
                                </a:lnTo>
                              </a:path>
                            </a:pathLst>
                          </a:custGeom>
                          <a:ln w="6387" cap="rnd">
                            <a:round/>
                          </a:ln>
                        </wps:spPr>
                        <wps:style>
                          <a:lnRef idx="1">
                            <a:srgbClr val="000000"/>
                          </a:lnRef>
                          <a:fillRef idx="0">
                            <a:srgbClr val="000000">
                              <a:alpha val="0"/>
                            </a:srgbClr>
                          </a:fillRef>
                          <a:effectRef idx="0">
                            <a:scrgbClr r="0" g="0" b="0"/>
                          </a:effectRef>
                          <a:fontRef idx="none"/>
                        </wps:style>
                        <wps:bodyPr/>
                      </wps:wsp>
                      <wps:wsp>
                        <wps:cNvPr id="9961" name="Shape 9961"/>
                        <wps:cNvSpPr/>
                        <wps:spPr>
                          <a:xfrm>
                            <a:off x="1693384" y="2711841"/>
                            <a:ext cx="90927" cy="56104"/>
                          </a:xfrm>
                          <a:custGeom>
                            <a:avLst/>
                            <a:gdLst/>
                            <a:ahLst/>
                            <a:cxnLst/>
                            <a:rect l="0" t="0" r="0" b="0"/>
                            <a:pathLst>
                              <a:path w="90927" h="56104">
                                <a:moveTo>
                                  <a:pt x="19357" y="0"/>
                                </a:moveTo>
                                <a:lnTo>
                                  <a:pt x="90927" y="56104"/>
                                </a:lnTo>
                                <a:lnTo>
                                  <a:pt x="0" y="54118"/>
                                </a:lnTo>
                                <a:lnTo>
                                  <a:pt x="1935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62" name="Shape 9962"/>
                        <wps:cNvSpPr/>
                        <wps:spPr>
                          <a:xfrm>
                            <a:off x="371265" y="2262979"/>
                            <a:ext cx="90954" cy="56060"/>
                          </a:xfrm>
                          <a:custGeom>
                            <a:avLst/>
                            <a:gdLst/>
                            <a:ahLst/>
                            <a:cxnLst/>
                            <a:rect l="0" t="0" r="0" b="0"/>
                            <a:pathLst>
                              <a:path w="90954" h="56060">
                                <a:moveTo>
                                  <a:pt x="0" y="0"/>
                                </a:moveTo>
                                <a:lnTo>
                                  <a:pt x="90954" y="1952"/>
                                </a:lnTo>
                                <a:lnTo>
                                  <a:pt x="71578" y="5606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9963" name="Rectangle 9963"/>
                        <wps:cNvSpPr/>
                        <wps:spPr>
                          <a:xfrm>
                            <a:off x="2846310" y="2618982"/>
                            <a:ext cx="350864" cy="13307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Путь </w:t>
                              </w:r>
                            </w:p>
                          </w:txbxContent>
                        </wps:txbx>
                        <wps:bodyPr horzOverflow="overflow" vert="horz" lIns="0" tIns="0" rIns="0" bIns="0" rtlCol="0">
                          <a:noAutofit/>
                        </wps:bodyPr>
                      </wps:wsp>
                      <wps:wsp>
                        <wps:cNvPr id="9964" name="Rectangle 9964"/>
                        <wps:cNvSpPr/>
                        <wps:spPr>
                          <a:xfrm>
                            <a:off x="3110123" y="2600145"/>
                            <a:ext cx="78818" cy="1578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2</w:t>
                              </w:r>
                            </w:p>
                          </w:txbxContent>
                        </wps:txbx>
                        <wps:bodyPr horzOverflow="overflow" vert="horz" lIns="0" tIns="0" rIns="0" bIns="0" rtlCol="0">
                          <a:noAutofit/>
                        </wps:bodyPr>
                      </wps:wsp>
                      <wps:wsp>
                        <wps:cNvPr id="9965" name="Rectangle 9965"/>
                        <wps:cNvSpPr/>
                        <wps:spPr>
                          <a:xfrm>
                            <a:off x="683134" y="2544942"/>
                            <a:ext cx="311466" cy="133069"/>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Путь</w:t>
                              </w:r>
                            </w:p>
                          </w:txbxContent>
                        </wps:txbx>
                        <wps:bodyPr horzOverflow="overflow" vert="horz" lIns="0" tIns="0" rIns="0" bIns="0" rtlCol="0">
                          <a:noAutofit/>
                        </wps:bodyPr>
                      </wps:wsp>
                      <wps:wsp>
                        <wps:cNvPr id="66213" name="Rectangle 66213"/>
                        <wps:cNvSpPr/>
                        <wps:spPr>
                          <a:xfrm>
                            <a:off x="917306" y="2526105"/>
                            <a:ext cx="78819" cy="1578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1</w:t>
                              </w:r>
                            </w:p>
                          </w:txbxContent>
                        </wps:txbx>
                        <wps:bodyPr horzOverflow="overflow" vert="horz" lIns="0" tIns="0" rIns="0" bIns="0" rtlCol="0">
                          <a:noAutofit/>
                        </wps:bodyPr>
                      </wps:wsp>
                      <wps:wsp>
                        <wps:cNvPr id="66214" name="Rectangle 66214"/>
                        <wps:cNvSpPr/>
                        <wps:spPr>
                          <a:xfrm>
                            <a:off x="976568" y="2526105"/>
                            <a:ext cx="39375" cy="157853"/>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 xml:space="preserve"> </w:t>
                              </w:r>
                            </w:p>
                          </w:txbxContent>
                        </wps:txbx>
                        <wps:bodyPr horzOverflow="overflow" vert="horz" lIns="0" tIns="0" rIns="0" bIns="0" rtlCol="0">
                          <a:noAutofit/>
                        </wps:bodyPr>
                      </wps:wsp>
                      <wps:wsp>
                        <wps:cNvPr id="9967" name="Rectangle 9967"/>
                        <wps:cNvSpPr/>
                        <wps:spPr>
                          <a:xfrm>
                            <a:off x="1797896" y="3247583"/>
                            <a:ext cx="308084" cy="133070"/>
                          </a:xfrm>
                          <a:prstGeom prst="rect">
                            <a:avLst/>
                          </a:prstGeom>
                          <a:ln>
                            <a:noFill/>
                          </a:ln>
                        </wps:spPr>
                        <wps:txbx>
                          <w:txbxContent>
                            <w:p w:rsidR="0043064D" w:rsidRDefault="008B3C4B">
                              <w:pPr>
                                <w:spacing w:after="160" w:line="259" w:lineRule="auto"/>
                                <w:ind w:left="0" w:firstLine="0"/>
                                <w:jc w:val="left"/>
                              </w:pPr>
                              <w:r>
                                <w:rPr>
                                  <w:rFonts w:ascii="Arial" w:eastAsia="Arial" w:hAnsi="Arial" w:cs="Arial"/>
                                  <w:sz w:val="17"/>
                                </w:rPr>
                                <w:t>Диск</w:t>
                              </w:r>
                            </w:p>
                          </w:txbxContent>
                        </wps:txbx>
                        <wps:bodyPr horzOverflow="overflow" vert="horz" lIns="0" tIns="0" rIns="0" bIns="0" rtlCol="0">
                          <a:noAutofit/>
                        </wps:bodyPr>
                      </wps:wsp>
                    </wpg:wgp>
                  </a:graphicData>
                </a:graphic>
              </wp:inline>
            </w:drawing>
          </mc:Choice>
          <mc:Fallback>
            <w:pict>
              <v:group id="Group 66462" o:spid="_x0000_s3286" style="width:315.15pt;height:263.6pt;mso-position-horizontal-relative:char;mso-position-vertical-relative:line" coordsize="40020,33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">
                <v:shape id="Shape 9889" o:spid="_x0000_s3287" style="position:absolute;left:11201;width:8809;height:3771;visibility:visible;mso-wrap-style:square;v-text-anchor:top" coordsize="880971,3771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" path="m,377163r880971,l880971,,,,,377163xe" filled="f" strokeweight=".05914mm">
                  <v:stroke endcap="round"/>
                  <v:path arrowok="t" textboxrect="0,0,880971,377163"/>
                </v:shape>
                <v:rect id="Rectangle 9890" o:spid="_x0000_s3288" style="position:absolute;left:13059;top:1241;width:4254;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7"/>
                          </w:rPr>
                          <w:t>Mpdev</w:t>
                        </w:r>
                        <w:proofErr w:type="spellEnd"/>
                      </w:p>
                    </w:txbxContent>
                  </v:textbox>
                </v:rect>
                <v:rect id="Rectangle 9891" o:spid="_x0000_s3289" style="position:absolute;left:16258;top:1241;width:393;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9892" o:spid="_x0000_s3290" style="position:absolute;left:16553;top:1241;width:2126;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7"/>
                          </w:rPr>
                          <w:t>sys</w:t>
                        </w:r>
                        <w:proofErr w:type="spellEnd"/>
                      </w:p>
                    </w:txbxContent>
                  </v:textbox>
                </v:rect>
                <v:shape id="Shape 9894" o:spid="_x0000_s3291" style="position:absolute;left:26303;width:8810;height:3771;visibility:visible;mso-wrap-style:square;v-text-anchor:top" coordsize="880971,3771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" path="m,377163r880971,l880971,,,,,377163xe" filled="f" strokeweight=".05914mm">
                  <v:stroke endcap="round"/>
                  <v:path arrowok="t" textboxrect="0,0,880971,377163"/>
                </v:shape>
                <v:rect id="Rectangle 9895" o:spid="_x0000_s3292" style="position:absolute;left:28687;top:603;width:3150;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DSM</w:t>
                        </w:r>
                      </w:p>
                    </w:txbxContent>
                  </v:textbox>
                </v:rect>
                <v:rect id="Rectangle 9896" o:spid="_x0000_s3293" style="position:absolute;left:31055;top:603;width:39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9897" o:spid="_x0000_s3294" style="position:absolute;left:31351;top:791;width:1831;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от </w:t>
                        </w:r>
                      </w:p>
                    </w:txbxContent>
                  </v:textbox>
                </v:rect>
                <v:rect id="Rectangle 9898" o:spid="_x0000_s3295" style="position:absolute;left:27414;top:2068;width:8761;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" filled="f" stroked="f">
                  <v:textbox inset="0,0,0,0">
                    <w:txbxContent>
                      <w:p w:rsidR="0043064D" w:rsidRDefault="008B3C4B">
                        <w:pPr>
                          <w:spacing w:after="160" w:line="259" w:lineRule="auto"/>
                          <w:ind w:left="0" w:firstLine="0"/>
                          <w:jc w:val="left"/>
                        </w:pPr>
                        <w:r>
                          <w:rPr>
                            <w:rFonts w:ascii="Arial" w:eastAsia="Arial" w:hAnsi="Arial" w:cs="Arial"/>
                            <w:sz w:val="17"/>
                          </w:rPr>
                          <w:t>изготовителя</w:t>
                        </w:r>
                      </w:p>
                    </w:txbxContent>
                  </v:textbox>
                </v:rect>
                <v:shape id="Shape 9899" o:spid="_x0000_s3296" style="position:absolute;left:20801;top:1885;width:4711;height:0;visibility:visible;mso-wrap-style:square;v-text-anchor:top" coordsize="47106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" path="m,l471062,e" filled="f" strokeweight=".17742mm">
                  <v:stroke endcap="round"/>
                  <v:path arrowok="t" textboxrect="0,0,471062,0"/>
                </v:shape>
                <v:shape id="Shape 9900" o:spid="_x0000_s3297" style="position:absolute;left:20010;top:1598;width:863;height:575;visibility:visible;mso-wrap-style:square;v-text-anchor:top" coordsize="86310,574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" path="m86310,r,57479l,28740,86310,xe" fillcolor="black" stroked="f" strokeweight="0">
                  <v:stroke endcap="round"/>
                  <v:path arrowok="t" textboxrect="0,0,86310,57479"/>
                </v:shape>
                <v:shape id="Shape 9901" o:spid="_x0000_s3298" style="position:absolute;left:25440;top:1598;width:863;height:575;visibility:visible;mso-wrap-style:square;v-text-anchor:top" coordsize="86310,574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" path="m,l86310,28740,,57479,,xe" fillcolor="black" stroked="f" strokeweight="0">
                  <v:stroke endcap="round"/>
                  <v:path arrowok="t" textboxrect="0,0,86310,57479"/>
                </v:shape>
                <v:shape id="Shape 9903" o:spid="_x0000_s3299" style="position:absolute;left:11201;top:7542;width:8809;height:2515;visibility:visible;mso-wrap-style:square;v-text-anchor:top" coordsize="880971,25143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" path="m,251437r880971,l880971,,,,,251437xe" filled="f" strokeweight=".05914mm">
                  <v:stroke endcap="round"/>
                  <v:path arrowok="t" textboxrect="0,0,880971,251437"/>
                </v:shape>
                <v:rect id="Rectangle 9904" o:spid="_x0000_s3300" style="position:absolute;left:13237;top:8156;width:3779;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7"/>
                          </w:rPr>
                          <w:t>Mpsflt</w:t>
                        </w:r>
                        <w:proofErr w:type="spellEnd"/>
                      </w:p>
                    </w:txbxContent>
                  </v:textbox>
                </v:rect>
                <v:rect id="Rectangle 9905" o:spid="_x0000_s3301" style="position:absolute;left:16079;top:8156;width:39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9906" o:spid="_x0000_s3302" style="position:absolute;left:16375;top:8156;width:2126;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7"/>
                          </w:rPr>
                          <w:t>sys</w:t>
                        </w:r>
                        <w:proofErr w:type="spellEnd"/>
                      </w:p>
                    </w:txbxContent>
                  </v:textbox>
                </v:rect>
                <v:shape id="Shape 9907" o:spid="_x0000_s3303" style="position:absolute;left:15605;top:4561;width:0;height:2191;visibility:visible;mso-wrap-style:square;v-text-anchor:top" coordsize="0,2190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" path="m,l,219095e" filled="f" strokeweight=".17742mm">
                  <v:stroke endcap="round"/>
                  <v:path arrowok="t" textboxrect="0,0,0,219095"/>
                </v:shape>
                <v:shape id="Shape 9908" o:spid="_x0000_s3304" style="position:absolute;left:15317;top:3771;width:576;height:862;visibility:visible;mso-wrap-style:square;v-text-anchor:top" coordsize="57540,862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" path="m28770,l57540,86219,,86219,28770,xe" fillcolor="black" stroked="f" strokeweight="0">
                  <v:stroke endcap="round"/>
                  <v:path arrowok="t" textboxrect="0,0,57540,86219"/>
                </v:shape>
                <v:shape id="Shape 9909" o:spid="_x0000_s3305" style="position:absolute;left:15317;top:6681;width:576;height:862;visibility:visible;mso-wrap-style:square;v-text-anchor:top" coordsize="57540,862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" path="m,l57540,,28770,86219,,xe" fillcolor="black" stroked="f" strokeweight="0">
                  <v:stroke endcap="round"/>
                  <v:path arrowok="t" textboxrect="0,0,57540,86219"/>
                </v:shape>
                <v:shape id="Shape 9911" o:spid="_x0000_s3306" style="position:absolute;left:26303;top:12572;width:8810;height:2514;visibility:visible;mso-wrap-style:square;v-text-anchor:top" coordsize="880971,25143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" path="m,251437r880971,l880971,,,,,251437xe" filled="f" strokeweight=".05914mm">
                  <v:stroke endcap="round"/>
                  <v:path arrowok="t" textboxrect="0,0,880971,251437"/>
                </v:shape>
                <v:rect id="Rectangle 9912" o:spid="_x0000_s3307" style="position:absolute;left:28606;top:13184;width:3071;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7"/>
                          </w:rPr>
                          <w:t>Mpio</w:t>
                        </w:r>
                        <w:proofErr w:type="spellEnd"/>
                      </w:p>
                    </w:txbxContent>
                  </v:textbox>
                </v:rect>
                <v:rect id="Rectangle 9913" o:spid="_x0000_s3308" style="position:absolute;left:30915;top:13184;width:394;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9914" o:spid="_x0000_s3309" style="position:absolute;left:31211;top:13184;width:2126;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7"/>
                          </w:rPr>
                          <w:t>sys</w:t>
                        </w:r>
                        <w:proofErr w:type="spellEnd"/>
                      </w:p>
                    </w:txbxContent>
                  </v:textbox>
                </v:rect>
                <v:shape id="Shape 9916" o:spid="_x0000_s3310" style="position:absolute;left:11201;top:12571;width:8809;height:5029;visibility:visible;mso-wrap-style:square;v-text-anchor:top" coordsize="880971,5028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" path="m,502882r880971,l880971,,,,,502882xe" filled="f" strokeweight=".05914mm">
                  <v:stroke endcap="round"/>
                  <v:path arrowok="t" textboxrect="0,0,880971,502882"/>
                </v:shape>
                <v:rect id="Rectangle 9917" o:spid="_x0000_s3311" style="position:absolute;left:12131;top:13353;width:3244;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" filled="f" stroked="f">
                  <v:textbox inset="0,0,0,0">
                    <w:txbxContent>
                      <w:p w:rsidR="0043064D" w:rsidRDefault="008B3C4B">
                        <w:pPr>
                          <w:spacing w:after="160" w:line="259" w:lineRule="auto"/>
                          <w:ind w:left="0" w:firstLine="0"/>
                          <w:jc w:val="left"/>
                        </w:pPr>
                        <w:r>
                          <w:rPr>
                            <w:rFonts w:ascii="Arial" w:eastAsia="Arial" w:hAnsi="Arial" w:cs="Arial"/>
                            <w:sz w:val="17"/>
                          </w:rPr>
                          <w:t>Порт</w:t>
                        </w:r>
                      </w:p>
                    </w:txbxContent>
                  </v:textbox>
                </v:rect>
                <v:rect id="Rectangle 9918" o:spid="_x0000_s3312" style="position:absolute;left:14570;top:13165;width:472;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" filled="f" stroked="f">
                  <v:textbox inset="0,0,0,0">
                    <w:txbxContent>
                      <w:p w:rsidR="0043064D" w:rsidRDefault="008B3C4B">
                        <w:pPr>
                          <w:spacing w:after="160" w:line="259" w:lineRule="auto"/>
                          <w:ind w:left="0" w:firstLine="0"/>
                          <w:jc w:val="left"/>
                        </w:pPr>
                        <w:r>
                          <w:rPr>
                            <w:rFonts w:ascii="Arial" w:eastAsia="Arial" w:hAnsi="Arial" w:cs="Arial"/>
                            <w:sz w:val="17"/>
                          </w:rPr>
                          <w:t>-</w:t>
                        </w:r>
                      </w:p>
                    </w:txbxContent>
                  </v:textbox>
                </v:rect>
                <v:rect id="Rectangle 9919" o:spid="_x0000_s3313" style="position:absolute;left:14926;top:13353;width:5524;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драйвер</w:t>
                        </w:r>
                      </w:p>
                    </w:txbxContent>
                  </v:textbox>
                </v:rect>
                <v:shape id="Shape 69521" o:spid="_x0000_s3314" style="position:absolute;left:12459;top:15086;width:6293;height:1760;visibility:visible;mso-wrap-style:square;v-text-anchor:top" coordsize="629262,1760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" path="m,l629262,r,176013l,176013,,e" fillcolor="#d9d9d9" stroked="f" strokeweight="0">
                  <v:stroke endcap="round"/>
                  <v:path arrowok="t" textboxrect="0,0,629262,176013"/>
                </v:shape>
                <v:shape id="Shape 9921" o:spid="_x0000_s3315" style="position:absolute;left:12459;top:15086;width:6293;height:1760;visibility:visible;mso-wrap-style:square;v-text-anchor:top" coordsize="629262,1760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" path="m,176013r629262,l629262,,,,,176013xe" filled="f" strokeweight=".05914mm">
                  <v:stroke endcap="round"/>
                  <v:path arrowok="t" textboxrect="0,0,629262,176013"/>
                </v:shape>
                <v:rect id="Rectangle 9922" o:spid="_x0000_s3316" style="position:absolute;left:13147;top:15510;width:6539;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" filled="f" stroked="f">
                  <v:textbox inset="0,0,0,0">
                    <w:txbxContent>
                      <w:p w:rsidR="0043064D" w:rsidRDefault="008B3C4B">
                        <w:pPr>
                          <w:spacing w:after="160" w:line="259" w:lineRule="auto"/>
                          <w:ind w:left="0" w:firstLine="0"/>
                          <w:jc w:val="left"/>
                        </w:pPr>
                        <w:proofErr w:type="spellStart"/>
                        <w:r>
                          <w:rPr>
                            <w:rFonts w:ascii="Arial" w:eastAsia="Arial" w:hAnsi="Arial" w:cs="Arial"/>
                            <w:sz w:val="17"/>
                          </w:rPr>
                          <w:t>Минипорт</w:t>
                        </w:r>
                        <w:proofErr w:type="spellEnd"/>
                      </w:p>
                    </w:txbxContent>
                  </v:textbox>
                </v:rect>
                <v:shape id="Shape 9923" o:spid="_x0000_s3317" style="position:absolute;left:20621;top:4273;width:9475;height:7796;visibility:visible;mso-wrap-style:square;v-text-anchor:top" coordsize="947541,7796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" path="m,l947541,779607e" filled="f" strokeweight=".17742mm">
                  <v:stroke endcap="round"/>
                  <v:path arrowok="t" textboxrect="0,0,947541,779607"/>
                </v:shape>
                <v:shape id="Shape 9924" o:spid="_x0000_s3318" style="position:absolute;left:20010;top:3771;width:849;height:770;visibility:visible;mso-wrap-style:square;v-text-anchor:top" coordsize="84889,769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" path="m,l84889,32554,48306,76994,,xe" fillcolor="black" stroked="f" strokeweight="0">
                  <v:stroke endcap="round"/>
                  <v:path arrowok="t" textboxrect="0,0,84889,76994"/>
                </v:shape>
                <v:shape id="Shape 9925" o:spid="_x0000_s3319" style="position:absolute;left:29858;top:11801;width:849;height:770;visibility:visible;mso-wrap-style:square;v-text-anchor:top" coordsize="84889,769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" path="m36584,l84889,76994,,44352,36584,xe" fillcolor="black" stroked="f" strokeweight="0">
                  <v:stroke endcap="round"/>
                  <v:path arrowok="t" textboxrect="0,0,84889,76994"/>
                </v:shape>
                <v:shape id="Shape 9926" o:spid="_x0000_s3320" style="position:absolute;left:15605;top:10847;width:0;height:934;visibility:visible;mso-wrap-style:square;v-text-anchor:top" coordsize="0,934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" path="m,l,93404e" filled="f" strokeweight=".17742mm">
                  <v:stroke endcap="round"/>
                  <v:path arrowok="t" textboxrect="0,0,0,93404"/>
                </v:shape>
                <v:shape id="Shape 9927" o:spid="_x0000_s3321" style="position:absolute;left:15317;top:10057;width:576;height:862;visibility:visible;mso-wrap-style:square;v-text-anchor:top" coordsize="57540,862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" path="m28770,l57540,86219,,86219,28770,xe" fillcolor="black" stroked="f" strokeweight="0">
                  <v:stroke endcap="round"/>
                  <v:path arrowok="t" textboxrect="0,0,57540,86219"/>
                </v:shape>
                <v:shape id="Shape 9928" o:spid="_x0000_s3322" style="position:absolute;left:15317;top:11709;width:576;height:862;visibility:visible;mso-wrap-style:square;v-text-anchor:top" coordsize="57540,862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" path="m,l57540,,28770,86219,,xe" fillcolor="black" stroked="f" strokeweight="0">
                  <v:stroke endcap="round"/>
                  <v:path arrowok="t" textboxrect="0,0,57540,86219"/>
                </v:shape>
                <v:shape id="Shape 69522" o:spid="_x0000_s3323" style="position:absolute;top:20115;width:7425;height:2514;visibility:visible;mso-wrap-style:square;v-text-anchor:top" coordsize="742530,2514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" path="m,l742530,r,251436l,251436,,e" fillcolor="#d9d9d9" stroked="f" strokeweight="0">
                  <v:stroke endcap="round"/>
                  <v:path arrowok="t" textboxrect="0,0,742530,251436"/>
                </v:shape>
                <v:shape id="Shape 9930" o:spid="_x0000_s3324" style="position:absolute;top:20115;width:7425;height:2514;visibility:visible;mso-wrap-style:square;v-text-anchor:top" coordsize="742530,2514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" path="m,251436r742530,l742530,,,,,251436xe" filled="f" strokeweight=".05914mm">
                  <v:stroke endcap="round"/>
                  <v:path arrowok="t" textboxrect="0,0,742530,251436"/>
                </v:shape>
                <v:rect id="Rectangle 9931" o:spid="_x0000_s3325" style="position:absolute;left:1180;top:20916;width:5947;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Адаптер </w:t>
                        </w:r>
                      </w:p>
                    </w:txbxContent>
                  </v:textbox>
                </v:rect>
                <v:rect id="Rectangle 9932" o:spid="_x0000_s3326" style="position:absolute;left:5652;top:20727;width:788;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1</w:t>
                        </w:r>
                      </w:p>
                    </w:txbxContent>
                  </v:textbox>
                </v:rect>
                <v:shape id="Shape 9933" o:spid="_x0000_s3327" style="position:absolute;left:8132;top:17954;width:3619;height:1807;visibility:visible;mso-wrap-style:square;v-text-anchor:top" coordsize="361879,18068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" path="m,180687l361879,e" filled="f" strokeweight=".17742mm">
                  <v:stroke endcap="round"/>
                  <v:path arrowok="t" textboxrect="0,0,361879,180687"/>
                </v:shape>
                <v:shape id="Shape 9934" o:spid="_x0000_s3328" style="position:absolute;left:7425;top:19471;width:900;height:644;visibility:visible;mso-wrap-style:square;v-text-anchor:top" coordsize="90066,643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" path="m64333,l90066,51447,,64309,64333,xe" fillcolor="black" stroked="f" strokeweight="0">
                  <v:stroke endcap="round"/>
                  <v:path arrowok="t" textboxrect="0,0,90066,64309"/>
                </v:shape>
                <v:shape id="Shape 9935" o:spid="_x0000_s3329" style="position:absolute;left:11559;top:17600;width:900;height:643;visibility:visible;mso-wrap-style:square;v-text-anchor:top" coordsize="90039,643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" path="m90039,l25751,64309,,12862,90039,xe" fillcolor="black" stroked="f" strokeweight="0">
                  <v:stroke endcap="round"/>
                  <v:path arrowok="t" textboxrect="0,0,90039,64309"/>
                </v:shape>
                <v:shape id="Shape 9936" o:spid="_x0000_s3330" style="position:absolute;left:8189;top:15292;width:21755;height:5874;visibility:visible;mso-wrap-style:square;v-text-anchor:top" coordsize="2175518,5873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" path="m,587388l2175518,e" filled="f" strokeweight=".17742mm">
                  <v:stroke endcap="round"/>
                  <v:path arrowok="t" textboxrect="0,0,2175518,587388"/>
                </v:shape>
                <v:shape id="Shape 9937" o:spid="_x0000_s3331" style="position:absolute;left:7425;top:20869;width:908;height:555;visibility:visible;mso-wrap-style:square;v-text-anchor:top" coordsize="90829,55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" path="m75814,l90829,55438,,50205,75814,xe" fillcolor="black" stroked="f" strokeweight="0">
                  <v:stroke endcap="round"/>
                  <v:path arrowok="t" textboxrect="0,0,90829,55438"/>
                </v:shape>
                <v:shape id="Shape 9938" o:spid="_x0000_s3332" style="position:absolute;left:29799;top:15033;width:908;height:555;visibility:visible;mso-wrap-style:square;v-text-anchor:top" coordsize="90838,555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" path="m,l90838,5322,15006,55528,,xe" fillcolor="black" stroked="f" strokeweight="0">
                  <v:stroke endcap="round"/>
                  <v:path arrowok="t" textboxrect="0,0,90838,55528"/>
                </v:shape>
                <v:shape id="Shape 69523" o:spid="_x0000_s3333" style="position:absolute;left:32595;top:20115;width:7425;height:2514;visibility:visible;mso-wrap-style:square;v-text-anchor:top" coordsize="742530,2514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" path="m,l742530,r,251436l,251436,,e" fillcolor="#d9d9d9" stroked="f" strokeweight="0">
                  <v:stroke endcap="round"/>
                  <v:path arrowok="t" textboxrect="0,0,742530,251436"/>
                </v:shape>
                <v:shape id="Shape 9940" o:spid="_x0000_s3334" style="position:absolute;left:32595;top:20115;width:7425;height:2514;visibility:visible;mso-wrap-style:square;v-text-anchor:top" coordsize="742530,2514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" path="m,251436r742530,l742530,,,,,251436xe" filled="f" strokeweight=".05914mm">
                  <v:stroke endcap="round"/>
                  <v:path arrowok="t" textboxrect="0,0,742530,251436"/>
                </v:shape>
                <v:rect id="Rectangle 9941" o:spid="_x0000_s3335" style="position:absolute;left:33776;top:20916;width:5947;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Адаптер </w:t>
                        </w:r>
                      </w:p>
                    </w:txbxContent>
                  </v:textbox>
                </v:rect>
                <v:rect id="Rectangle 9942" o:spid="_x0000_s3336" style="position:absolute;left:38247;top:20727;width:788;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2</w:t>
                        </w:r>
                      </w:p>
                    </w:txbxContent>
                  </v:textbox>
                </v:rect>
                <v:shape id="Shape 9943" o:spid="_x0000_s3337" style="position:absolute;left:31893;top:15648;width:3859;height:3904;visibility:visible;mso-wrap-style:square;v-text-anchor:top" coordsize="385907,3903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" path="m,l385907,390379e" filled="f" strokeweight=".17742mm">
                  <v:stroke endcap="round"/>
                  <v:path arrowok="t" textboxrect="0,0,385907,390379"/>
                </v:shape>
                <v:shape id="Shape 9944" o:spid="_x0000_s3338" style="position:absolute;left:31337;top:15086;width:811;height:815;visibility:visible;mso-wrap-style:square;v-text-anchor:top" coordsize="81071,815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" path="m,l81071,41158,40136,81518,,xe" fillcolor="black" stroked="f" strokeweight="0">
                  <v:stroke endcap="round"/>
                  <v:path arrowok="t" textboxrect="0,0,81071,81518"/>
                </v:shape>
                <v:shape id="Shape 9945" o:spid="_x0000_s3339" style="position:absolute;left:35497;top:19299;width:811;height:816;visibility:visible;mso-wrap-style:square;v-text-anchor:top" coordsize="81071,815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" path="m40935,l81071,81518,,40360,40935,xe" fillcolor="black" stroked="f" strokeweight="0">
                  <v:stroke endcap="round"/>
                  <v:path arrowok="t" textboxrect="0,0,81071,81518"/>
                </v:shape>
                <v:shape id="Shape 9946" o:spid="_x0000_s3340" style="position:absolute;left:16377;top:17772;width:15446;height:3428;visibility:visible;mso-wrap-style:square;v-text-anchor:top" coordsize="1544517,3428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" path="m,l1544517,342835e" filled="f" strokeweight=".17742mm">
                  <v:stroke endcap="round"/>
                  <v:path arrowok="t" textboxrect="0,0,1544517,342835"/>
                </v:shape>
                <v:shape id="Shape 9947" o:spid="_x0000_s3341" style="position:absolute;left:15605;top:17507;width:905;height:560;visibility:visible;mso-wrap-style:square;v-text-anchor:top" coordsize="90483,560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" path="m90483,l78052,56060,,9314,90483,xe" fillcolor="black" stroked="f" strokeweight="0">
                  <v:stroke endcap="round"/>
                  <v:path arrowok="t" textboxrect="0,0,90483,56060"/>
                </v:shape>
                <v:shape id="Shape 9948" o:spid="_x0000_s3342" style="position:absolute;left:31690;top:20904;width:905;height:562;visibility:visible;mso-wrap-style:square;v-text-anchor:top" coordsize="90483,561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" path="m12521,l90483,46746,,56149,12521,xe" fillcolor="black" stroked="f" strokeweight="0">
                  <v:stroke endcap="round"/>
                  <v:path arrowok="t" textboxrect="0,0,90483,56149"/>
                </v:shape>
                <v:shape id="Shape 9949" o:spid="_x0000_s3343" style="position:absolute;left:17493;top:26977;width:350;height:4829;visibility:visible;mso-wrap-style:square;v-text-anchor:top" coordsize="34985,4829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" path="m,l34985,70208r,412751l,412742,,xe" fillcolor="#d9d9d9" stroked="f" strokeweight="0">
                  <v:stroke endcap="round"/>
                  <v:path arrowok="t" textboxrect="0,0,34985,482959"/>
                </v:shape>
                <v:shape id="Shape 9950" o:spid="_x0000_s3344" style="position:absolute;left:17493;top:26977;width:350;height:4829;visibility:visible;mso-wrap-style:square;v-text-anchor:top" coordsize="34985,4829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" path="m34985,70208l,,,412742r34985,70217l34985,70208xe" filled="f" strokeweight=".17742mm">
                  <v:stroke endcap="round"/>
                  <v:path arrowok="t" textboxrect="0,0,34985,482959"/>
                </v:shape>
                <v:shape id="Shape 69524" o:spid="_x0000_s3345" style="position:absolute;left:17843;top:27679;width:1804;height:4127;visibility:visible;mso-wrap-style:square;v-text-anchor:top" coordsize="180460,4127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" path="m,l180460,r,412751l,412751,,e" fillcolor="#d9d9d9" stroked="f" strokeweight="0">
                  <v:stroke endcap="round"/>
                  <v:path arrowok="t" textboxrect="0,0,180460,412751"/>
                </v:shape>
                <v:shape id="Shape 9952" o:spid="_x0000_s3346" style="position:absolute;left:17843;top:27679;width:1804;height:4127;visibility:visible;mso-wrap-style:square;v-text-anchor:top" coordsize="180460,4127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" path="m,412751r180460,l180460,,,,,412751xe" filled="f" strokeweight=".17742mm">
                  <v:stroke endcap="round"/>
                  <v:path arrowok="t" textboxrect="0,0,180460,412751"/>
                </v:shape>
                <v:shape id="Shape 9953" o:spid="_x0000_s3347" style="position:absolute;left:19647;top:26977;width:1455;height:4829;visibility:visible;mso-wrap-style:square;v-text-anchor:top" coordsize="145536,4829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" path="m145536,r,412742l,482959,,70208,145536,xe" fillcolor="#d9d9d9" stroked="f" strokeweight="0">
                  <v:stroke endcap="round"/>
                  <v:path arrowok="t" textboxrect="0,0,145536,482959"/>
                </v:shape>
                <v:shape id="Shape 9954" o:spid="_x0000_s3348" style="position:absolute;left:19647;top:26977;width:1455;height:4829;visibility:visible;mso-wrap-style:square;v-text-anchor:top" coordsize="145536,4829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" path="m145536,l,70208,,482959,145536,412742,145536,xe" filled="f" strokeweight=".17742mm">
                  <v:stroke endcap="round"/>
                  <v:path arrowok="t" textboxrect="0,0,145536,482959"/>
                </v:shape>
                <v:shape id="Shape 9955" o:spid="_x0000_s3349" style="position:absolute;left:17493;top:26275;width:3609;height:1404;visibility:visible;mso-wrap-style:square;v-text-anchor:top" coordsize="360956,14042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" path="m145536,l325970,r34986,70217l215419,140425r-180434,l,70217,145536,xe" fillcolor="#d9d9d9" stroked="f" strokeweight="0">
                  <v:stroke endcap="round"/>
                  <v:path arrowok="t" textboxrect="0,0,360956,140425"/>
                </v:shape>
                <v:shape id="Shape 9956" o:spid="_x0000_s3350" style="position:absolute;left:17493;top:26275;width:3609;height:1404;visibility:visible;mso-wrap-style:square;v-text-anchor:top" coordsize="360956,14042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" path="m360956,70217l325970,,145536,,,70217r34985,70208l215419,140425,360956,70217xe" filled="f" strokeweight=".17742mm">
                  <v:stroke endcap="round"/>
                  <v:path arrowok="t" textboxrect="0,0,360956,140425"/>
                </v:shape>
                <v:shape id="Shape 9957" o:spid="_x0000_s3351" style="position:absolute;left:21854;top:22878;width:13703;height:4531;visibility:visible;mso-wrap-style:square;v-text-anchor:top" coordsize="1370299,4531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" path="m,453163l1370299,e" filled="f" strokeweight=".17742mm">
                  <v:stroke endcap="round"/>
                  <v:path arrowok="t" textboxrect="0,0,1370299,453163"/>
                </v:shape>
                <v:shape id="Shape 9958" o:spid="_x0000_s3352" style="position:absolute;left:21102;top:27114;width:910;height:546;visibility:visible;mso-wrap-style:square;v-text-anchor:top" coordsize="90927,545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" path="m72901,l90927,54570,,54384,72901,xe" fillcolor="black" stroked="f" strokeweight="0">
                  <v:stroke endcap="round"/>
                  <v:path arrowok="t" textboxrect="0,0,90927,54570"/>
                </v:shape>
                <v:shape id="Shape 9959" o:spid="_x0000_s3353" style="position:absolute;left:35398;top:22627;width:910;height:546;visibility:visible;mso-wrap-style:square;v-text-anchor:top" coordsize="90927,546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" path="m,l90927,266,18026,54641,,xe" fillcolor="black" stroked="f" strokeweight="0">
                  <v:stroke endcap="round"/>
                  <v:path arrowok="t" textboxrect="0,0,90927,54641"/>
                </v:shape>
                <v:shape id="Shape 9960" o:spid="_x0000_s3354" style="position:absolute;left:4457;top:22895;width:12641;height:4518;visibility:visible;mso-wrap-style:square;v-text-anchor:top" coordsize="1264055,4517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" path="m1264055,451736l,e" filled="f" strokeweight=".17742mm">
                  <v:stroke endcap="round"/>
                  <v:path arrowok="t" textboxrect="0,0,1264055,451736"/>
                </v:shape>
                <v:shape id="Shape 9961" o:spid="_x0000_s3355" style="position:absolute;left:16933;top:27118;width:910;height:561;visibility:visible;mso-wrap-style:square;v-text-anchor:top" coordsize="90927,561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" path="m19357,l90927,56104,,54118,19357,xe" fillcolor="black" stroked="f" strokeweight="0">
                  <v:stroke endcap="round"/>
                  <v:path arrowok="t" textboxrect="0,0,90927,56104"/>
                </v:shape>
                <v:shape id="Shape 9962" o:spid="_x0000_s3356" style="position:absolute;left:3712;top:22629;width:910;height:561;visibility:visible;mso-wrap-style:square;v-text-anchor:top" coordsize="90954,560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" path="m,l90954,1952,71578,56060,,xe" fillcolor="black" stroked="f" strokeweight="0">
                  <v:stroke endcap="round"/>
                  <v:path arrowok="t" textboxrect="0,0,90954,56060"/>
                </v:shape>
                <v:rect id="Rectangle 9963" o:spid="_x0000_s3357" style="position:absolute;left:28463;top:26189;width:3508;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Путь </w:t>
                        </w:r>
                      </w:p>
                    </w:txbxContent>
                  </v:textbox>
                </v:rect>
                <v:rect id="Rectangle 9964" o:spid="_x0000_s3358" style="position:absolute;left:31101;top:26001;width:788;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2</w:t>
                        </w:r>
                      </w:p>
                    </w:txbxContent>
                  </v:textbox>
                </v:rect>
                <v:rect id="Rectangle 9965" o:spid="_x0000_s3359" style="position:absolute;left:6831;top:25449;width:3115;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Путь</w:t>
                        </w:r>
                      </w:p>
                    </w:txbxContent>
                  </v:textbox>
                </v:rect>
                <v:rect id="Rectangle 66213" o:spid="_x0000_s3360" style="position:absolute;left:9173;top:25261;width:788;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1</w:t>
                        </w:r>
                      </w:p>
                    </w:txbxContent>
                  </v:textbox>
                </v:rect>
                <v:rect id="Rectangle 66214" o:spid="_x0000_s3361" style="position:absolute;left:9765;top:25261;width:39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" filled="f" stroked="f">
                  <v:textbox inset="0,0,0,0">
                    <w:txbxContent>
                      <w:p w:rsidR="0043064D" w:rsidRDefault="008B3C4B">
                        <w:pPr>
                          <w:spacing w:after="160" w:line="259" w:lineRule="auto"/>
                          <w:ind w:left="0" w:firstLine="0"/>
                          <w:jc w:val="left"/>
                        </w:pPr>
                        <w:r>
                          <w:rPr>
                            <w:rFonts w:ascii="Arial" w:eastAsia="Arial" w:hAnsi="Arial" w:cs="Arial"/>
                            <w:sz w:val="17"/>
                          </w:rPr>
                          <w:t xml:space="preserve"> </w:t>
                        </w:r>
                      </w:p>
                    </w:txbxContent>
                  </v:textbox>
                </v:rect>
                <v:rect id="Rectangle 9967" o:spid="_x0000_s3362" style="position:absolute;left:17978;top:32475;width:3081;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" filled="f" stroked="f">
                  <v:textbox inset="0,0,0,0">
                    <w:txbxContent>
                      <w:p w:rsidR="0043064D" w:rsidRDefault="008B3C4B">
                        <w:pPr>
                          <w:spacing w:after="160" w:line="259" w:lineRule="auto"/>
                          <w:ind w:left="0" w:firstLine="0"/>
                          <w:jc w:val="left"/>
                        </w:pPr>
                        <w:r>
                          <w:rPr>
                            <w:rFonts w:ascii="Arial" w:eastAsia="Arial" w:hAnsi="Arial" w:cs="Arial"/>
                            <w:sz w:val="17"/>
                          </w:rPr>
                          <w:t>Диск</w:t>
                        </w:r>
                      </w:p>
                    </w:txbxContent>
                  </v:textbox>
                </v:rect>
                <w10:anchorlock/>
              </v:group>
            </w:pict>
          </mc:Fallback>
        </mc:AlternateContent>
      </w:r>
    </w:p>
    <w:p w:rsidR="0043064D" w:rsidRDefault="008B3C4B">
      <w:pPr>
        <w:spacing w:after="297" w:line="259" w:lineRule="auto"/>
        <w:ind w:left="1523" w:right="1439" w:firstLine="0"/>
        <w:jc w:val="right"/>
      </w:pPr>
      <w:r>
        <w:t xml:space="preserve"> </w:t>
      </w:r>
    </w:p>
    <w:p w:rsidR="0043064D" w:rsidRDefault="008B3C4B">
      <w:pPr>
        <w:spacing w:after="368" w:line="265" w:lineRule="auto"/>
        <w:ind w:right="11"/>
        <w:jc w:val="center"/>
      </w:pPr>
      <w:r>
        <w:t xml:space="preserve">Рис. 28. Стек устройств внешней памяти </w:t>
      </w:r>
      <w:proofErr w:type="spellStart"/>
      <w:r>
        <w:t>Windows</w:t>
      </w:r>
      <w:proofErr w:type="spellEnd"/>
      <w:r>
        <w:t xml:space="preserve"> MPIO </w:t>
      </w:r>
    </w:p>
    <w:p w:rsidR="0043064D" w:rsidRDefault="008B3C4B">
      <w:pPr>
        <w:pStyle w:val="3"/>
        <w:spacing w:after="57" w:line="265" w:lineRule="auto"/>
        <w:ind w:left="-5"/>
      </w:pPr>
      <w:bookmarkStart w:id="30" w:name="_Toc68678"/>
      <w:r>
        <w:rPr>
          <w:rFonts w:ascii="Tahoma" w:eastAsia="Tahoma" w:hAnsi="Tahoma" w:cs="Tahoma"/>
          <w:b w:val="0"/>
        </w:rPr>
        <w:t xml:space="preserve">Объекты «устройство» для дисков </w:t>
      </w:r>
      <w:bookmarkEnd w:id="30"/>
    </w:p>
    <w:p w:rsidR="0043064D" w:rsidRDefault="008B3C4B">
      <w:pPr>
        <w:spacing w:after="75"/>
        <w:ind w:left="-5" w:right="1"/>
      </w:pPr>
      <w:r>
        <w:t xml:space="preserve">Драйвер класса дисков создает объекты «устройство», представляющие диски и дисковые разделы. Имена таких объектов имеют вид </w:t>
      </w:r>
      <w:r>
        <w:rPr>
          <w:rFonts w:ascii="Courier New" w:eastAsia="Courier New" w:hAnsi="Courier New" w:cs="Courier New"/>
        </w:rPr>
        <w:t>\</w:t>
      </w:r>
      <w:proofErr w:type="spellStart"/>
      <w:r>
        <w:rPr>
          <w:rFonts w:ascii="Courier New" w:eastAsia="Courier New" w:hAnsi="Courier New" w:cs="Courier New"/>
        </w:rPr>
        <w:t>Device</w:t>
      </w:r>
      <w:proofErr w:type="spellEnd"/>
      <w:r>
        <w:rPr>
          <w:rFonts w:ascii="Courier New" w:eastAsia="Courier New" w:hAnsi="Courier New" w:cs="Courier New"/>
        </w:rPr>
        <w:t>\</w:t>
      </w:r>
      <w:proofErr w:type="spellStart"/>
      <w:r>
        <w:rPr>
          <w:rFonts w:ascii="Courier New" w:eastAsia="Courier New" w:hAnsi="Courier New" w:cs="Courier New"/>
        </w:rPr>
        <w:t>HarddiskX</w:t>
      </w:r>
      <w:proofErr w:type="spellEnd"/>
      <w:r>
        <w:rPr>
          <w:rFonts w:ascii="Courier New" w:eastAsia="Courier New" w:hAnsi="Courier New" w:cs="Courier New"/>
        </w:rPr>
        <w:t>\DRX</w:t>
      </w:r>
      <w:r>
        <w:t>, где X — номер диска. Для идентификации разделов и создания объектов «устройство», представляющих эти разделы,</w:t>
      </w:r>
      <w:r>
        <w:t xml:space="preserve"> драйвер класса дисков в </w:t>
      </w:r>
      <w:proofErr w:type="spellStart"/>
      <w:r>
        <w:t>Windows</w:t>
      </w:r>
      <w:proofErr w:type="spellEnd"/>
      <w:r>
        <w:t xml:space="preserve"> 2000 использует функцию </w:t>
      </w:r>
      <w:proofErr w:type="spellStart"/>
      <w:r>
        <w:rPr>
          <w:rFonts w:ascii="Courier New" w:eastAsia="Courier New" w:hAnsi="Courier New" w:cs="Courier New"/>
        </w:rPr>
        <w:t>IoReadPartitionTable</w:t>
      </w:r>
      <w:proofErr w:type="spellEnd"/>
      <w:r>
        <w:t xml:space="preserve"> диспетчера ввода-вывода, а в </w:t>
      </w:r>
      <w:proofErr w:type="spellStart"/>
      <w:r>
        <w:t>Windows</w:t>
      </w:r>
      <w:proofErr w:type="spellEnd"/>
      <w:r>
        <w:t xml:space="preserve"> ХР и </w:t>
      </w:r>
      <w:proofErr w:type="spellStart"/>
      <w:r>
        <w:t>Windows</w:t>
      </w:r>
      <w:proofErr w:type="spellEnd"/>
      <w:r>
        <w:t xml:space="preserve"> </w:t>
      </w:r>
      <w:proofErr w:type="spellStart"/>
      <w:r>
        <w:t>Server</w:t>
      </w:r>
      <w:proofErr w:type="spellEnd"/>
      <w:r>
        <w:t xml:space="preserve"> 2003 — функцию </w:t>
      </w:r>
      <w:proofErr w:type="spellStart"/>
      <w:r>
        <w:rPr>
          <w:rFonts w:ascii="Courier New" w:eastAsia="Courier New" w:hAnsi="Courier New" w:cs="Courier New"/>
        </w:rPr>
        <w:t>IoReadPartitionTableEx</w:t>
      </w:r>
      <w:proofErr w:type="spellEnd"/>
      <w:r>
        <w:t>. Драйвер класса дисков вызывает одну из этих функций для каждого диска, представлен</w:t>
      </w:r>
      <w:r>
        <w:t xml:space="preserve">ного </w:t>
      </w:r>
      <w:proofErr w:type="spellStart"/>
      <w:r>
        <w:t>минипортдрайвером</w:t>
      </w:r>
      <w:proofErr w:type="spellEnd"/>
      <w:r>
        <w:t xml:space="preserve"> драйверу класса на ранних стадиях загрузки системы. А функция инициирует дисковый ввод-вывод на уровне секторов, поддерживаемый драйвером класса, </w:t>
      </w:r>
      <w:proofErr w:type="gramStart"/>
      <w:r>
        <w:t>порт- и</w:t>
      </w:r>
      <w:proofErr w:type="gramEnd"/>
      <w:r>
        <w:t xml:space="preserve"> </w:t>
      </w:r>
      <w:proofErr w:type="spellStart"/>
      <w:r>
        <w:t>минипорт</w:t>
      </w:r>
      <w:proofErr w:type="spellEnd"/>
      <w:r>
        <w:t>-драйверами, для считывания MBR- или GPT-таблицы разделов и для формиро</w:t>
      </w:r>
      <w:r>
        <w:t xml:space="preserve">вания внутреннего представления жестких разделов диска. Драйвер класса дисков создает объекты «устройство», представляющие все главные разделы (в том числе логические диски внутри дополнительных разделов), которые этот драйвер получает от </w:t>
      </w:r>
      <w:proofErr w:type="spellStart"/>
      <w:r>
        <w:rPr>
          <w:rFonts w:ascii="Courier New" w:eastAsia="Courier New" w:hAnsi="Courier New" w:cs="Courier New"/>
        </w:rPr>
        <w:t>IoReadPartitionTa</w:t>
      </w:r>
      <w:r>
        <w:rPr>
          <w:rFonts w:ascii="Courier New" w:eastAsia="Courier New" w:hAnsi="Courier New" w:cs="Courier New"/>
        </w:rPr>
        <w:t>ble</w:t>
      </w:r>
      <w:proofErr w:type="spellEnd"/>
      <w:r>
        <w:t xml:space="preserve"> или </w:t>
      </w:r>
      <w:proofErr w:type="spellStart"/>
      <w:r>
        <w:rPr>
          <w:rFonts w:ascii="Courier New" w:eastAsia="Courier New" w:hAnsi="Courier New" w:cs="Courier New"/>
        </w:rPr>
        <w:t>IoReadPartitionTableEx</w:t>
      </w:r>
      <w:proofErr w:type="spellEnd"/>
      <w:r>
        <w:t xml:space="preserve">. Вот пример имени объекта раздела: </w:t>
      </w:r>
    </w:p>
    <w:p w:rsidR="0043064D" w:rsidRDefault="008B3C4B">
      <w:pPr>
        <w:spacing w:after="137" w:line="259" w:lineRule="auto"/>
        <w:ind w:left="-5"/>
        <w:jc w:val="left"/>
      </w:pPr>
      <w:proofErr w:type="gramStart"/>
      <w:r>
        <w:rPr>
          <w:rFonts w:ascii="Courier New" w:eastAsia="Courier New" w:hAnsi="Courier New" w:cs="Courier New"/>
        </w:rPr>
        <w:t>\</w:t>
      </w:r>
      <w:proofErr w:type="spellStart"/>
      <w:r>
        <w:rPr>
          <w:rFonts w:ascii="Courier New" w:eastAsia="Courier New" w:hAnsi="Courier New" w:cs="Courier New"/>
        </w:rPr>
        <w:t>Device</w:t>
      </w:r>
      <w:proofErr w:type="spellEnd"/>
      <w:r>
        <w:rPr>
          <w:rFonts w:ascii="Courier New" w:eastAsia="Courier New" w:hAnsi="Courier New" w:cs="Courier New"/>
        </w:rPr>
        <w:t>\Harddisk0\DP(</w:t>
      </w:r>
      <w:proofErr w:type="gramEnd"/>
      <w:r>
        <w:rPr>
          <w:rFonts w:ascii="Courier New" w:eastAsia="Courier New" w:hAnsi="Courier New" w:cs="Courier New"/>
        </w:rPr>
        <w:t xml:space="preserve">1)0x7e000-0x7ff50c00+2 </w:t>
      </w:r>
    </w:p>
    <w:p w:rsidR="0043064D" w:rsidRDefault="008B3C4B">
      <w:pPr>
        <w:ind w:left="-5" w:right="1"/>
      </w:pPr>
      <w:r>
        <w:t>Это имя идентифицирует первый раздел первого диска системы. Два первых шестнадцатеричных числа (</w:t>
      </w:r>
      <w:r>
        <w:rPr>
          <w:rFonts w:ascii="Courier New" w:eastAsia="Courier New" w:hAnsi="Courier New" w:cs="Courier New"/>
        </w:rPr>
        <w:t>0х7е000</w:t>
      </w:r>
      <w:r>
        <w:t xml:space="preserve"> и </w:t>
      </w:r>
      <w:r>
        <w:rPr>
          <w:rFonts w:ascii="Courier New" w:eastAsia="Courier New" w:hAnsi="Courier New" w:cs="Courier New"/>
        </w:rPr>
        <w:t>0x7ff50c00</w:t>
      </w:r>
      <w:r>
        <w:t xml:space="preserve">) определяют начало и длину </w:t>
      </w:r>
      <w:r>
        <w:t xml:space="preserve">раздела, а последнее число — внутренний идентификатор, назначенный драйвером класса. </w:t>
      </w:r>
    </w:p>
    <w:p w:rsidR="0043064D" w:rsidRDefault="008B3C4B">
      <w:pPr>
        <w:spacing w:after="42"/>
        <w:ind w:left="-5" w:right="1"/>
      </w:pPr>
      <w:r>
        <w:lastRenderedPageBreak/>
        <w:t xml:space="preserve">Для совместимости с приложениями, использующими правила именования, принятые в </w:t>
      </w:r>
      <w:proofErr w:type="spellStart"/>
      <w:r>
        <w:t>Windows</w:t>
      </w:r>
      <w:proofErr w:type="spellEnd"/>
      <w:r>
        <w:t xml:space="preserve"> NT 4, драйвер класса дисков формирует для имен в формате </w:t>
      </w:r>
      <w:proofErr w:type="spellStart"/>
      <w:r>
        <w:t>Windows</w:t>
      </w:r>
      <w:proofErr w:type="spellEnd"/>
      <w:r>
        <w:t xml:space="preserve"> NT 4 символьные ссылки на объекты «устройство», созданные драйвером. Например, драйвер класса создает сс</w:t>
      </w:r>
      <w:r>
        <w:t xml:space="preserve">ылки </w:t>
      </w:r>
      <w:r>
        <w:rPr>
          <w:rFonts w:ascii="Courier New" w:eastAsia="Courier New" w:hAnsi="Courier New" w:cs="Courier New"/>
        </w:rPr>
        <w:t>\</w:t>
      </w:r>
      <w:proofErr w:type="spellStart"/>
      <w:r>
        <w:rPr>
          <w:rFonts w:ascii="Courier New" w:eastAsia="Courier New" w:hAnsi="Courier New" w:cs="Courier New"/>
        </w:rPr>
        <w:t>Device</w:t>
      </w:r>
      <w:proofErr w:type="spellEnd"/>
      <w:r>
        <w:rPr>
          <w:rFonts w:ascii="Courier New" w:eastAsia="Courier New" w:hAnsi="Courier New" w:cs="Courier New"/>
        </w:rPr>
        <w:t>\Harddisk0\Partition0</w:t>
      </w:r>
      <w:r>
        <w:t xml:space="preserve"> на </w:t>
      </w:r>
    </w:p>
    <w:p w:rsidR="0043064D" w:rsidRDefault="008B3C4B">
      <w:pPr>
        <w:ind w:left="-5" w:right="1"/>
      </w:pPr>
      <w:r>
        <w:rPr>
          <w:rFonts w:ascii="Courier New" w:eastAsia="Courier New" w:hAnsi="Courier New" w:cs="Courier New"/>
        </w:rPr>
        <w:t>\</w:t>
      </w:r>
      <w:proofErr w:type="spellStart"/>
      <w:r>
        <w:rPr>
          <w:rFonts w:ascii="Courier New" w:eastAsia="Courier New" w:hAnsi="Courier New" w:cs="Courier New"/>
        </w:rPr>
        <w:t>Device</w:t>
      </w:r>
      <w:proofErr w:type="spellEnd"/>
      <w:r>
        <w:rPr>
          <w:rFonts w:ascii="Courier New" w:eastAsia="Courier New" w:hAnsi="Courier New" w:cs="Courier New"/>
        </w:rPr>
        <w:t>\Harddisk0\DR0</w:t>
      </w:r>
      <w:r>
        <w:t xml:space="preserve"> и </w:t>
      </w:r>
      <w:r>
        <w:rPr>
          <w:rFonts w:ascii="Courier New" w:eastAsia="Courier New" w:hAnsi="Courier New" w:cs="Courier New"/>
        </w:rPr>
        <w:t>\</w:t>
      </w:r>
      <w:proofErr w:type="spellStart"/>
      <w:r>
        <w:rPr>
          <w:rFonts w:ascii="Courier New" w:eastAsia="Courier New" w:hAnsi="Courier New" w:cs="Courier New"/>
        </w:rPr>
        <w:t>Device</w:t>
      </w:r>
      <w:proofErr w:type="spellEnd"/>
      <w:r>
        <w:rPr>
          <w:rFonts w:ascii="Courier New" w:eastAsia="Courier New" w:hAnsi="Courier New" w:cs="Courier New"/>
        </w:rPr>
        <w:t>\Harddisk0O\Partition1</w:t>
      </w:r>
      <w:r>
        <w:t xml:space="preserve"> на объект «устройство» первого раздела первого диска. В </w:t>
      </w:r>
      <w:proofErr w:type="spellStart"/>
      <w:r>
        <w:t>Windows</w:t>
      </w:r>
      <w:proofErr w:type="spellEnd"/>
      <w:r>
        <w:t xml:space="preserve"> драйвер класса создает такие же символьные ссылки, представляющие физические диски, созданные в сист</w:t>
      </w:r>
      <w:r>
        <w:t xml:space="preserve">емах под управлением </w:t>
      </w:r>
      <w:proofErr w:type="spellStart"/>
      <w:r>
        <w:t>Windows</w:t>
      </w:r>
      <w:proofErr w:type="spellEnd"/>
      <w:r>
        <w:t xml:space="preserve"> NT 4. Так, ссылка </w:t>
      </w:r>
      <w:r>
        <w:rPr>
          <w:rFonts w:ascii="Courier New" w:eastAsia="Courier New" w:hAnsi="Courier New" w:cs="Courier New"/>
        </w:rPr>
        <w:t>\??\PhysicalDrive0</w:t>
      </w:r>
      <w:r>
        <w:t xml:space="preserve"> указывает на </w:t>
      </w:r>
      <w:r>
        <w:rPr>
          <w:rFonts w:ascii="Courier New" w:eastAsia="Courier New" w:hAnsi="Courier New" w:cs="Courier New"/>
        </w:rPr>
        <w:t>\</w:t>
      </w:r>
      <w:proofErr w:type="spellStart"/>
      <w:r>
        <w:rPr>
          <w:rFonts w:ascii="Courier New" w:eastAsia="Courier New" w:hAnsi="Courier New" w:cs="Courier New"/>
        </w:rPr>
        <w:t>Device</w:t>
      </w:r>
      <w:proofErr w:type="spellEnd"/>
      <w:r>
        <w:rPr>
          <w:rFonts w:ascii="Courier New" w:eastAsia="Courier New" w:hAnsi="Courier New" w:cs="Courier New"/>
        </w:rPr>
        <w:t>\Harddisk0\DR0</w:t>
      </w:r>
      <w:r>
        <w:t xml:space="preserve">. </w:t>
      </w:r>
    </w:p>
    <w:p w:rsidR="0043064D" w:rsidRDefault="008B3C4B">
      <w:pPr>
        <w:spacing w:after="295"/>
        <w:ind w:left="-5" w:right="1"/>
      </w:pPr>
      <w:proofErr w:type="spellStart"/>
      <w:r>
        <w:t>Windows</w:t>
      </w:r>
      <w:proofErr w:type="spellEnd"/>
      <w:r>
        <w:t xml:space="preserve"> API ничего не знает о пространстве имен диспетчера объектов. </w:t>
      </w:r>
      <w:proofErr w:type="spellStart"/>
      <w:r>
        <w:t>Windows</w:t>
      </w:r>
      <w:proofErr w:type="spellEnd"/>
      <w:r>
        <w:t xml:space="preserve"> резервирует два подкаталога пространства имен, один из которых — подкаталог </w:t>
      </w:r>
      <w:r>
        <w:rPr>
          <w:rFonts w:ascii="Courier New" w:eastAsia="Courier New" w:hAnsi="Courier New" w:cs="Courier New"/>
        </w:rPr>
        <w:t>\</w:t>
      </w:r>
      <w:proofErr w:type="spellStart"/>
      <w:r>
        <w:rPr>
          <w:rFonts w:ascii="Courier New" w:eastAsia="Courier New" w:hAnsi="Courier New" w:cs="Courier New"/>
        </w:rPr>
        <w:t>Global</w:t>
      </w:r>
      <w:proofErr w:type="spellEnd"/>
      <w:r>
        <w:rPr>
          <w:rFonts w:ascii="Courier New" w:eastAsia="Courier New" w:hAnsi="Courier New" w:cs="Courier New"/>
        </w:rPr>
        <w:t>??</w:t>
      </w:r>
      <w:r>
        <w:t xml:space="preserve"> (</w:t>
      </w:r>
      <w:r>
        <w:rPr>
          <w:rFonts w:ascii="Courier New" w:eastAsia="Courier New" w:hAnsi="Courier New" w:cs="Courier New"/>
        </w:rPr>
        <w:t>\??</w:t>
      </w:r>
      <w:r>
        <w:t xml:space="preserve"> в </w:t>
      </w:r>
      <w:proofErr w:type="spellStart"/>
      <w:r>
        <w:t>Windows</w:t>
      </w:r>
      <w:proofErr w:type="spellEnd"/>
      <w:r>
        <w:t xml:space="preserve"> 2000). В этом подкаталоге объекты «устройство», включая диски, последовательные и параллельные порты, становятся доступными </w:t>
      </w:r>
      <w:proofErr w:type="spellStart"/>
      <w:r>
        <w:t>Windowsприложениям</w:t>
      </w:r>
      <w:proofErr w:type="spellEnd"/>
      <w:r>
        <w:t>. Так как на самом деле объекты дисков находятся в других подкаталогах, для связывания им</w:t>
      </w:r>
      <w:r>
        <w:t xml:space="preserve">ен в </w:t>
      </w:r>
      <w:r>
        <w:rPr>
          <w:rFonts w:ascii="Courier New" w:eastAsia="Courier New" w:hAnsi="Courier New" w:cs="Courier New"/>
        </w:rPr>
        <w:t>\</w:t>
      </w:r>
      <w:proofErr w:type="spellStart"/>
      <w:r>
        <w:rPr>
          <w:rFonts w:ascii="Courier New" w:eastAsia="Courier New" w:hAnsi="Courier New" w:cs="Courier New"/>
        </w:rPr>
        <w:t>Global</w:t>
      </w:r>
      <w:proofErr w:type="spellEnd"/>
      <w:r>
        <w:rPr>
          <w:rFonts w:ascii="Courier New" w:eastAsia="Courier New" w:hAnsi="Courier New" w:cs="Courier New"/>
        </w:rPr>
        <w:t>??</w:t>
      </w:r>
      <w:r>
        <w:t xml:space="preserve"> с объектами, расположенными в других каталогах пространства имен, </w:t>
      </w:r>
      <w:proofErr w:type="spellStart"/>
      <w:r>
        <w:t>Windows</w:t>
      </w:r>
      <w:proofErr w:type="spellEnd"/>
      <w:r>
        <w:t xml:space="preserve"> использует символьные ссылки. Диспетчер ввода вывода создает ссылку </w:t>
      </w:r>
      <w:r>
        <w:rPr>
          <w:rFonts w:ascii="Courier New" w:eastAsia="Courier New" w:hAnsi="Courier New" w:cs="Courier New"/>
        </w:rPr>
        <w:t>\</w:t>
      </w:r>
      <w:proofErr w:type="spellStart"/>
      <w:r>
        <w:rPr>
          <w:rFonts w:ascii="Courier New" w:eastAsia="Courier New" w:hAnsi="Courier New" w:cs="Courier New"/>
        </w:rPr>
        <w:t>Global</w:t>
      </w:r>
      <w:proofErr w:type="spellEnd"/>
      <w:r>
        <w:rPr>
          <w:rFonts w:ascii="Courier New" w:eastAsia="Courier New" w:hAnsi="Courier New" w:cs="Courier New"/>
        </w:rPr>
        <w:t>??\</w:t>
      </w:r>
      <w:proofErr w:type="spellStart"/>
      <w:r>
        <w:rPr>
          <w:rFonts w:ascii="Courier New" w:eastAsia="Courier New" w:hAnsi="Courier New" w:cs="Courier New"/>
        </w:rPr>
        <w:t>PhysicalDriveX</w:t>
      </w:r>
      <w:proofErr w:type="spellEnd"/>
      <w:r>
        <w:t xml:space="preserve"> для каждого физического диска системы; такая ссылка указывает на </w:t>
      </w:r>
      <w:r>
        <w:rPr>
          <w:rFonts w:ascii="Courier New" w:eastAsia="Courier New" w:hAnsi="Courier New" w:cs="Courier New"/>
        </w:rPr>
        <w:t>\</w:t>
      </w:r>
      <w:proofErr w:type="spellStart"/>
      <w:r>
        <w:rPr>
          <w:rFonts w:ascii="Courier New" w:eastAsia="Courier New" w:hAnsi="Courier New" w:cs="Courier New"/>
        </w:rPr>
        <w:t>Device</w:t>
      </w:r>
      <w:proofErr w:type="spellEnd"/>
      <w:r>
        <w:rPr>
          <w:rFonts w:ascii="Courier New" w:eastAsia="Courier New" w:hAnsi="Courier New" w:cs="Courier New"/>
        </w:rPr>
        <w:t>\</w:t>
      </w:r>
      <w:proofErr w:type="spellStart"/>
      <w:r>
        <w:rPr>
          <w:rFonts w:ascii="Courier New" w:eastAsia="Courier New" w:hAnsi="Courier New" w:cs="Courier New"/>
        </w:rPr>
        <w:t>H</w:t>
      </w:r>
      <w:r>
        <w:rPr>
          <w:rFonts w:ascii="Courier New" w:eastAsia="Courier New" w:hAnsi="Courier New" w:cs="Courier New"/>
        </w:rPr>
        <w:t>arddiskX</w:t>
      </w:r>
      <w:proofErr w:type="spellEnd"/>
      <w:r>
        <w:rPr>
          <w:rFonts w:ascii="Courier New" w:eastAsia="Courier New" w:hAnsi="Courier New" w:cs="Courier New"/>
        </w:rPr>
        <w:t>\Partition0</w:t>
      </w:r>
      <w:r>
        <w:t xml:space="preserve"> (где </w:t>
      </w:r>
      <w:r>
        <w:rPr>
          <w:rFonts w:ascii="Courier New" w:eastAsia="Courier New" w:hAnsi="Courier New" w:cs="Courier New"/>
        </w:rPr>
        <w:t>X</w:t>
      </w:r>
      <w:r>
        <w:t xml:space="preserve">—числа, начиная с 0). </w:t>
      </w:r>
      <w:proofErr w:type="spellStart"/>
      <w:r>
        <w:t>Windows</w:t>
      </w:r>
      <w:proofErr w:type="spellEnd"/>
      <w:r>
        <w:t xml:space="preserve">-приложения, напрямую обращающиеся к секторам диска, открывают диск вызовом </w:t>
      </w:r>
      <w:proofErr w:type="spellStart"/>
      <w:r>
        <w:t>Windows</w:t>
      </w:r>
      <w:proofErr w:type="spellEnd"/>
      <w:r>
        <w:t xml:space="preserve">-функции </w:t>
      </w:r>
      <w:proofErr w:type="spellStart"/>
      <w:r>
        <w:rPr>
          <w:rFonts w:ascii="Courier New" w:eastAsia="Courier New" w:hAnsi="Courier New" w:cs="Courier New"/>
        </w:rPr>
        <w:t>CreateFile</w:t>
      </w:r>
      <w:proofErr w:type="spellEnd"/>
      <w:r>
        <w:t xml:space="preserve"> и указывают в качестве параметра имя </w:t>
      </w:r>
      <w:r>
        <w:rPr>
          <w:rFonts w:ascii="Courier New" w:eastAsia="Courier New" w:hAnsi="Courier New" w:cs="Courier New"/>
        </w:rPr>
        <w:t>\\.\PhysicalDriveX</w:t>
      </w:r>
      <w:r>
        <w:t xml:space="preserve"> (где </w:t>
      </w:r>
      <w:r>
        <w:rPr>
          <w:rFonts w:ascii="Courier New" w:eastAsia="Courier New" w:hAnsi="Courier New" w:cs="Courier New"/>
        </w:rPr>
        <w:t>X</w:t>
      </w:r>
      <w:r>
        <w:t xml:space="preserve"> — номер диска). Прежде чем передать</w:t>
      </w:r>
      <w:r>
        <w:t xml:space="preserve"> имя диспетчеру объектов, прикладной уровень </w:t>
      </w:r>
      <w:proofErr w:type="spellStart"/>
      <w:r>
        <w:t>Windows</w:t>
      </w:r>
      <w:proofErr w:type="spellEnd"/>
      <w:r>
        <w:t xml:space="preserve"> преобразует его в </w:t>
      </w:r>
      <w:r>
        <w:rPr>
          <w:rFonts w:ascii="Courier New" w:eastAsia="Courier New" w:hAnsi="Courier New" w:cs="Courier New"/>
        </w:rPr>
        <w:t>\</w:t>
      </w:r>
      <w:proofErr w:type="spellStart"/>
      <w:r>
        <w:rPr>
          <w:rFonts w:ascii="Courier New" w:eastAsia="Courier New" w:hAnsi="Courier New" w:cs="Courier New"/>
        </w:rPr>
        <w:t>Global</w:t>
      </w:r>
      <w:proofErr w:type="spellEnd"/>
      <w:r>
        <w:rPr>
          <w:rFonts w:ascii="Courier New" w:eastAsia="Courier New" w:hAnsi="Courier New" w:cs="Courier New"/>
        </w:rPr>
        <w:t>??\</w:t>
      </w:r>
      <w:proofErr w:type="spellStart"/>
      <w:r>
        <w:rPr>
          <w:rFonts w:ascii="Courier New" w:eastAsia="Courier New" w:hAnsi="Courier New" w:cs="Courier New"/>
        </w:rPr>
        <w:t>PhysicalDriveX</w:t>
      </w:r>
      <w:proofErr w:type="spellEnd"/>
      <w:r>
        <w:t xml:space="preserve">. </w:t>
      </w:r>
    </w:p>
    <w:p w:rsidR="0043064D" w:rsidRDefault="008B3C4B">
      <w:pPr>
        <w:pStyle w:val="1"/>
        <w:ind w:left="-5"/>
      </w:pPr>
      <w:bookmarkStart w:id="31" w:name="_Toc68680"/>
      <w:bookmarkStart w:id="32" w:name="_GoBack"/>
      <w:bookmarkEnd w:id="32"/>
      <w:r>
        <w:t xml:space="preserve">Литература </w:t>
      </w:r>
      <w:bookmarkEnd w:id="31"/>
    </w:p>
    <w:p w:rsidR="0043064D" w:rsidRDefault="008B3C4B">
      <w:pPr>
        <w:numPr>
          <w:ilvl w:val="0"/>
          <w:numId w:val="23"/>
        </w:numPr>
        <w:ind w:right="1" w:hanging="274"/>
      </w:pPr>
      <w:r>
        <w:t xml:space="preserve">Э. </w:t>
      </w:r>
      <w:proofErr w:type="spellStart"/>
      <w:r>
        <w:t>Таненбаум</w:t>
      </w:r>
      <w:proofErr w:type="spellEnd"/>
      <w:r>
        <w:t xml:space="preserve">. Современные операционные системы. 2-ое изд. –СПб.: Питер, 2002. – 1040 с. </w:t>
      </w:r>
    </w:p>
    <w:p w:rsidR="0043064D" w:rsidRDefault="008B3C4B">
      <w:pPr>
        <w:numPr>
          <w:ilvl w:val="0"/>
          <w:numId w:val="23"/>
        </w:numPr>
        <w:ind w:right="1" w:hanging="274"/>
      </w:pPr>
      <w:r>
        <w:t xml:space="preserve">Э. </w:t>
      </w:r>
      <w:proofErr w:type="spellStart"/>
      <w:r>
        <w:t>Таненбаум</w:t>
      </w:r>
      <w:proofErr w:type="spellEnd"/>
      <w:r>
        <w:t xml:space="preserve">, А. </w:t>
      </w:r>
      <w:proofErr w:type="spellStart"/>
      <w:r>
        <w:t>Вудхалл</w:t>
      </w:r>
      <w:proofErr w:type="spellEnd"/>
      <w:r>
        <w:t>. Операционные сис</w:t>
      </w:r>
      <w:r>
        <w:t xml:space="preserve">темы: разработка и реализация. Классика CS. –СПб.: Питер, 2006. –576 с. </w:t>
      </w:r>
    </w:p>
    <w:p w:rsidR="0043064D" w:rsidRDefault="008B3C4B">
      <w:pPr>
        <w:numPr>
          <w:ilvl w:val="0"/>
          <w:numId w:val="23"/>
        </w:numPr>
        <w:ind w:right="1" w:hanging="274"/>
      </w:pPr>
      <w:r>
        <w:t xml:space="preserve">М. </w:t>
      </w:r>
      <w:proofErr w:type="spellStart"/>
      <w:r>
        <w:t>Руссинович</w:t>
      </w:r>
      <w:proofErr w:type="spellEnd"/>
      <w:r>
        <w:t xml:space="preserve">, Д. Соломон. Внутреннее устройство </w:t>
      </w:r>
      <w:proofErr w:type="spellStart"/>
      <w:r>
        <w:t>Microsoft</w:t>
      </w:r>
      <w:proofErr w:type="spellEnd"/>
      <w:r>
        <w:t xml:space="preserve"> </w:t>
      </w:r>
      <w:proofErr w:type="spellStart"/>
      <w:r>
        <w:t>Windows</w:t>
      </w:r>
      <w:proofErr w:type="spellEnd"/>
      <w:r>
        <w:t xml:space="preserve">: </w:t>
      </w:r>
      <w:proofErr w:type="spellStart"/>
      <w:r>
        <w:t>Windows</w:t>
      </w:r>
      <w:proofErr w:type="spellEnd"/>
      <w:r>
        <w:t xml:space="preserve"> </w:t>
      </w:r>
      <w:proofErr w:type="spellStart"/>
      <w:r>
        <w:t>Server</w:t>
      </w:r>
      <w:proofErr w:type="spellEnd"/>
      <w:r>
        <w:t xml:space="preserve"> 2003, </w:t>
      </w:r>
      <w:proofErr w:type="spellStart"/>
      <w:r>
        <w:t>Windows</w:t>
      </w:r>
      <w:proofErr w:type="spellEnd"/>
      <w:r>
        <w:t xml:space="preserve"> XP, </w:t>
      </w:r>
      <w:proofErr w:type="spellStart"/>
      <w:r>
        <w:t>Windows</w:t>
      </w:r>
      <w:proofErr w:type="spellEnd"/>
      <w:r>
        <w:t xml:space="preserve"> 2000. Мастер-класс. / Пер. с англ. -4-е изд. –М.: Издательско-торговый дом</w:t>
      </w:r>
      <w:r>
        <w:t xml:space="preserve"> «Русская редакция»; СПб.: Питер; 2005. -992 с. </w:t>
      </w:r>
    </w:p>
    <w:p w:rsidR="0043064D" w:rsidRDefault="008B3C4B">
      <w:pPr>
        <w:numPr>
          <w:ilvl w:val="0"/>
          <w:numId w:val="23"/>
        </w:numPr>
        <w:ind w:right="1" w:hanging="274"/>
      </w:pPr>
      <w:r w:rsidRPr="008B3C4B">
        <w:rPr>
          <w:lang w:val="en-US"/>
        </w:rPr>
        <w:t xml:space="preserve">Microsoft Development Network. URL: </w:t>
      </w:r>
      <w:hyperlink r:id="rId114">
        <w:r w:rsidRPr="008B3C4B">
          <w:rPr>
            <w:color w:val="0000FF"/>
            <w:u w:val="single" w:color="0000FF"/>
            <w:lang w:val="en-US"/>
          </w:rPr>
          <w:t>http</w:t>
        </w:r>
      </w:hyperlink>
      <w:hyperlink r:id="rId115">
        <w:r w:rsidRPr="008B3C4B">
          <w:rPr>
            <w:color w:val="0000FF"/>
            <w:u w:val="single" w:color="0000FF"/>
            <w:lang w:val="en-US"/>
          </w:rPr>
          <w:t>://</w:t>
        </w:r>
      </w:hyperlink>
      <w:hyperlink r:id="rId116">
        <w:r w:rsidRPr="008B3C4B">
          <w:rPr>
            <w:color w:val="0000FF"/>
            <w:u w:val="single" w:color="0000FF"/>
            <w:lang w:val="en-US"/>
          </w:rPr>
          <w:t>msdn</w:t>
        </w:r>
      </w:hyperlink>
      <w:hyperlink r:id="rId117">
        <w:r w:rsidRPr="008B3C4B">
          <w:rPr>
            <w:color w:val="0000FF"/>
            <w:u w:val="single" w:color="0000FF"/>
            <w:lang w:val="en-US"/>
          </w:rPr>
          <w:t>.</w:t>
        </w:r>
      </w:hyperlink>
      <w:hyperlink r:id="rId118">
        <w:proofErr w:type="spellStart"/>
        <w:r>
          <w:rPr>
            <w:color w:val="0000FF"/>
            <w:u w:val="single" w:color="0000FF"/>
          </w:rPr>
          <w:t>com</w:t>
        </w:r>
        <w:proofErr w:type="spellEnd"/>
      </w:hyperlink>
      <w:hyperlink r:id="rId119">
        <w:r>
          <w:t xml:space="preserve"> </w:t>
        </w:r>
      </w:hyperlink>
    </w:p>
    <w:p w:rsidR="0043064D" w:rsidRDefault="008B3C4B">
      <w:pPr>
        <w:numPr>
          <w:ilvl w:val="0"/>
          <w:numId w:val="23"/>
        </w:numPr>
        <w:spacing w:after="10"/>
        <w:ind w:right="1" w:hanging="274"/>
      </w:pPr>
      <w:r>
        <w:t xml:space="preserve">Набор спецификаций </w:t>
      </w:r>
      <w:proofErr w:type="spellStart"/>
      <w:r>
        <w:t>Microsoft</w:t>
      </w:r>
      <w:proofErr w:type="spellEnd"/>
      <w:r>
        <w:t xml:space="preserve"> по управлению питанием устройствами ОС. URL: </w:t>
      </w:r>
    </w:p>
    <w:p w:rsidR="0043064D" w:rsidRDefault="008B3C4B">
      <w:pPr>
        <w:spacing w:after="0" w:line="259" w:lineRule="auto"/>
        <w:ind w:left="0" w:firstLine="0"/>
        <w:jc w:val="left"/>
      </w:pPr>
      <w:hyperlink r:id="rId120">
        <w:r>
          <w:rPr>
            <w:color w:val="0000FF"/>
            <w:u w:val="single" w:color="0000FF"/>
          </w:rPr>
          <w:t>www</w:t>
        </w:r>
      </w:hyperlink>
      <w:hyperlink r:id="rId121">
        <w:r>
          <w:rPr>
            <w:color w:val="0000FF"/>
            <w:u w:val="single" w:color="0000FF"/>
          </w:rPr>
          <w:t>.</w:t>
        </w:r>
      </w:hyperlink>
      <w:hyperlink r:id="rId122">
        <w:r>
          <w:rPr>
            <w:color w:val="0000FF"/>
            <w:u w:val="single" w:color="0000FF"/>
          </w:rPr>
          <w:t>microsoft</w:t>
        </w:r>
      </w:hyperlink>
      <w:hyperlink r:id="rId123">
        <w:r>
          <w:rPr>
            <w:color w:val="0000FF"/>
            <w:u w:val="single" w:color="0000FF"/>
          </w:rPr>
          <w:t>.</w:t>
        </w:r>
      </w:hyperlink>
      <w:hyperlink r:id="rId124">
        <w:r>
          <w:rPr>
            <w:color w:val="0000FF"/>
            <w:u w:val="single" w:color="0000FF"/>
          </w:rPr>
          <w:t>com</w:t>
        </w:r>
      </w:hyperlink>
      <w:hyperlink r:id="rId125">
        <w:r>
          <w:rPr>
            <w:color w:val="0000FF"/>
            <w:u w:val="single" w:color="0000FF"/>
          </w:rPr>
          <w:t>/</w:t>
        </w:r>
      </w:hyperlink>
      <w:hyperlink r:id="rId126">
        <w:r>
          <w:rPr>
            <w:color w:val="0000FF"/>
            <w:u w:val="single" w:color="0000FF"/>
          </w:rPr>
          <w:t>whdc</w:t>
        </w:r>
      </w:hyperlink>
      <w:hyperlink r:id="rId127">
        <w:r>
          <w:rPr>
            <w:color w:val="0000FF"/>
            <w:u w:val="single" w:color="0000FF"/>
          </w:rPr>
          <w:t>/</w:t>
        </w:r>
      </w:hyperlink>
      <w:hyperlink r:id="rId128">
        <w:r>
          <w:rPr>
            <w:color w:val="0000FF"/>
            <w:u w:val="single" w:color="0000FF"/>
          </w:rPr>
          <w:t>resources</w:t>
        </w:r>
      </w:hyperlink>
      <w:hyperlink r:id="rId129">
        <w:r>
          <w:rPr>
            <w:color w:val="0000FF"/>
            <w:u w:val="single" w:color="0000FF"/>
          </w:rPr>
          <w:t>/</w:t>
        </w:r>
      </w:hyperlink>
      <w:hyperlink r:id="rId130">
        <w:r>
          <w:rPr>
            <w:color w:val="0000FF"/>
            <w:u w:val="single" w:color="0000FF"/>
          </w:rPr>
          <w:t>respec</w:t>
        </w:r>
      </w:hyperlink>
      <w:hyperlink r:id="rId131">
        <w:r>
          <w:rPr>
            <w:color w:val="0000FF"/>
            <w:u w:val="single" w:color="0000FF"/>
          </w:rPr>
          <w:t>/</w:t>
        </w:r>
      </w:hyperlink>
      <w:hyperlink r:id="rId132">
        <w:r>
          <w:rPr>
            <w:color w:val="0000FF"/>
            <w:u w:val="single" w:color="0000FF"/>
          </w:rPr>
          <w:t>specs</w:t>
        </w:r>
      </w:hyperlink>
      <w:hyperlink r:id="rId133">
        <w:r>
          <w:rPr>
            <w:color w:val="0000FF"/>
            <w:u w:val="single" w:color="0000FF"/>
          </w:rPr>
          <w:t>/</w:t>
        </w:r>
      </w:hyperlink>
      <w:hyperlink r:id="rId134">
        <w:r>
          <w:rPr>
            <w:color w:val="0000FF"/>
            <w:u w:val="single" w:color="0000FF"/>
          </w:rPr>
          <w:t>pmref</w:t>
        </w:r>
      </w:hyperlink>
      <w:hyperlink r:id="rId135">
        <w:r>
          <w:t xml:space="preserve"> </w:t>
        </w:r>
      </w:hyperlink>
    </w:p>
    <w:sectPr w:rsidR="0043064D">
      <w:pgSz w:w="11904" w:h="16838"/>
      <w:pgMar w:top="547" w:right="1122" w:bottom="117" w:left="1416" w:header="720" w:footer="720" w:gutter="0"/>
      <w:cols w:space="72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CC"/>
    <w:family w:val="swiss"/>
    <w:pitch w:val="variable"/>
    <w:sig w:usb0="E0002AFF" w:usb1="C0007843" w:usb2="00000009" w:usb3="00000000" w:csb0="000001FF" w:csb1="00000000"/>
  </w:font>
  <w:font w:name="Segoe UI Symbol">
    <w:panose1 w:val="020B0502040204020203"/>
    <w:charset w:val="00"/>
    <w:family w:val="swiss"/>
    <w:pitch w:val="variable"/>
    <w:sig w:usb0="800001E3" w:usb1="1200FFEF" w:usb2="0064C000" w:usb3="00000000" w:csb0="00000001" w:csb1="00000000"/>
  </w:font>
  <w:font w:name="Verdana">
    <w:panose1 w:val="020B0604030504040204"/>
    <w:charset w:val="CC"/>
    <w:family w:val="swiss"/>
    <w:pitch w:val="variable"/>
    <w:sig w:usb0="A10006FF" w:usb1="4000205B" w:usb2="00000010" w:usb3="00000000" w:csb0="0000019F" w:csb1="00000000"/>
  </w:font>
  <w:font w:name="Calibri">
    <w:panose1 w:val="020F0502020204030204"/>
    <w:charset w:val="CC"/>
    <w:family w:val="swiss"/>
    <w:pitch w:val="variable"/>
    <w:sig w:usb0="E00002FF" w:usb1="4000ACFF" w:usb2="00000001" w:usb3="00000000" w:csb0="0000019F" w:csb1="00000000"/>
  </w:font>
  <w:font w:name="Times New Roman">
    <w:panose1 w:val="02020603050405020304"/>
    <w:charset w:val="CC"/>
    <w:family w:val="roman"/>
    <w:pitch w:val="variable"/>
    <w:sig w:usb0="E0002EFF" w:usb1="C0007843" w:usb2="00000009" w:usb3="00000000" w:csb0="000001FF" w:csb1="00000000"/>
  </w:font>
  <w:font w:name="Tahoma">
    <w:panose1 w:val="020B0604030504040204"/>
    <w:charset w:val="CC"/>
    <w:family w:val="swiss"/>
    <w:pitch w:val="variable"/>
    <w:sig w:usb0="E1002EFF" w:usb1="C000605B" w:usb2="00000029" w:usb3="00000000" w:csb0="000101FF" w:csb1="00000000"/>
  </w:font>
  <w:font w:name="Courier New">
    <w:panose1 w:val="02070309020205020404"/>
    <w:charset w:val="CC"/>
    <w:family w:val="modern"/>
    <w:pitch w:val="fixed"/>
    <w:sig w:usb0="E0002AFF" w:usb1="C0007843" w:usb2="00000009" w:usb3="00000000" w:csb0="000001FF" w:csb1="00000000"/>
  </w:font>
  <w:font w:name="Calibri Light">
    <w:panose1 w:val="020F0302020204030204"/>
    <w:charset w:val="CC"/>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0D0E30"/>
    <w:multiLevelType w:val="hybridMultilevel"/>
    <w:tmpl w:val="048CC644"/>
    <w:lvl w:ilvl="0" w:tplc="D9E0E0A8">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2AEE7A32">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31D66C8A">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8ACE6A30">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126AD58C">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ECD2D060">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6B9240B8">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5994E4CA">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DF7A0410">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 w15:restartNumberingAfterBreak="0">
    <w:nsid w:val="120C1570"/>
    <w:multiLevelType w:val="hybridMultilevel"/>
    <w:tmpl w:val="2D94CBE4"/>
    <w:lvl w:ilvl="0" w:tplc="859C46A0">
      <w:start w:val="1"/>
      <w:numFmt w:val="decimal"/>
      <w:lvlText w:val="%1."/>
      <w:lvlJc w:val="left"/>
      <w:pPr>
        <w:ind w:left="274"/>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1" w:tplc="000AF732">
      <w:start w:val="1"/>
      <w:numFmt w:val="lowerLetter"/>
      <w:lvlText w:val="%2"/>
      <w:lvlJc w:val="left"/>
      <w:pPr>
        <w:ind w:left="10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2" w:tplc="C01C82C0">
      <w:start w:val="1"/>
      <w:numFmt w:val="lowerRoman"/>
      <w:lvlText w:val="%3"/>
      <w:lvlJc w:val="left"/>
      <w:pPr>
        <w:ind w:left="18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3" w:tplc="8EA4A1F0">
      <w:start w:val="1"/>
      <w:numFmt w:val="decimal"/>
      <w:lvlText w:val="%4"/>
      <w:lvlJc w:val="left"/>
      <w:pPr>
        <w:ind w:left="25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4" w:tplc="E876B6E4">
      <w:start w:val="1"/>
      <w:numFmt w:val="lowerLetter"/>
      <w:lvlText w:val="%5"/>
      <w:lvlJc w:val="left"/>
      <w:pPr>
        <w:ind w:left="324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5" w:tplc="EB70A6BA">
      <w:start w:val="1"/>
      <w:numFmt w:val="lowerRoman"/>
      <w:lvlText w:val="%6"/>
      <w:lvlJc w:val="left"/>
      <w:pPr>
        <w:ind w:left="396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6" w:tplc="E02EF15A">
      <w:start w:val="1"/>
      <w:numFmt w:val="decimal"/>
      <w:lvlText w:val="%7"/>
      <w:lvlJc w:val="left"/>
      <w:pPr>
        <w:ind w:left="46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7" w:tplc="A05EBBF6">
      <w:start w:val="1"/>
      <w:numFmt w:val="lowerLetter"/>
      <w:lvlText w:val="%8"/>
      <w:lvlJc w:val="left"/>
      <w:pPr>
        <w:ind w:left="54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8" w:tplc="3F389D5C">
      <w:start w:val="1"/>
      <w:numFmt w:val="lowerRoman"/>
      <w:lvlText w:val="%9"/>
      <w:lvlJc w:val="left"/>
      <w:pPr>
        <w:ind w:left="61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abstractNum>
  <w:abstractNum w:abstractNumId="2" w15:restartNumberingAfterBreak="0">
    <w:nsid w:val="19B72F5C"/>
    <w:multiLevelType w:val="hybridMultilevel"/>
    <w:tmpl w:val="0CCAE288"/>
    <w:lvl w:ilvl="0" w:tplc="0C962048">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BE4AC09C">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A6FEFF28">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29668080">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24923F4E">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E31ADE9C">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A6CC8480">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8A707664">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4536A732">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3" w15:restartNumberingAfterBreak="0">
    <w:nsid w:val="1E5B4A63"/>
    <w:multiLevelType w:val="hybridMultilevel"/>
    <w:tmpl w:val="FBB62A5C"/>
    <w:lvl w:ilvl="0" w:tplc="5F385E72">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B5F8A110">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91003CF0">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4B36D3A8">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8EDCFAD6">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9BE647C2">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75BE760E">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7C7ABFBE">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6B422DFC">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4" w15:restartNumberingAfterBreak="0">
    <w:nsid w:val="23122CF3"/>
    <w:multiLevelType w:val="hybridMultilevel"/>
    <w:tmpl w:val="548041D4"/>
    <w:lvl w:ilvl="0" w:tplc="C4823D4C">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FE6E6650">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71123BD2">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5574BB44">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D33E89CA">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7FAEA0DC">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C91E1416">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DD6AE8B6">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48C0668C">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5" w15:restartNumberingAfterBreak="0">
    <w:nsid w:val="24406742"/>
    <w:multiLevelType w:val="hybridMultilevel"/>
    <w:tmpl w:val="1A4EA02A"/>
    <w:lvl w:ilvl="0" w:tplc="F5B241F2">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33C45364">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B650D026">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F65242DC">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759A0308">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B73CFC9C">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739CBCCC">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857EA4FA">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8A16D4CE">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6" w15:restartNumberingAfterBreak="0">
    <w:nsid w:val="251B29D3"/>
    <w:multiLevelType w:val="hybridMultilevel"/>
    <w:tmpl w:val="7B3292DA"/>
    <w:lvl w:ilvl="0" w:tplc="5FEEAC90">
      <w:start w:val="1"/>
      <w:numFmt w:val="decimal"/>
      <w:lvlText w:val="%1."/>
      <w:lvlJc w:val="left"/>
      <w:pPr>
        <w:ind w:left="1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1" w:tplc="A35A6262">
      <w:start w:val="1"/>
      <w:numFmt w:val="lowerLetter"/>
      <w:lvlText w:val="%2"/>
      <w:lvlJc w:val="left"/>
      <w:pPr>
        <w:ind w:left="10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2" w:tplc="BFC0A686">
      <w:start w:val="1"/>
      <w:numFmt w:val="lowerRoman"/>
      <w:lvlText w:val="%3"/>
      <w:lvlJc w:val="left"/>
      <w:pPr>
        <w:ind w:left="18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3" w:tplc="0568A77C">
      <w:start w:val="1"/>
      <w:numFmt w:val="decimal"/>
      <w:lvlText w:val="%4"/>
      <w:lvlJc w:val="left"/>
      <w:pPr>
        <w:ind w:left="25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4" w:tplc="C3A8BC0E">
      <w:start w:val="1"/>
      <w:numFmt w:val="lowerLetter"/>
      <w:lvlText w:val="%5"/>
      <w:lvlJc w:val="left"/>
      <w:pPr>
        <w:ind w:left="324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5" w:tplc="D8FA8852">
      <w:start w:val="1"/>
      <w:numFmt w:val="lowerRoman"/>
      <w:lvlText w:val="%6"/>
      <w:lvlJc w:val="left"/>
      <w:pPr>
        <w:ind w:left="396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6" w:tplc="331032F2">
      <w:start w:val="1"/>
      <w:numFmt w:val="decimal"/>
      <w:lvlText w:val="%7"/>
      <w:lvlJc w:val="left"/>
      <w:pPr>
        <w:ind w:left="46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7" w:tplc="DBA604D6">
      <w:start w:val="1"/>
      <w:numFmt w:val="lowerLetter"/>
      <w:lvlText w:val="%8"/>
      <w:lvlJc w:val="left"/>
      <w:pPr>
        <w:ind w:left="54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8" w:tplc="DACA0E10">
      <w:start w:val="1"/>
      <w:numFmt w:val="lowerRoman"/>
      <w:lvlText w:val="%9"/>
      <w:lvlJc w:val="left"/>
      <w:pPr>
        <w:ind w:left="61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abstractNum>
  <w:abstractNum w:abstractNumId="7" w15:restartNumberingAfterBreak="0">
    <w:nsid w:val="257C2F2B"/>
    <w:multiLevelType w:val="hybridMultilevel"/>
    <w:tmpl w:val="73424D3C"/>
    <w:lvl w:ilvl="0" w:tplc="58506168">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2876ABA4">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2A44CB8E">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87843EF0">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D53C0108">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CE1CABEC">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1F52CC52">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E70C3BC6">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6638EC50">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8" w15:restartNumberingAfterBreak="0">
    <w:nsid w:val="28BD0A9A"/>
    <w:multiLevelType w:val="hybridMultilevel"/>
    <w:tmpl w:val="AB36DF94"/>
    <w:lvl w:ilvl="0" w:tplc="EB8AB9C4">
      <w:start w:val="1"/>
      <w:numFmt w:val="decimal"/>
      <w:lvlText w:val="%1."/>
      <w:lvlJc w:val="left"/>
      <w:pPr>
        <w:ind w:left="274"/>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1" w:tplc="27DC8F4E">
      <w:start w:val="1"/>
      <w:numFmt w:val="lowerLetter"/>
      <w:lvlText w:val="%2"/>
      <w:lvlJc w:val="left"/>
      <w:pPr>
        <w:ind w:left="10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2" w:tplc="2DA8EC4A">
      <w:start w:val="1"/>
      <w:numFmt w:val="lowerRoman"/>
      <w:lvlText w:val="%3"/>
      <w:lvlJc w:val="left"/>
      <w:pPr>
        <w:ind w:left="18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3" w:tplc="7FE4BF98">
      <w:start w:val="1"/>
      <w:numFmt w:val="decimal"/>
      <w:lvlText w:val="%4"/>
      <w:lvlJc w:val="left"/>
      <w:pPr>
        <w:ind w:left="25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4" w:tplc="DCC4C55C">
      <w:start w:val="1"/>
      <w:numFmt w:val="lowerLetter"/>
      <w:lvlText w:val="%5"/>
      <w:lvlJc w:val="left"/>
      <w:pPr>
        <w:ind w:left="324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5" w:tplc="D0002910">
      <w:start w:val="1"/>
      <w:numFmt w:val="lowerRoman"/>
      <w:lvlText w:val="%6"/>
      <w:lvlJc w:val="left"/>
      <w:pPr>
        <w:ind w:left="396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6" w:tplc="A17EE720">
      <w:start w:val="1"/>
      <w:numFmt w:val="decimal"/>
      <w:lvlText w:val="%7"/>
      <w:lvlJc w:val="left"/>
      <w:pPr>
        <w:ind w:left="46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7" w:tplc="7B9225B6">
      <w:start w:val="1"/>
      <w:numFmt w:val="lowerLetter"/>
      <w:lvlText w:val="%8"/>
      <w:lvlJc w:val="left"/>
      <w:pPr>
        <w:ind w:left="54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8" w:tplc="1C646DD8">
      <w:start w:val="1"/>
      <w:numFmt w:val="lowerRoman"/>
      <w:lvlText w:val="%9"/>
      <w:lvlJc w:val="left"/>
      <w:pPr>
        <w:ind w:left="61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abstractNum>
  <w:abstractNum w:abstractNumId="9" w15:restartNumberingAfterBreak="0">
    <w:nsid w:val="30C0734F"/>
    <w:multiLevelType w:val="hybridMultilevel"/>
    <w:tmpl w:val="C902F730"/>
    <w:lvl w:ilvl="0" w:tplc="77A0D3AC">
      <w:start w:val="1"/>
      <w:numFmt w:val="decimal"/>
      <w:lvlText w:val="%1."/>
      <w:lvlJc w:val="left"/>
      <w:pPr>
        <w:ind w:left="274"/>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1" w:tplc="F5F6820A">
      <w:start w:val="1"/>
      <w:numFmt w:val="lowerLetter"/>
      <w:lvlText w:val="%2"/>
      <w:lvlJc w:val="left"/>
      <w:pPr>
        <w:ind w:left="10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2" w:tplc="597AF21C">
      <w:start w:val="1"/>
      <w:numFmt w:val="lowerRoman"/>
      <w:lvlText w:val="%3"/>
      <w:lvlJc w:val="left"/>
      <w:pPr>
        <w:ind w:left="18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3" w:tplc="B7FCC09A">
      <w:start w:val="1"/>
      <w:numFmt w:val="decimal"/>
      <w:lvlText w:val="%4"/>
      <w:lvlJc w:val="left"/>
      <w:pPr>
        <w:ind w:left="25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4" w:tplc="8A4603B4">
      <w:start w:val="1"/>
      <w:numFmt w:val="lowerLetter"/>
      <w:lvlText w:val="%5"/>
      <w:lvlJc w:val="left"/>
      <w:pPr>
        <w:ind w:left="324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5" w:tplc="6818E194">
      <w:start w:val="1"/>
      <w:numFmt w:val="lowerRoman"/>
      <w:lvlText w:val="%6"/>
      <w:lvlJc w:val="left"/>
      <w:pPr>
        <w:ind w:left="396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6" w:tplc="AAF87280">
      <w:start w:val="1"/>
      <w:numFmt w:val="decimal"/>
      <w:lvlText w:val="%7"/>
      <w:lvlJc w:val="left"/>
      <w:pPr>
        <w:ind w:left="46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7" w:tplc="25DCBD40">
      <w:start w:val="1"/>
      <w:numFmt w:val="lowerLetter"/>
      <w:lvlText w:val="%8"/>
      <w:lvlJc w:val="left"/>
      <w:pPr>
        <w:ind w:left="54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8" w:tplc="CFCECC3C">
      <w:start w:val="1"/>
      <w:numFmt w:val="lowerRoman"/>
      <w:lvlText w:val="%9"/>
      <w:lvlJc w:val="left"/>
      <w:pPr>
        <w:ind w:left="61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abstractNum>
  <w:abstractNum w:abstractNumId="10" w15:restartNumberingAfterBreak="0">
    <w:nsid w:val="31E302A1"/>
    <w:multiLevelType w:val="hybridMultilevel"/>
    <w:tmpl w:val="0DD64B5E"/>
    <w:lvl w:ilvl="0" w:tplc="B9E8865C">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DF9AC36A">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71A653F4">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06F65B36">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BE3484D2">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0718873A">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2C9CC796">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46C2F560">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F222A804">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1" w15:restartNumberingAfterBreak="0">
    <w:nsid w:val="3CCD36F4"/>
    <w:multiLevelType w:val="hybridMultilevel"/>
    <w:tmpl w:val="F5A42190"/>
    <w:lvl w:ilvl="0" w:tplc="FC5C086E">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ABEABC50">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BA90BDC8">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45786476">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951A82A0">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9A10EC8E">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96DACD5C">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E362DA46">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5888E426">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2" w15:restartNumberingAfterBreak="0">
    <w:nsid w:val="526D60F4"/>
    <w:multiLevelType w:val="hybridMultilevel"/>
    <w:tmpl w:val="90DCCC46"/>
    <w:lvl w:ilvl="0" w:tplc="2D9C36EA">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4150ECF4">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DA7457EE">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B90EFD4C">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D580385E">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E9FCE572">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D5941C54">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0F904380">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19C86F66">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3" w15:restartNumberingAfterBreak="0">
    <w:nsid w:val="56176E40"/>
    <w:multiLevelType w:val="hybridMultilevel"/>
    <w:tmpl w:val="C4BAC61E"/>
    <w:lvl w:ilvl="0" w:tplc="28D6E0EC">
      <w:start w:val="1"/>
      <w:numFmt w:val="bullet"/>
      <w:lvlText w:val="•"/>
      <w:lvlJc w:val="left"/>
      <w:pPr>
        <w:ind w:left="711"/>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800E29EC">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B4E2C8F0">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1BFE5590">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E7BA7218">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85BA973C">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612C4C4E">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B74A3674">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5E181C86">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4" w15:restartNumberingAfterBreak="0">
    <w:nsid w:val="5742379E"/>
    <w:multiLevelType w:val="hybridMultilevel"/>
    <w:tmpl w:val="F3105724"/>
    <w:lvl w:ilvl="0" w:tplc="807209AA">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3A286442">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C3D67208">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1F068F96">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E42AB1E4">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0874A7A2">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7DCA4B2A">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1054E424">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F2CC3B86">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5" w15:restartNumberingAfterBreak="0">
    <w:nsid w:val="5E955453"/>
    <w:multiLevelType w:val="hybridMultilevel"/>
    <w:tmpl w:val="93C8ECAE"/>
    <w:lvl w:ilvl="0" w:tplc="6956699A">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9340915A">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B6BE3930">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78FAA9E4">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FEB02E52">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5E9E4422">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2376CDDC">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26643390">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8F9E45AC">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6" w15:restartNumberingAfterBreak="0">
    <w:nsid w:val="5F477E89"/>
    <w:multiLevelType w:val="hybridMultilevel"/>
    <w:tmpl w:val="4D9485F4"/>
    <w:lvl w:ilvl="0" w:tplc="47A609BE">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1C924DD0">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BC162B0C">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C6AE8E40">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A7A86A38">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58FE739C">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C38AFF9E">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F0B4EC64">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45BA3F84">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7" w15:restartNumberingAfterBreak="0">
    <w:nsid w:val="636B586A"/>
    <w:multiLevelType w:val="hybridMultilevel"/>
    <w:tmpl w:val="550AE26E"/>
    <w:lvl w:ilvl="0" w:tplc="34D2A2B2">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3970D2F0">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B8CAA790">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C9EE22F0">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9D8688FA">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56C89930">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3D94D302">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89A4C606">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87CE603E">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8" w15:restartNumberingAfterBreak="0">
    <w:nsid w:val="65E84C93"/>
    <w:multiLevelType w:val="hybridMultilevel"/>
    <w:tmpl w:val="DE00590E"/>
    <w:lvl w:ilvl="0" w:tplc="04A2FA7E">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6F0ECC80">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DD522B94">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352638F4">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57F83532">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4CE6A7CC">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E6B44EF4">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78F01A38">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1E365D62">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9" w15:restartNumberingAfterBreak="0">
    <w:nsid w:val="6AFF0846"/>
    <w:multiLevelType w:val="hybridMultilevel"/>
    <w:tmpl w:val="37ECE74A"/>
    <w:lvl w:ilvl="0" w:tplc="97900E6C">
      <w:start w:val="1"/>
      <w:numFmt w:val="bullet"/>
      <w:lvlText w:val="•"/>
      <w:lvlJc w:val="left"/>
      <w:pPr>
        <w:ind w:left="711"/>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88B2BAB4">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35EC1C66">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B45819C8">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644C3E4E">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C4FCA0F6">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A3B03840">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55A27FF0">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7C30C3C0">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20" w15:restartNumberingAfterBreak="0">
    <w:nsid w:val="6D6D30FC"/>
    <w:multiLevelType w:val="hybridMultilevel"/>
    <w:tmpl w:val="C016AFCC"/>
    <w:lvl w:ilvl="0" w:tplc="C2C45AA4">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D0140400">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BF4EB928">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DC928A16">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E5FED84E">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CABE67A0">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D07A6A14">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F41C8880">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F912AF0C">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21" w15:restartNumberingAfterBreak="0">
    <w:nsid w:val="7B5D71D7"/>
    <w:multiLevelType w:val="hybridMultilevel"/>
    <w:tmpl w:val="4AF28DDA"/>
    <w:lvl w:ilvl="0" w:tplc="63923B6E">
      <w:start w:val="1"/>
      <w:numFmt w:val="decimal"/>
      <w:lvlText w:val="%1."/>
      <w:lvlJc w:val="left"/>
      <w:pPr>
        <w:ind w:left="1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1" w:tplc="62F4B032">
      <w:start w:val="1"/>
      <w:numFmt w:val="lowerLetter"/>
      <w:lvlText w:val="%2"/>
      <w:lvlJc w:val="left"/>
      <w:pPr>
        <w:ind w:left="10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2" w:tplc="E9C4816A">
      <w:start w:val="1"/>
      <w:numFmt w:val="lowerRoman"/>
      <w:lvlText w:val="%3"/>
      <w:lvlJc w:val="left"/>
      <w:pPr>
        <w:ind w:left="18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3" w:tplc="639A97B0">
      <w:start w:val="1"/>
      <w:numFmt w:val="decimal"/>
      <w:lvlText w:val="%4"/>
      <w:lvlJc w:val="left"/>
      <w:pPr>
        <w:ind w:left="25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4" w:tplc="B4384672">
      <w:start w:val="1"/>
      <w:numFmt w:val="lowerLetter"/>
      <w:lvlText w:val="%5"/>
      <w:lvlJc w:val="left"/>
      <w:pPr>
        <w:ind w:left="324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5" w:tplc="D8EC5934">
      <w:start w:val="1"/>
      <w:numFmt w:val="lowerRoman"/>
      <w:lvlText w:val="%6"/>
      <w:lvlJc w:val="left"/>
      <w:pPr>
        <w:ind w:left="396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6" w:tplc="7278ED7C">
      <w:start w:val="1"/>
      <w:numFmt w:val="decimal"/>
      <w:lvlText w:val="%7"/>
      <w:lvlJc w:val="left"/>
      <w:pPr>
        <w:ind w:left="46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7" w:tplc="3266D202">
      <w:start w:val="1"/>
      <w:numFmt w:val="lowerLetter"/>
      <w:lvlText w:val="%8"/>
      <w:lvlJc w:val="left"/>
      <w:pPr>
        <w:ind w:left="54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8" w:tplc="36500B80">
      <w:start w:val="1"/>
      <w:numFmt w:val="lowerRoman"/>
      <w:lvlText w:val="%9"/>
      <w:lvlJc w:val="left"/>
      <w:pPr>
        <w:ind w:left="61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abstractNum>
  <w:abstractNum w:abstractNumId="22" w15:restartNumberingAfterBreak="0">
    <w:nsid w:val="7C8B3CD7"/>
    <w:multiLevelType w:val="hybridMultilevel"/>
    <w:tmpl w:val="67C8D6A6"/>
    <w:lvl w:ilvl="0" w:tplc="53BE2038">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700ACAD0">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07A6AD60">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DA188A96">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FCB69EE6">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7DB611CA">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E000176A">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C2B64588">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FEE2F2E2">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num w:numId="1">
    <w:abstractNumId w:val="1"/>
  </w:num>
  <w:num w:numId="2">
    <w:abstractNumId w:val="3"/>
  </w:num>
  <w:num w:numId="3">
    <w:abstractNumId w:val="13"/>
  </w:num>
  <w:num w:numId="4">
    <w:abstractNumId w:val="15"/>
  </w:num>
  <w:num w:numId="5">
    <w:abstractNumId w:val="4"/>
  </w:num>
  <w:num w:numId="6">
    <w:abstractNumId w:val="12"/>
  </w:num>
  <w:num w:numId="7">
    <w:abstractNumId w:val="22"/>
  </w:num>
  <w:num w:numId="8">
    <w:abstractNumId w:val="10"/>
  </w:num>
  <w:num w:numId="9">
    <w:abstractNumId w:val="5"/>
  </w:num>
  <w:num w:numId="10">
    <w:abstractNumId w:val="9"/>
  </w:num>
  <w:num w:numId="11">
    <w:abstractNumId w:val="18"/>
  </w:num>
  <w:num w:numId="12">
    <w:abstractNumId w:val="19"/>
  </w:num>
  <w:num w:numId="13">
    <w:abstractNumId w:val="7"/>
  </w:num>
  <w:num w:numId="14">
    <w:abstractNumId w:val="6"/>
  </w:num>
  <w:num w:numId="15">
    <w:abstractNumId w:val="17"/>
  </w:num>
  <w:num w:numId="16">
    <w:abstractNumId w:val="16"/>
  </w:num>
  <w:num w:numId="17">
    <w:abstractNumId w:val="21"/>
  </w:num>
  <w:num w:numId="18">
    <w:abstractNumId w:val="11"/>
  </w:num>
  <w:num w:numId="19">
    <w:abstractNumId w:val="2"/>
  </w:num>
  <w:num w:numId="20">
    <w:abstractNumId w:val="14"/>
  </w:num>
  <w:num w:numId="21">
    <w:abstractNumId w:val="20"/>
  </w:num>
  <w:num w:numId="22">
    <w:abstractNumId w:val="0"/>
  </w:num>
  <w:num w:numId="23">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08"/>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064D"/>
    <w:rsid w:val="0043064D"/>
    <w:rsid w:val="008B3C4B"/>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92BAAEA"/>
  <w15:docId w15:val="{F4634247-676E-4AD5-AD47-7B8C4075E13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ru-RU" w:eastAsia="ru-R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09" w:line="248" w:lineRule="auto"/>
      <w:ind w:left="10" w:hanging="10"/>
      <w:jc w:val="both"/>
    </w:pPr>
    <w:rPr>
      <w:rFonts w:ascii="Verdana" w:eastAsia="Verdana" w:hAnsi="Verdana" w:cs="Verdana"/>
      <w:color w:val="000000"/>
      <w:sz w:val="20"/>
    </w:rPr>
  </w:style>
  <w:style w:type="paragraph" w:styleId="1">
    <w:name w:val="heading 1"/>
    <w:next w:val="a"/>
    <w:link w:val="10"/>
    <w:uiPriority w:val="9"/>
    <w:unhideWhenUsed/>
    <w:qFormat/>
    <w:pPr>
      <w:keepNext/>
      <w:keepLines/>
      <w:shd w:val="clear" w:color="auto" w:fill="E6E6E6"/>
      <w:spacing w:after="28" w:line="249" w:lineRule="auto"/>
      <w:ind w:left="10" w:hanging="10"/>
      <w:outlineLvl w:val="0"/>
    </w:pPr>
    <w:rPr>
      <w:rFonts w:ascii="Tahoma" w:eastAsia="Tahoma" w:hAnsi="Tahoma" w:cs="Tahoma"/>
      <w:b/>
      <w:color w:val="000000"/>
      <w:sz w:val="28"/>
    </w:rPr>
  </w:style>
  <w:style w:type="paragraph" w:styleId="2">
    <w:name w:val="heading 2"/>
    <w:next w:val="a"/>
    <w:link w:val="20"/>
    <w:uiPriority w:val="9"/>
    <w:unhideWhenUsed/>
    <w:qFormat/>
    <w:pPr>
      <w:keepNext/>
      <w:keepLines/>
      <w:spacing w:after="62"/>
      <w:ind w:left="10" w:hanging="10"/>
      <w:outlineLvl w:val="1"/>
    </w:pPr>
    <w:rPr>
      <w:rFonts w:ascii="Tahoma" w:eastAsia="Tahoma" w:hAnsi="Tahoma" w:cs="Tahoma"/>
      <w:b/>
      <w:color w:val="000000"/>
      <w:sz w:val="24"/>
    </w:rPr>
  </w:style>
  <w:style w:type="paragraph" w:styleId="3">
    <w:name w:val="heading 3"/>
    <w:next w:val="a"/>
    <w:link w:val="30"/>
    <w:uiPriority w:val="9"/>
    <w:unhideWhenUsed/>
    <w:qFormat/>
    <w:pPr>
      <w:keepNext/>
      <w:keepLines/>
      <w:spacing w:after="74"/>
      <w:ind w:left="10" w:hanging="10"/>
      <w:outlineLvl w:val="2"/>
    </w:pPr>
    <w:rPr>
      <w:rFonts w:ascii="Calibri" w:eastAsia="Calibri" w:hAnsi="Calibri" w:cs="Calibri"/>
      <w:b/>
      <w:color w:val="000000"/>
      <w:sz w:val="24"/>
    </w:rPr>
  </w:style>
  <w:style w:type="paragraph" w:styleId="4">
    <w:name w:val="heading 4"/>
    <w:next w:val="a"/>
    <w:link w:val="40"/>
    <w:uiPriority w:val="9"/>
    <w:unhideWhenUsed/>
    <w:qFormat/>
    <w:pPr>
      <w:keepNext/>
      <w:keepLines/>
      <w:spacing w:after="74"/>
      <w:ind w:left="10" w:hanging="10"/>
      <w:outlineLvl w:val="3"/>
    </w:pPr>
    <w:rPr>
      <w:rFonts w:ascii="Calibri" w:eastAsia="Calibri" w:hAnsi="Calibri" w:cs="Calibri"/>
      <w:b/>
      <w:color w:val="000000"/>
      <w:sz w:val="24"/>
    </w:rPr>
  </w:style>
  <w:style w:type="paragraph" w:styleId="5">
    <w:name w:val="heading 5"/>
    <w:next w:val="a"/>
    <w:link w:val="50"/>
    <w:uiPriority w:val="9"/>
    <w:unhideWhenUsed/>
    <w:qFormat/>
    <w:pPr>
      <w:keepNext/>
      <w:keepLines/>
      <w:spacing w:after="57" w:line="265" w:lineRule="auto"/>
      <w:ind w:left="10" w:hanging="10"/>
      <w:outlineLvl w:val="4"/>
    </w:pPr>
    <w:rPr>
      <w:rFonts w:ascii="Tahoma" w:eastAsia="Tahoma" w:hAnsi="Tahoma" w:cs="Tahoma"/>
      <w:color w:val="000000"/>
      <w:sz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40">
    <w:name w:val="Заголовок 4 Знак"/>
    <w:link w:val="4"/>
    <w:rPr>
      <w:rFonts w:ascii="Calibri" w:eastAsia="Calibri" w:hAnsi="Calibri" w:cs="Calibri"/>
      <w:b/>
      <w:color w:val="000000"/>
      <w:sz w:val="24"/>
    </w:rPr>
  </w:style>
  <w:style w:type="character" w:customStyle="1" w:styleId="20">
    <w:name w:val="Заголовок 2 Знак"/>
    <w:link w:val="2"/>
    <w:rPr>
      <w:rFonts w:ascii="Tahoma" w:eastAsia="Tahoma" w:hAnsi="Tahoma" w:cs="Tahoma"/>
      <w:b/>
      <w:color w:val="000000"/>
      <w:sz w:val="24"/>
    </w:rPr>
  </w:style>
  <w:style w:type="character" w:customStyle="1" w:styleId="50">
    <w:name w:val="Заголовок 5 Знак"/>
    <w:link w:val="5"/>
    <w:rPr>
      <w:rFonts w:ascii="Tahoma" w:eastAsia="Tahoma" w:hAnsi="Tahoma" w:cs="Tahoma"/>
      <w:color w:val="000000"/>
      <w:sz w:val="24"/>
    </w:rPr>
  </w:style>
  <w:style w:type="character" w:customStyle="1" w:styleId="10">
    <w:name w:val="Заголовок 1 Знак"/>
    <w:link w:val="1"/>
    <w:rPr>
      <w:rFonts w:ascii="Tahoma" w:eastAsia="Tahoma" w:hAnsi="Tahoma" w:cs="Tahoma"/>
      <w:b/>
      <w:color w:val="000000"/>
      <w:sz w:val="28"/>
    </w:rPr>
  </w:style>
  <w:style w:type="character" w:customStyle="1" w:styleId="30">
    <w:name w:val="Заголовок 3 Знак"/>
    <w:link w:val="3"/>
    <w:rPr>
      <w:rFonts w:ascii="Calibri" w:eastAsia="Calibri" w:hAnsi="Calibri" w:cs="Calibri"/>
      <w:b/>
      <w:color w:val="000000"/>
      <w:sz w:val="24"/>
    </w:rPr>
  </w:style>
  <w:style w:type="paragraph" w:styleId="11">
    <w:name w:val="toc 1"/>
    <w:hidden/>
    <w:pPr>
      <w:ind w:left="15" w:right="15"/>
    </w:pPr>
    <w:rPr>
      <w:rFonts w:ascii="Calibri" w:eastAsia="Calibri" w:hAnsi="Calibri" w:cs="Calibri"/>
      <w:color w:val="000000"/>
    </w:rPr>
  </w:style>
  <w:style w:type="paragraph" w:styleId="21">
    <w:name w:val="toc 2"/>
    <w:hidden/>
    <w:pPr>
      <w:ind w:left="15" w:right="15"/>
    </w:pPr>
    <w:rPr>
      <w:rFonts w:ascii="Calibri" w:eastAsia="Calibri" w:hAnsi="Calibri" w:cs="Calibri"/>
      <w:color w:val="000000"/>
    </w:rPr>
  </w:style>
  <w:style w:type="paragraph" w:styleId="31">
    <w:name w:val="toc 3"/>
    <w:hidden/>
    <w:pPr>
      <w:ind w:left="15" w:right="15"/>
    </w:pPr>
    <w:rPr>
      <w:rFonts w:ascii="Calibri" w:eastAsia="Calibri" w:hAnsi="Calibri" w:cs="Calibri"/>
      <w:color w:val="000000"/>
    </w:rPr>
  </w:style>
  <w:style w:type="table" w:customStyle="1" w:styleId="TableGrid">
    <w:name w:val="TableGrid"/>
    <w:pPr>
      <w:spacing w:after="0" w:line="240" w:lineRule="auto"/>
    </w:pPr>
    <w:tblPr>
      <w:tblCellMar>
        <w:top w:w="0" w:type="dxa"/>
        <w:left w:w="0" w:type="dxa"/>
        <w:bottom w:w="0" w:type="dxa"/>
        <w:right w:w="0"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26" Type="http://schemas.openxmlformats.org/officeDocument/2006/relationships/image" Target="media/image22.png"/><Relationship Id="rId117" Type="http://schemas.openxmlformats.org/officeDocument/2006/relationships/hyperlink" Target="http://msdn.com/" TargetMode="External"/><Relationship Id="rId21" Type="http://schemas.openxmlformats.org/officeDocument/2006/relationships/image" Target="media/image17.png"/><Relationship Id="rId42" Type="http://schemas.openxmlformats.org/officeDocument/2006/relationships/image" Target="media/image38.png"/><Relationship Id="rId47" Type="http://schemas.openxmlformats.org/officeDocument/2006/relationships/image" Target="media/image43.png"/><Relationship Id="rId63" Type="http://schemas.openxmlformats.org/officeDocument/2006/relationships/image" Target="media/image59.png"/><Relationship Id="rId68" Type="http://schemas.openxmlformats.org/officeDocument/2006/relationships/image" Target="media/image64.png"/><Relationship Id="rId84" Type="http://schemas.openxmlformats.org/officeDocument/2006/relationships/image" Target="media/image80.png"/><Relationship Id="rId89" Type="http://schemas.openxmlformats.org/officeDocument/2006/relationships/image" Target="media/image85.png"/><Relationship Id="rId112" Type="http://schemas.openxmlformats.org/officeDocument/2006/relationships/image" Target="media/image108.png"/><Relationship Id="rId133" Type="http://schemas.openxmlformats.org/officeDocument/2006/relationships/hyperlink" Target="http://www.microsoft.com/whdc/resources/respec/specs/pmref" TargetMode="External"/><Relationship Id="rId16" Type="http://schemas.openxmlformats.org/officeDocument/2006/relationships/image" Target="media/image12.png"/><Relationship Id="rId107" Type="http://schemas.openxmlformats.org/officeDocument/2006/relationships/image" Target="media/image103.png"/><Relationship Id="rId11" Type="http://schemas.openxmlformats.org/officeDocument/2006/relationships/image" Target="media/image7.png"/><Relationship Id="rId32" Type="http://schemas.openxmlformats.org/officeDocument/2006/relationships/image" Target="media/image28.png"/><Relationship Id="rId37" Type="http://schemas.openxmlformats.org/officeDocument/2006/relationships/image" Target="media/image33.png"/><Relationship Id="rId53" Type="http://schemas.openxmlformats.org/officeDocument/2006/relationships/image" Target="media/image49.png"/><Relationship Id="rId58" Type="http://schemas.openxmlformats.org/officeDocument/2006/relationships/image" Target="media/image54.png"/><Relationship Id="rId74" Type="http://schemas.openxmlformats.org/officeDocument/2006/relationships/image" Target="media/image70.png"/><Relationship Id="rId79" Type="http://schemas.openxmlformats.org/officeDocument/2006/relationships/image" Target="media/image75.png"/><Relationship Id="rId102" Type="http://schemas.openxmlformats.org/officeDocument/2006/relationships/image" Target="media/image98.png"/><Relationship Id="rId123" Type="http://schemas.openxmlformats.org/officeDocument/2006/relationships/hyperlink" Target="http://www.microsoft.com/whdc/resources/respec/specs/pmref" TargetMode="External"/><Relationship Id="rId128" Type="http://schemas.openxmlformats.org/officeDocument/2006/relationships/hyperlink" Target="http://www.microsoft.com/whdc/resources/respec/specs/pmref" TargetMode="External"/><Relationship Id="rId5" Type="http://schemas.openxmlformats.org/officeDocument/2006/relationships/image" Target="media/image1.png"/><Relationship Id="rId90" Type="http://schemas.openxmlformats.org/officeDocument/2006/relationships/image" Target="media/image86.png"/><Relationship Id="rId95" Type="http://schemas.openxmlformats.org/officeDocument/2006/relationships/image" Target="media/image91.png"/><Relationship Id="rId14" Type="http://schemas.openxmlformats.org/officeDocument/2006/relationships/image" Target="media/image10.png"/><Relationship Id="rId22" Type="http://schemas.openxmlformats.org/officeDocument/2006/relationships/image" Target="media/image18.png"/><Relationship Id="rId27" Type="http://schemas.openxmlformats.org/officeDocument/2006/relationships/image" Target="media/image23.png"/><Relationship Id="rId30" Type="http://schemas.openxmlformats.org/officeDocument/2006/relationships/image" Target="media/image26.png"/><Relationship Id="rId35" Type="http://schemas.openxmlformats.org/officeDocument/2006/relationships/image" Target="media/image31.png"/><Relationship Id="rId43" Type="http://schemas.openxmlformats.org/officeDocument/2006/relationships/image" Target="media/image39.png"/><Relationship Id="rId48" Type="http://schemas.openxmlformats.org/officeDocument/2006/relationships/image" Target="media/image44.png"/><Relationship Id="rId56" Type="http://schemas.openxmlformats.org/officeDocument/2006/relationships/image" Target="media/image52.png"/><Relationship Id="rId64" Type="http://schemas.openxmlformats.org/officeDocument/2006/relationships/image" Target="media/image60.png"/><Relationship Id="rId69" Type="http://schemas.openxmlformats.org/officeDocument/2006/relationships/image" Target="media/image65.png"/><Relationship Id="rId77" Type="http://schemas.openxmlformats.org/officeDocument/2006/relationships/image" Target="media/image73.png"/><Relationship Id="rId100" Type="http://schemas.openxmlformats.org/officeDocument/2006/relationships/image" Target="media/image96.png"/><Relationship Id="rId105" Type="http://schemas.openxmlformats.org/officeDocument/2006/relationships/image" Target="media/image101.png"/><Relationship Id="rId113" Type="http://schemas.openxmlformats.org/officeDocument/2006/relationships/image" Target="media/image109.png"/><Relationship Id="rId118" Type="http://schemas.openxmlformats.org/officeDocument/2006/relationships/hyperlink" Target="http://msdn.com/" TargetMode="External"/><Relationship Id="rId126" Type="http://schemas.openxmlformats.org/officeDocument/2006/relationships/hyperlink" Target="http://www.microsoft.com/whdc/resources/respec/specs/pmref" TargetMode="External"/><Relationship Id="rId134" Type="http://schemas.openxmlformats.org/officeDocument/2006/relationships/hyperlink" Target="http://www.microsoft.com/whdc/resources/respec/specs/pmref" TargetMode="External"/><Relationship Id="rId8" Type="http://schemas.openxmlformats.org/officeDocument/2006/relationships/image" Target="media/image4.png"/><Relationship Id="rId51" Type="http://schemas.openxmlformats.org/officeDocument/2006/relationships/image" Target="media/image47.png"/><Relationship Id="rId72" Type="http://schemas.openxmlformats.org/officeDocument/2006/relationships/image" Target="media/image68.png"/><Relationship Id="rId80" Type="http://schemas.openxmlformats.org/officeDocument/2006/relationships/image" Target="media/image76.png"/><Relationship Id="rId85" Type="http://schemas.openxmlformats.org/officeDocument/2006/relationships/image" Target="media/image81.png"/><Relationship Id="rId93" Type="http://schemas.openxmlformats.org/officeDocument/2006/relationships/image" Target="media/image89.png"/><Relationship Id="rId98" Type="http://schemas.openxmlformats.org/officeDocument/2006/relationships/image" Target="media/image94.png"/><Relationship Id="rId121" Type="http://schemas.openxmlformats.org/officeDocument/2006/relationships/hyperlink" Target="http://www.microsoft.com/whdc/resources/respec/specs/pmref" TargetMode="External"/><Relationship Id="rId3" Type="http://schemas.openxmlformats.org/officeDocument/2006/relationships/settings" Target="settings.xml"/><Relationship Id="rId12" Type="http://schemas.openxmlformats.org/officeDocument/2006/relationships/image" Target="media/image8.png"/><Relationship Id="rId17" Type="http://schemas.openxmlformats.org/officeDocument/2006/relationships/image" Target="media/image13.png"/><Relationship Id="rId25" Type="http://schemas.openxmlformats.org/officeDocument/2006/relationships/image" Target="media/image21.png"/><Relationship Id="rId33" Type="http://schemas.openxmlformats.org/officeDocument/2006/relationships/image" Target="media/image29.png"/><Relationship Id="rId38" Type="http://schemas.openxmlformats.org/officeDocument/2006/relationships/image" Target="media/image34.png"/><Relationship Id="rId46" Type="http://schemas.openxmlformats.org/officeDocument/2006/relationships/image" Target="media/image42.png"/><Relationship Id="rId59" Type="http://schemas.openxmlformats.org/officeDocument/2006/relationships/image" Target="media/image55.png"/><Relationship Id="rId67" Type="http://schemas.openxmlformats.org/officeDocument/2006/relationships/image" Target="media/image63.png"/><Relationship Id="rId103" Type="http://schemas.openxmlformats.org/officeDocument/2006/relationships/image" Target="media/image99.png"/><Relationship Id="rId108" Type="http://schemas.openxmlformats.org/officeDocument/2006/relationships/image" Target="media/image104.png"/><Relationship Id="rId116" Type="http://schemas.openxmlformats.org/officeDocument/2006/relationships/hyperlink" Target="http://msdn.com/" TargetMode="External"/><Relationship Id="rId124" Type="http://schemas.openxmlformats.org/officeDocument/2006/relationships/hyperlink" Target="http://www.microsoft.com/whdc/resources/respec/specs/pmref" TargetMode="External"/><Relationship Id="rId129" Type="http://schemas.openxmlformats.org/officeDocument/2006/relationships/hyperlink" Target="http://www.microsoft.com/whdc/resources/respec/specs/pmref" TargetMode="External"/><Relationship Id="rId137" Type="http://schemas.openxmlformats.org/officeDocument/2006/relationships/theme" Target="theme/theme1.xml"/><Relationship Id="rId20" Type="http://schemas.openxmlformats.org/officeDocument/2006/relationships/image" Target="media/image16.png"/><Relationship Id="rId41" Type="http://schemas.openxmlformats.org/officeDocument/2006/relationships/image" Target="media/image37.png"/><Relationship Id="rId54" Type="http://schemas.openxmlformats.org/officeDocument/2006/relationships/image" Target="media/image50.png"/><Relationship Id="rId62" Type="http://schemas.openxmlformats.org/officeDocument/2006/relationships/image" Target="media/image58.png"/><Relationship Id="rId70" Type="http://schemas.openxmlformats.org/officeDocument/2006/relationships/image" Target="media/image66.png"/><Relationship Id="rId75" Type="http://schemas.openxmlformats.org/officeDocument/2006/relationships/image" Target="media/image71.png"/><Relationship Id="rId83" Type="http://schemas.openxmlformats.org/officeDocument/2006/relationships/image" Target="media/image79.png"/><Relationship Id="rId88" Type="http://schemas.openxmlformats.org/officeDocument/2006/relationships/image" Target="media/image84.png"/><Relationship Id="rId91" Type="http://schemas.openxmlformats.org/officeDocument/2006/relationships/image" Target="media/image87.png"/><Relationship Id="rId96" Type="http://schemas.openxmlformats.org/officeDocument/2006/relationships/image" Target="media/image92.png"/><Relationship Id="rId111" Type="http://schemas.openxmlformats.org/officeDocument/2006/relationships/image" Target="media/image107.png"/><Relationship Id="rId132" Type="http://schemas.openxmlformats.org/officeDocument/2006/relationships/hyperlink" Target="http://www.microsoft.com/whdc/resources/respec/specs/pmref" TargetMode="External"/><Relationship Id="rId1" Type="http://schemas.openxmlformats.org/officeDocument/2006/relationships/numbering" Target="numbering.xml"/><Relationship Id="rId6" Type="http://schemas.openxmlformats.org/officeDocument/2006/relationships/image" Target="media/image2.png"/><Relationship Id="rId15" Type="http://schemas.openxmlformats.org/officeDocument/2006/relationships/image" Target="media/image11.png"/><Relationship Id="rId23" Type="http://schemas.openxmlformats.org/officeDocument/2006/relationships/image" Target="media/image19.png"/><Relationship Id="rId28" Type="http://schemas.openxmlformats.org/officeDocument/2006/relationships/image" Target="media/image24.png"/><Relationship Id="rId36" Type="http://schemas.openxmlformats.org/officeDocument/2006/relationships/image" Target="media/image32.png"/><Relationship Id="rId49" Type="http://schemas.openxmlformats.org/officeDocument/2006/relationships/image" Target="media/image45.png"/><Relationship Id="rId57" Type="http://schemas.openxmlformats.org/officeDocument/2006/relationships/image" Target="media/image53.png"/><Relationship Id="rId106" Type="http://schemas.openxmlformats.org/officeDocument/2006/relationships/image" Target="media/image102.png"/><Relationship Id="rId114" Type="http://schemas.openxmlformats.org/officeDocument/2006/relationships/hyperlink" Target="http://msdn.com/" TargetMode="External"/><Relationship Id="rId119" Type="http://schemas.openxmlformats.org/officeDocument/2006/relationships/hyperlink" Target="http://msdn.com/" TargetMode="External"/><Relationship Id="rId127" Type="http://schemas.openxmlformats.org/officeDocument/2006/relationships/hyperlink" Target="http://www.microsoft.com/whdc/resources/respec/specs/pmref" TargetMode="External"/><Relationship Id="rId10" Type="http://schemas.openxmlformats.org/officeDocument/2006/relationships/image" Target="media/image6.png"/><Relationship Id="rId31" Type="http://schemas.openxmlformats.org/officeDocument/2006/relationships/image" Target="media/image27.png"/><Relationship Id="rId44" Type="http://schemas.openxmlformats.org/officeDocument/2006/relationships/image" Target="media/image40.png"/><Relationship Id="rId52" Type="http://schemas.openxmlformats.org/officeDocument/2006/relationships/image" Target="media/image48.png"/><Relationship Id="rId60" Type="http://schemas.openxmlformats.org/officeDocument/2006/relationships/image" Target="media/image56.png"/><Relationship Id="rId65" Type="http://schemas.openxmlformats.org/officeDocument/2006/relationships/image" Target="media/image61.png"/><Relationship Id="rId73" Type="http://schemas.openxmlformats.org/officeDocument/2006/relationships/image" Target="media/image69.png"/><Relationship Id="rId78" Type="http://schemas.openxmlformats.org/officeDocument/2006/relationships/image" Target="media/image74.png"/><Relationship Id="rId81" Type="http://schemas.openxmlformats.org/officeDocument/2006/relationships/image" Target="media/image77.png"/><Relationship Id="rId86" Type="http://schemas.openxmlformats.org/officeDocument/2006/relationships/image" Target="media/image82.png"/><Relationship Id="rId94" Type="http://schemas.openxmlformats.org/officeDocument/2006/relationships/image" Target="media/image90.png"/><Relationship Id="rId99" Type="http://schemas.openxmlformats.org/officeDocument/2006/relationships/image" Target="media/image95.png"/><Relationship Id="rId101" Type="http://schemas.openxmlformats.org/officeDocument/2006/relationships/image" Target="media/image97.png"/><Relationship Id="rId122" Type="http://schemas.openxmlformats.org/officeDocument/2006/relationships/hyperlink" Target="http://www.microsoft.com/whdc/resources/respec/specs/pmref" TargetMode="External"/><Relationship Id="rId130" Type="http://schemas.openxmlformats.org/officeDocument/2006/relationships/hyperlink" Target="http://www.microsoft.com/whdc/resources/respec/specs/pmref" TargetMode="External"/><Relationship Id="rId135" Type="http://schemas.openxmlformats.org/officeDocument/2006/relationships/hyperlink" Target="http://www.microsoft.com/whdc/resources/respec/specs/pmref" TargetMode="External"/><Relationship Id="rId4" Type="http://schemas.openxmlformats.org/officeDocument/2006/relationships/webSettings" Target="webSettings.xml"/><Relationship Id="rId9" Type="http://schemas.openxmlformats.org/officeDocument/2006/relationships/image" Target="media/image5.png"/><Relationship Id="rId13" Type="http://schemas.openxmlformats.org/officeDocument/2006/relationships/image" Target="media/image9.png"/><Relationship Id="rId18" Type="http://schemas.openxmlformats.org/officeDocument/2006/relationships/image" Target="media/image14.png"/><Relationship Id="rId39" Type="http://schemas.openxmlformats.org/officeDocument/2006/relationships/image" Target="media/image35.png"/><Relationship Id="rId109" Type="http://schemas.openxmlformats.org/officeDocument/2006/relationships/image" Target="media/image105.png"/><Relationship Id="rId34" Type="http://schemas.openxmlformats.org/officeDocument/2006/relationships/image" Target="media/image30.png"/><Relationship Id="rId50" Type="http://schemas.openxmlformats.org/officeDocument/2006/relationships/image" Target="media/image46.png"/><Relationship Id="rId55" Type="http://schemas.openxmlformats.org/officeDocument/2006/relationships/image" Target="media/image51.png"/><Relationship Id="rId76" Type="http://schemas.openxmlformats.org/officeDocument/2006/relationships/image" Target="media/image72.png"/><Relationship Id="rId97" Type="http://schemas.openxmlformats.org/officeDocument/2006/relationships/image" Target="media/image93.png"/><Relationship Id="rId104" Type="http://schemas.openxmlformats.org/officeDocument/2006/relationships/image" Target="media/image100.png"/><Relationship Id="rId120" Type="http://schemas.openxmlformats.org/officeDocument/2006/relationships/hyperlink" Target="http://www.microsoft.com/whdc/resources/respec/specs/pmref" TargetMode="External"/><Relationship Id="rId125" Type="http://schemas.openxmlformats.org/officeDocument/2006/relationships/hyperlink" Target="http://www.microsoft.com/whdc/resources/respec/specs/pmref" TargetMode="External"/><Relationship Id="rId7" Type="http://schemas.openxmlformats.org/officeDocument/2006/relationships/image" Target="media/image3.png"/><Relationship Id="rId71" Type="http://schemas.openxmlformats.org/officeDocument/2006/relationships/image" Target="media/image67.png"/><Relationship Id="rId92" Type="http://schemas.openxmlformats.org/officeDocument/2006/relationships/image" Target="media/image88.png"/><Relationship Id="rId2" Type="http://schemas.openxmlformats.org/officeDocument/2006/relationships/styles" Target="styles.xml"/><Relationship Id="rId29" Type="http://schemas.openxmlformats.org/officeDocument/2006/relationships/image" Target="media/image25.png"/><Relationship Id="rId24" Type="http://schemas.openxmlformats.org/officeDocument/2006/relationships/image" Target="media/image20.png"/><Relationship Id="rId40" Type="http://schemas.openxmlformats.org/officeDocument/2006/relationships/image" Target="media/image36.png"/><Relationship Id="rId45" Type="http://schemas.openxmlformats.org/officeDocument/2006/relationships/image" Target="media/image41.png"/><Relationship Id="rId66" Type="http://schemas.openxmlformats.org/officeDocument/2006/relationships/image" Target="media/image62.png"/><Relationship Id="rId87" Type="http://schemas.openxmlformats.org/officeDocument/2006/relationships/image" Target="media/image83.png"/><Relationship Id="rId110" Type="http://schemas.openxmlformats.org/officeDocument/2006/relationships/image" Target="media/image106.png"/><Relationship Id="rId115" Type="http://schemas.openxmlformats.org/officeDocument/2006/relationships/hyperlink" Target="http://msdn.com/" TargetMode="External"/><Relationship Id="rId131" Type="http://schemas.openxmlformats.org/officeDocument/2006/relationships/hyperlink" Target="http://www.microsoft.com/whdc/resources/respec/specs/pmref" TargetMode="External"/><Relationship Id="rId136" Type="http://schemas.openxmlformats.org/officeDocument/2006/relationships/fontTable" Target="fontTable.xml"/><Relationship Id="rId61" Type="http://schemas.openxmlformats.org/officeDocument/2006/relationships/image" Target="media/image57.png"/><Relationship Id="rId82" Type="http://schemas.openxmlformats.org/officeDocument/2006/relationships/image" Target="media/image78.png"/><Relationship Id="rId19" Type="http://schemas.openxmlformats.org/officeDocument/2006/relationships/image" Target="media/image15.png"/></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40</Pages>
  <Words>15996</Words>
  <Characters>91181</Characters>
  <Application>Microsoft Office Word</Application>
  <DocSecurity>0</DocSecurity>
  <Lines>759</Lines>
  <Paragraphs>213</Paragraphs>
  <ScaleCrop>false</ScaleCrop>
  <HeadingPairs>
    <vt:vector size="2" baseType="variant">
      <vt:variant>
        <vt:lpstr>Название</vt:lpstr>
      </vt:variant>
      <vt:variant>
        <vt:i4>1</vt:i4>
      </vt:variant>
    </vt:vector>
  </HeadingPairs>
  <TitlesOfParts>
    <vt:vector size="1" baseType="lpstr">
      <vt:lpstr>Управление вводом-выводом, файловой системой и безопасностью в ОС Windows. Часть 2. Ввод-вывод и внешняя память</vt:lpstr>
    </vt:vector>
  </TitlesOfParts>
  <Company/>
  <LinksUpToDate>false</LinksUpToDate>
  <CharactersWithSpaces>1069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Управление вводом-выводом, файловой системой и безопасностью в ОС Windows. Часть 2. Ввод-вывод и внешняя память</dc:title>
  <dc:subject>Лекция</dc:subject>
  <dc:creator>Vlad Kovtun</dc:creator>
  <cp:keywords>Windows, ввод-вывод, файловая система, беопсность</cp:keywords>
  <cp:lastModifiedBy>GAI</cp:lastModifiedBy>
  <cp:revision>2</cp:revision>
  <dcterms:created xsi:type="dcterms:W3CDTF">2019-10-27T18:57:00Z</dcterms:created>
  <dcterms:modified xsi:type="dcterms:W3CDTF">2019-10-27T18:57:00Z</dcterms:modified>
</cp:coreProperties>
</file>